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fileSharing readOnlyRecommended="1"/>
  <workbookPr codeName="ThisWorkbook" defaultThemeVersion="124226"/>
  <mc:AlternateContent xmlns:mc="http://schemas.openxmlformats.org/markup-compatibility/2006">
    <mc:Choice Requires="x15">
      <x15ac:absPath xmlns:x15ac="http://schemas.microsoft.com/office/spreadsheetml/2010/11/ac" url="\\kfs01sec\s1393\企画Ｇ\14_定期報告・調査関係\03介護保険事業状況報告\02_月報HP\R5年度\"/>
    </mc:Choice>
  </mc:AlternateContent>
  <bookViews>
    <workbookView xWindow="240" yWindow="72" windowWidth="14940" windowHeight="8556" tabRatio="853" firstSheet="11" activeTab="24"/>
  </bookViews>
  <sheets>
    <sheet name="第１表" sheetId="1" r:id="rId1"/>
    <sheet name="第２-1表" sheetId="8" r:id="rId2"/>
    <sheet name="第２-2表" sheetId="19" r:id="rId3"/>
    <sheet name="第２-3表" sheetId="28" r:id="rId4"/>
    <sheet name="第３-1表" sheetId="9" r:id="rId5"/>
    <sheet name="第３-2-1表" sheetId="10" r:id="rId6"/>
    <sheet name="第３-2-2表" sheetId="21" r:id="rId7"/>
    <sheet name="第３-2-3表 " sheetId="29" r:id="rId8"/>
    <sheet name="第3-3-1表" sheetId="11" r:id="rId9"/>
    <sheet name="第3-3-2表" sheetId="22" r:id="rId10"/>
    <sheet name="第3-3-3表 " sheetId="30" r:id="rId11"/>
    <sheet name="第４-1表" sheetId="4" r:id="rId12"/>
    <sheet name="第4-2-1表" sheetId="13" r:id="rId13"/>
    <sheet name="第4-2-2表" sheetId="23" r:id="rId14"/>
    <sheet name="第4-2-3表" sheetId="31" r:id="rId15"/>
    <sheet name="第4-3-1表" sheetId="14" r:id="rId16"/>
    <sheet name="第4-3-2表" sheetId="24" r:id="rId17"/>
    <sheet name="第4-3-3表" sheetId="32" r:id="rId18"/>
    <sheet name="第5-1表" sheetId="5" r:id="rId19"/>
    <sheet name="第5-2表" sheetId="25" r:id="rId20"/>
    <sheet name="第5-3表" sheetId="33" r:id="rId21"/>
    <sheet name="第６-1表" sheetId="6" r:id="rId22"/>
    <sheet name="第６-2表" sheetId="26" r:id="rId23"/>
    <sheet name="第６-3表 " sheetId="34" r:id="rId24"/>
    <sheet name="第7表" sheetId="18" r:id="rId25"/>
  </sheets>
  <definedNames>
    <definedName name="_xlnm.Print_Area" localSheetId="0">第１表!$A$1:$J$41</definedName>
    <definedName name="_xlnm.Print_Area" localSheetId="1">'第２-1表'!$A$1:$KM$41</definedName>
    <definedName name="_xlnm.Print_Area" localSheetId="2">'第２-2表'!$A$1:$KM$41</definedName>
    <definedName name="_xlnm.Print_Area" localSheetId="3">'第２-3表'!$A$1:$KM$41</definedName>
    <definedName name="_xlnm.Print_Area" localSheetId="8">'第3-3-1表'!$B$1:$CW$40</definedName>
    <definedName name="_xlnm.Print_Area" localSheetId="9">'第3-3-2表'!$B$1:$CW$40</definedName>
    <definedName name="_xlnm.Print_Area" localSheetId="10">'第3-3-3表 '!$B$1:$CW$40</definedName>
    <definedName name="_xlnm.Print_Titles" localSheetId="1">'第２-1表'!$B:$B,'第２-1表'!$1:$2</definedName>
    <definedName name="_xlnm.Print_Titles" localSheetId="2">'第２-2表'!$B:$B,'第２-2表'!$1:$2</definedName>
    <definedName name="_xlnm.Print_Titles" localSheetId="3">'第２-3表'!$B:$B,'第２-3表'!$1:$2</definedName>
    <definedName name="_xlnm.Print_Titles" localSheetId="4">'第３-1表'!$B:$B</definedName>
    <definedName name="_xlnm.Print_Titles" localSheetId="5">'第３-2-1表'!$B:$B,'第３-2-1表'!$1:$2</definedName>
    <definedName name="_xlnm.Print_Titles" localSheetId="6">'第３-2-2表'!$B:$B,'第３-2-2表'!$1:$2</definedName>
    <definedName name="_xlnm.Print_Titles" localSheetId="7">'第３-2-3表 '!$B:$B,'第３-2-3表 '!$1:$2</definedName>
    <definedName name="_xlnm.Print_Titles" localSheetId="11">'第４-1表'!$B:$B</definedName>
    <definedName name="_xlnm.Print_Titles" localSheetId="18">'第5-1表'!$B:$B</definedName>
    <definedName name="_xlnm.Print_Titles" localSheetId="19">'第5-2表'!$B:$B</definedName>
    <definedName name="_xlnm.Print_Titles" localSheetId="20">'第5-3表'!$B:$B</definedName>
    <definedName name="_xlnm.Print_Titles" localSheetId="21">'第６-1表'!$B:$B</definedName>
    <definedName name="_xlnm.Print_Titles" localSheetId="22">'第６-2表'!$B:$B</definedName>
    <definedName name="_xlnm.Print_Titles" localSheetId="23">'第６-3表 '!$B:$B</definedName>
    <definedName name="_xlnm.Print_Titles" localSheetId="24">第7表!$B:$B</definedName>
  </definedNames>
  <calcPr calcId="162913"/>
</workbook>
</file>

<file path=xl/calcChain.xml><?xml version="1.0" encoding="utf-8"?>
<calcChain xmlns="http://schemas.openxmlformats.org/spreadsheetml/2006/main">
  <c r="I1" i="10" l="1"/>
  <c r="H4" i="1" l="1"/>
  <c r="F1" i="34" l="1"/>
  <c r="G1" i="34" s="1"/>
  <c r="E1" i="34"/>
  <c r="F1" i="6"/>
  <c r="G1" i="6" s="1"/>
  <c r="G1" i="33"/>
  <c r="H1" i="33" s="1"/>
  <c r="F1" i="33"/>
  <c r="H1" i="5"/>
  <c r="I1" i="5" s="1"/>
  <c r="F1" i="5"/>
  <c r="J1" i="30"/>
  <c r="G1" i="25" l="1"/>
  <c r="H1" i="25" s="1"/>
  <c r="F1" i="25"/>
  <c r="J1" i="32" l="1"/>
  <c r="K1" i="32" s="1"/>
  <c r="H1" i="32"/>
  <c r="K1" i="31"/>
  <c r="L1" i="31" s="1"/>
  <c r="I1" i="31"/>
  <c r="L1" i="30"/>
  <c r="M1" i="30" s="1"/>
  <c r="K1" i="29"/>
  <c r="L1" i="29" s="1"/>
  <c r="I1" i="29"/>
  <c r="H1" i="28"/>
  <c r="I1" i="28" s="1"/>
  <c r="F1" i="28"/>
  <c r="E1" i="18" l="1"/>
  <c r="E1" i="26"/>
  <c r="E1" i="6"/>
  <c r="H1" i="24"/>
  <c r="H1" i="14"/>
  <c r="I1" i="23"/>
  <c r="I1" i="13"/>
  <c r="H1" i="4"/>
  <c r="J1" i="22"/>
  <c r="J1" i="11"/>
  <c r="I1" i="21"/>
  <c r="G1" i="9"/>
  <c r="F1" i="19"/>
  <c r="F1" i="8"/>
  <c r="F1" i="18" l="1"/>
  <c r="F1" i="26"/>
  <c r="J1" i="24"/>
  <c r="J1" i="14"/>
  <c r="K1" i="23"/>
  <c r="K1" i="13"/>
  <c r="J1" i="4"/>
  <c r="L1" i="22"/>
  <c r="L1" i="11"/>
  <c r="K1" i="21"/>
  <c r="K1" i="10"/>
  <c r="I1" i="9"/>
  <c r="H1" i="19"/>
  <c r="I1" i="19" s="1"/>
  <c r="H1" i="8"/>
  <c r="I1" i="8" s="1"/>
  <c r="J1" i="9" l="1"/>
  <c r="G1" i="26"/>
  <c r="K1" i="24"/>
  <c r="L1" i="23"/>
  <c r="M1" i="22"/>
  <c r="L1" i="21"/>
  <c r="G1" i="18"/>
  <c r="K1" i="14"/>
  <c r="L1" i="13"/>
  <c r="M1" i="11"/>
  <c r="L1" i="10"/>
  <c r="K1" i="4"/>
</calcChain>
</file>

<file path=xl/sharedStrings.xml><?xml version="1.0" encoding="utf-8"?>
<sst xmlns="http://schemas.openxmlformats.org/spreadsheetml/2006/main" count="5571" uniqueCount="163">
  <si>
    <t>介護保険事業状況報告</t>
  </si>
  <si>
    <t>第1号被保険者数（人）</t>
  </si>
  <si>
    <t>当月末現在</t>
  </si>
  <si>
    <t>６５歳以上７５歳未満</t>
  </si>
  <si>
    <t>神奈川県</t>
  </si>
  <si>
    <t>横浜市</t>
  </si>
  <si>
    <t>川崎市</t>
  </si>
  <si>
    <t>横須賀市</t>
  </si>
  <si>
    <t>平塚市</t>
  </si>
  <si>
    <t>鎌倉市</t>
  </si>
  <si>
    <t>藤沢市</t>
  </si>
  <si>
    <t>小田原市</t>
  </si>
  <si>
    <t>茅ヶ崎市</t>
  </si>
  <si>
    <t>逗子市</t>
  </si>
  <si>
    <t>相模原市</t>
  </si>
  <si>
    <t>三浦市</t>
  </si>
  <si>
    <t>秦野市</t>
  </si>
  <si>
    <t>厚木市</t>
  </si>
  <si>
    <t>大和市</t>
  </si>
  <si>
    <t>伊勢原市</t>
  </si>
  <si>
    <t>海老名市</t>
  </si>
  <si>
    <t>座間市</t>
  </si>
  <si>
    <t>南足柄市</t>
  </si>
  <si>
    <t>綾瀬市</t>
  </si>
  <si>
    <t>葉山町</t>
  </si>
  <si>
    <t>寒川町</t>
  </si>
  <si>
    <t>大磯町</t>
  </si>
  <si>
    <t>二宮町</t>
  </si>
  <si>
    <t>中井町</t>
  </si>
  <si>
    <t>大井町</t>
  </si>
  <si>
    <t>松田町</t>
  </si>
  <si>
    <t>山北町</t>
  </si>
  <si>
    <t>開成町</t>
  </si>
  <si>
    <t>箱根町</t>
  </si>
  <si>
    <t>真鶴町</t>
  </si>
  <si>
    <t>湯河原町</t>
  </si>
  <si>
    <t>愛川町</t>
  </si>
  <si>
    <t>清川村</t>
  </si>
  <si>
    <t>区分</t>
  </si>
  <si>
    <t>第１号被保険者</t>
  </si>
  <si>
    <t>第２号被保険者</t>
  </si>
  <si>
    <t>総数</t>
  </si>
  <si>
    <t>市町村名</t>
  </si>
  <si>
    <t>要支援１</t>
  </si>
  <si>
    <t>要支援２</t>
  </si>
  <si>
    <t>計</t>
  </si>
  <si>
    <t>経過的
要介護</t>
  </si>
  <si>
    <t>要介護１</t>
  </si>
  <si>
    <t>要介護２</t>
  </si>
  <si>
    <t>要介護３</t>
  </si>
  <si>
    <t>要介護４</t>
  </si>
  <si>
    <t>要介護５</t>
  </si>
  <si>
    <t>合計</t>
  </si>
  <si>
    <t>第１被保険者</t>
  </si>
  <si>
    <t>第２被保険者</t>
  </si>
  <si>
    <t>総　　　計</t>
  </si>
  <si>
    <t>施設介護サービス受給者数（人）</t>
  </si>
  <si>
    <t>介護老人福祉施設</t>
  </si>
  <si>
    <t>介護老人保健施設</t>
  </si>
  <si>
    <t>介護療養型医療施設</t>
  </si>
  <si>
    <t>総計</t>
  </si>
  <si>
    <t>予防給付</t>
  </si>
  <si>
    <t>介護給付</t>
  </si>
  <si>
    <t>居宅(介護予防)サービス</t>
  </si>
  <si>
    <t>訪問サービス</t>
  </si>
  <si>
    <t>通所サービス</t>
  </si>
  <si>
    <t>短期入所サービス</t>
  </si>
  <si>
    <t>福祉用具・住宅改修サービス</t>
  </si>
  <si>
    <t>特定施設入居者生活介護</t>
  </si>
  <si>
    <t>介護予防支援・居宅介護支援</t>
  </si>
  <si>
    <t>訪問介護</t>
  </si>
  <si>
    <t>訪問入浴介護</t>
  </si>
  <si>
    <t>訪問看護</t>
  </si>
  <si>
    <t>訪問リハビリテーション</t>
  </si>
  <si>
    <t>居宅療養管理指導</t>
  </si>
  <si>
    <t>通所介護</t>
  </si>
  <si>
    <t>通所リハビリテーション</t>
  </si>
  <si>
    <t>短期入所生活介護</t>
  </si>
  <si>
    <t>短期入所療養介護（介護老人保健施設）</t>
  </si>
  <si>
    <t>短期入所療養介護（介護療養型医療施設等）</t>
  </si>
  <si>
    <t>福祉用具貸与</t>
  </si>
  <si>
    <t>福祉用具購入費</t>
  </si>
  <si>
    <t>住宅改修費</t>
  </si>
  <si>
    <t>経過的要介護</t>
  </si>
  <si>
    <t>※　千円未満四捨五入処理のため、計は合わない。</t>
  </si>
  <si>
    <t>地域密着型(介護予防)サービス</t>
  </si>
  <si>
    <t>施設サービス</t>
  </si>
  <si>
    <t>　</t>
    <phoneticPr fontId="4"/>
  </si>
  <si>
    <t>夜間対応型訪問介護</t>
    <phoneticPr fontId="4"/>
  </si>
  <si>
    <t>小規模多機能型居宅介護</t>
    <phoneticPr fontId="4"/>
  </si>
  <si>
    <t>認知症対応型通所介護</t>
    <phoneticPr fontId="4"/>
  </si>
  <si>
    <t>認知症対応型共同生活介護</t>
    <phoneticPr fontId="4"/>
  </si>
  <si>
    <t>地域密着型特定施設入居者生活介護</t>
    <phoneticPr fontId="4"/>
  </si>
  <si>
    <t>地域密着型介護老人福祉施設入所者生活介護</t>
    <phoneticPr fontId="4"/>
  </si>
  <si>
    <t>定期巡回・随時対応型訪問介護看護</t>
    <phoneticPr fontId="4"/>
  </si>
  <si>
    <t>計</t>
    <phoneticPr fontId="4"/>
  </si>
  <si>
    <t>男</t>
    <rPh sb="0" eb="1">
      <t>オトコ</t>
    </rPh>
    <phoneticPr fontId="4"/>
  </si>
  <si>
    <t>６５歳以上７０歳未満</t>
    <phoneticPr fontId="4"/>
  </si>
  <si>
    <t>７０歳以上７５歳未満</t>
    <phoneticPr fontId="4"/>
  </si>
  <si>
    <t>７５歳以上８０歳未満</t>
    <phoneticPr fontId="4"/>
  </si>
  <si>
    <t>８０歳以上８５歳未満</t>
    <phoneticPr fontId="4"/>
  </si>
  <si>
    <r>
      <t>８５歳以上９０</t>
    </r>
    <r>
      <rPr>
        <sz val="11"/>
        <rFont val="ＭＳ Ｐゴシック"/>
        <family val="3"/>
        <charset val="128"/>
      </rPr>
      <t>歳未満</t>
    </r>
    <phoneticPr fontId="4"/>
  </si>
  <si>
    <t>９０歳以上</t>
    <phoneticPr fontId="4"/>
  </si>
  <si>
    <t>女</t>
    <rPh sb="0" eb="1">
      <t>オンナ</t>
    </rPh>
    <phoneticPr fontId="4"/>
  </si>
  <si>
    <t>計</t>
    <rPh sb="0" eb="1">
      <t>ケイ</t>
    </rPh>
    <phoneticPr fontId="4"/>
  </si>
  <si>
    <t>短期入所療養介護（介護療養型医療施設等）（日）</t>
  </si>
  <si>
    <t>短期入所生活介護（日）</t>
  </si>
  <si>
    <t>通所リハビリテーション（回）</t>
  </si>
  <si>
    <t>通所介護（回）</t>
  </si>
  <si>
    <t>訪問リハビリテーション（回）</t>
  </si>
  <si>
    <t>訪問看護（回）</t>
  </si>
  <si>
    <t>訪問入浴介護（回）</t>
  </si>
  <si>
    <t>訪問介護（回）</t>
  </si>
  <si>
    <t>認知症対応型通所介護</t>
  </si>
  <si>
    <t>定期巡回・随時対応型訪問介護看護</t>
    <phoneticPr fontId="4"/>
  </si>
  <si>
    <t>夜間対応型訪問介護</t>
    <phoneticPr fontId="4"/>
  </si>
  <si>
    <t>食費</t>
  </si>
  <si>
    <t>地域密着型介護老人福祉施設入所者生活介護</t>
  </si>
  <si>
    <t>居住費（滞在費）</t>
  </si>
  <si>
    <t>要支援１</t>
    <phoneticPr fontId="4"/>
  </si>
  <si>
    <t xml:space="preserve">要介護（要支援）認定者数（人） </t>
    <phoneticPr fontId="4"/>
  </si>
  <si>
    <t>居宅介護(介護予防)サービスのサービス別受給者数【現物給付分】</t>
    <rPh sb="25" eb="27">
      <t>ゲンブツ</t>
    </rPh>
    <rPh sb="27" eb="29">
      <t>キュウフ</t>
    </rPh>
    <rPh sb="29" eb="30">
      <t>ブン</t>
    </rPh>
    <phoneticPr fontId="4"/>
  </si>
  <si>
    <t>居宅介護(介護予防)サービスのサービス別利用回（日）数【現物給付分】</t>
    <rPh sb="28" eb="30">
      <t>ゲンブツ</t>
    </rPh>
    <rPh sb="30" eb="32">
      <t>キュウフ</t>
    </rPh>
    <rPh sb="32" eb="33">
      <t>ブン</t>
    </rPh>
    <phoneticPr fontId="4"/>
  </si>
  <si>
    <t>地域密着型(介護予防)サービスのサービス別受給者数【現物給付分】</t>
    <rPh sb="26" eb="28">
      <t>ゲンブツ</t>
    </rPh>
    <rPh sb="28" eb="30">
      <t>キュウフ</t>
    </rPh>
    <rPh sb="30" eb="31">
      <t>ブン</t>
    </rPh>
    <phoneticPr fontId="4"/>
  </si>
  <si>
    <t>地域密着型(介護予防)サービスの利用回数【現物給付分】</t>
    <phoneticPr fontId="4"/>
  </si>
  <si>
    <t>※国民健康保険団体連合会が保有する受給者台帳を基にしたものであり、提出後に要介護度が遡って変更になる場合がある。</t>
    <rPh sb="1" eb="3">
      <t>コクミン</t>
    </rPh>
    <rPh sb="3" eb="5">
      <t>ケンコウ</t>
    </rPh>
    <rPh sb="5" eb="7">
      <t>ホケン</t>
    </rPh>
    <rPh sb="7" eb="9">
      <t>ダンタイ</t>
    </rPh>
    <rPh sb="9" eb="12">
      <t>レンゴウカイ</t>
    </rPh>
    <rPh sb="13" eb="15">
      <t>ホユウ</t>
    </rPh>
    <rPh sb="17" eb="20">
      <t>ジュキュウシャ</t>
    </rPh>
    <rPh sb="20" eb="22">
      <t>ダイチョウ</t>
    </rPh>
    <rPh sb="23" eb="24">
      <t>モト</t>
    </rPh>
    <rPh sb="33" eb="35">
      <t>テイシュツ</t>
    </rPh>
    <rPh sb="35" eb="36">
      <t>ゴ</t>
    </rPh>
    <rPh sb="37" eb="40">
      <t>ヨウカイゴ</t>
    </rPh>
    <rPh sb="40" eb="41">
      <t>ド</t>
    </rPh>
    <rPh sb="42" eb="43">
      <t>サカノボ</t>
    </rPh>
    <rPh sb="45" eb="47">
      <t>ヘンコウ</t>
    </rPh>
    <rPh sb="50" eb="52">
      <t>バアイ</t>
    </rPh>
    <phoneticPr fontId="4"/>
  </si>
  <si>
    <t>短期入所療養介護（介護老人保健施設）（日）</t>
    <phoneticPr fontId="4"/>
  </si>
  <si>
    <t>地域密着型（介護予防）サービス受給者数（人）</t>
    <phoneticPr fontId="4"/>
  </si>
  <si>
    <t>①総数</t>
    <rPh sb="1" eb="3">
      <t>ソウスウ</t>
    </rPh>
    <phoneticPr fontId="4"/>
  </si>
  <si>
    <t>②総数（再掲：第1号被保険者の2割負担対象者分）</t>
  </si>
  <si>
    <t>②総数（再掲：第1号被保険者の2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①総数</t>
    <phoneticPr fontId="4"/>
  </si>
  <si>
    <t>居宅介護（介護予防）サービス受給者数</t>
    <phoneticPr fontId="4"/>
  </si>
  <si>
    <t>②総数（再掲：第1号被保険者の2割負担対象者分）</t>
    <phoneticPr fontId="4"/>
  </si>
  <si>
    <t>保険給付決定状況</t>
  </si>
  <si>
    <t>②総数（給付費・千円）（再掲：第1号被保険者の2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①総数</t>
    <phoneticPr fontId="4"/>
  </si>
  <si>
    <t>①総数</t>
    <rPh sb="1" eb="3">
      <t>ソウスウ</t>
    </rPh>
    <phoneticPr fontId="4"/>
  </si>
  <si>
    <t>【現物給付分】</t>
    <rPh sb="1" eb="3">
      <t>ゲンブツ</t>
    </rPh>
    <rPh sb="3" eb="5">
      <t>キュウフ</t>
    </rPh>
    <rPh sb="5" eb="6">
      <t>ブン</t>
    </rPh>
    <phoneticPr fontId="4"/>
  </si>
  <si>
    <t>複合型サービス(看護小規模多機能型居宅介護）</t>
    <rPh sb="8" eb="10">
      <t>カンゴ</t>
    </rPh>
    <rPh sb="10" eb="13">
      <t>ショウキボ</t>
    </rPh>
    <rPh sb="13" eb="17">
      <t>タキノウガタ</t>
    </rPh>
    <rPh sb="17" eb="19">
      <t>キョタク</t>
    </rPh>
    <rPh sb="19" eb="21">
      <t>カイゴ</t>
    </rPh>
    <phoneticPr fontId="4"/>
  </si>
  <si>
    <t>地域密着型通所介護</t>
    <rPh sb="0" eb="2">
      <t>チイキ</t>
    </rPh>
    <rPh sb="2" eb="4">
      <t>ミッチャク</t>
    </rPh>
    <phoneticPr fontId="4"/>
  </si>
  <si>
    <t>地域密着型通所介護</t>
    <rPh sb="0" eb="2">
      <t>チイキ</t>
    </rPh>
    <rPh sb="2" eb="4">
      <t>ミッチャク</t>
    </rPh>
    <phoneticPr fontId="4"/>
  </si>
  <si>
    <t>地域密着型通所介護</t>
    <rPh sb="0" eb="4">
      <t>チイキミッチャク</t>
    </rPh>
    <phoneticPr fontId="4"/>
  </si>
  <si>
    <t>複合型サービス(看護小規模多機能型居宅介護）</t>
    <phoneticPr fontId="4"/>
  </si>
  <si>
    <t>保険給付決定状況</t>
    <phoneticPr fontId="4"/>
  </si>
  <si>
    <t>介護給付・予防給付</t>
    <rPh sb="0" eb="2">
      <t>カイゴ</t>
    </rPh>
    <rPh sb="2" eb="4">
      <t>キュウフ</t>
    </rPh>
    <rPh sb="5" eb="7">
      <t>ヨボウ</t>
    </rPh>
    <rPh sb="7" eb="9">
      <t>キュウフ</t>
    </rPh>
    <phoneticPr fontId="4"/>
  </si>
  <si>
    <t>①総数（給付費・千円）</t>
    <phoneticPr fontId="4"/>
  </si>
  <si>
    <t>８５歳以上</t>
    <phoneticPr fontId="4"/>
  </si>
  <si>
    <t>７５歳以上８５歳未満</t>
    <rPh sb="7" eb="10">
      <t>サイミマン</t>
    </rPh>
    <phoneticPr fontId="4"/>
  </si>
  <si>
    <t>介護医療院</t>
    <rPh sb="4" eb="5">
      <t>イン</t>
    </rPh>
    <phoneticPr fontId="4"/>
  </si>
  <si>
    <t>短期入所療養介護（介護医療院）</t>
    <rPh sb="13" eb="14">
      <t>イン</t>
    </rPh>
    <phoneticPr fontId="4"/>
  </si>
  <si>
    <t>②総数（再掲：第1号被保険者の3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②総数（再掲：第1号被保険者の3割負担対象者分）</t>
    <phoneticPr fontId="4"/>
  </si>
  <si>
    <t>②総数（再掲：第1号被保険者の3割負担対象者分）</t>
    <phoneticPr fontId="4"/>
  </si>
  <si>
    <t>②総数（給付費・千円）（再掲：第1号被保険者の3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短期入所療養介護（介護医療院）（日）</t>
    <rPh sb="13" eb="14">
      <t>イン</t>
    </rPh>
    <phoneticPr fontId="4"/>
  </si>
  <si>
    <t>（再掲：第1号被保険者の2割負担対象者分）</t>
    <phoneticPr fontId="4"/>
  </si>
  <si>
    <t>（再掲：第1号被保険者の3割負担対象者分）</t>
    <phoneticPr fontId="4"/>
  </si>
  <si>
    <t>短期入所療養介護（介護医療院）（日）</t>
    <rPh sb="11" eb="13">
      <t>イリョウ</t>
    </rPh>
    <rPh sb="13" eb="14">
      <t>イン</t>
    </rPh>
    <phoneticPr fontId="4"/>
  </si>
  <si>
    <t>短期入所療養介護（介護療養型医療施設等）（日）</t>
    <rPh sb="11" eb="14">
      <t>リョウヨウガタ</t>
    </rPh>
    <rPh sb="16" eb="19">
      <t>シセツトウ</t>
    </rPh>
    <phoneticPr fontId="4"/>
  </si>
  <si>
    <t>要支援２</t>
    <phoneticPr fontId="4"/>
  </si>
  <si>
    <t>特定入所者介護（介護予防）サービス費　総数　給付費（千円）</t>
    <rPh sb="24" eb="25">
      <t>ヒ</t>
    </rPh>
    <rPh sb="26" eb="28">
      <t>センエン</t>
    </rPh>
    <phoneticPr fontId="4"/>
  </si>
  <si>
    <t xml:space="preserve">保険給付決定状況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_ "/>
    <numFmt numFmtId="177" formatCode="#,##0_ ;[Red]\-#,##0\ "/>
    <numFmt numFmtId="178" formatCode="#,##0_);[Red]\(#,##0\)"/>
    <numFmt numFmtId="179" formatCode="#,##0,\ ;\-#,##0,\ "/>
    <numFmt numFmtId="180" formatCode="#,##0,;\-#,##0,"/>
    <numFmt numFmtId="181" formatCode="\(&quot;平成&quot;##&quot;年&quot;"/>
    <numFmt numFmtId="182" formatCode="\(##&quot;月サービス分&quot;\)"/>
    <numFmt numFmtId="183" formatCode="##&quot;月分&quot;\)"/>
    <numFmt numFmtId="184" formatCode="0&quot;月末現在&quot;"/>
    <numFmt numFmtId="185" formatCode="\(##&quot;月末現在&quot;\)"/>
    <numFmt numFmtId="186" formatCode="\(&quot;令和&quot;##&quot;年&quot;"/>
  </numFmts>
  <fonts count="11" x14ac:knownFonts="1">
    <font>
      <sz val="11"/>
      <name val="ＭＳ Ｐゴシック"/>
      <family val="3"/>
      <charset val="128"/>
    </font>
    <font>
      <sz val="12"/>
      <color theme="1"/>
      <name val="ＭＳ 明朝"/>
      <family val="2"/>
      <charset val="128"/>
    </font>
    <font>
      <sz val="11"/>
      <name val="ＭＳ Ｐゴシック"/>
      <family val="3"/>
      <charset val="128"/>
    </font>
    <font>
      <sz val="11"/>
      <name val="ＭＳ Ｐゴシック"/>
      <family val="3"/>
      <charset val="128"/>
    </font>
    <font>
      <sz val="6"/>
      <name val="ＭＳ Ｐゴシック"/>
      <family val="3"/>
      <charset val="128"/>
    </font>
    <font>
      <b/>
      <sz val="11"/>
      <name val="ＭＳ Ｐゴシック"/>
      <family val="3"/>
      <charset val="128"/>
    </font>
    <font>
      <u/>
      <sz val="11"/>
      <name val="ＭＳ Ｐゴシック"/>
      <family val="3"/>
      <charset val="128"/>
    </font>
    <font>
      <sz val="8"/>
      <name val="ＭＳ Ｐゴシック"/>
      <family val="3"/>
      <charset val="128"/>
    </font>
    <font>
      <b/>
      <sz val="10"/>
      <name val="ＭＳ Ｐゴシック"/>
      <family val="3"/>
      <charset val="128"/>
    </font>
    <font>
      <sz val="11"/>
      <color theme="1"/>
      <name val="ＭＳ Ｐゴシック"/>
      <family val="3"/>
      <charset val="128"/>
    </font>
    <font>
      <b/>
      <sz val="11"/>
      <color theme="1"/>
      <name val="ＭＳ Ｐゴシック"/>
      <family val="3"/>
      <charset val="128"/>
    </font>
  </fonts>
  <fills count="2">
    <fill>
      <patternFill patternType="none"/>
    </fill>
    <fill>
      <patternFill patternType="gray125"/>
    </fill>
  </fills>
  <borders count="124">
    <border>
      <left/>
      <right/>
      <top/>
      <bottom/>
      <diagonal/>
    </border>
    <border>
      <left style="medium">
        <color indexed="64"/>
      </left>
      <right/>
      <top style="medium">
        <color indexed="64"/>
      </top>
      <bottom/>
      <diagonal/>
    </border>
    <border>
      <left style="thin">
        <color indexed="64"/>
      </left>
      <right style="thin">
        <color indexed="64"/>
      </right>
      <top style="medium">
        <color indexed="64"/>
      </top>
      <bottom/>
      <diagonal/>
    </border>
    <border>
      <left style="medium">
        <color indexed="64"/>
      </left>
      <right/>
      <top/>
      <bottom style="thin">
        <color indexed="64"/>
      </bottom>
      <diagonal/>
    </border>
    <border>
      <left style="thin">
        <color indexed="64"/>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right style="medium">
        <color indexed="64"/>
      </right>
      <top style="medium">
        <color indexed="64"/>
      </top>
      <bottom/>
      <diagonal/>
    </border>
    <border>
      <left/>
      <right style="thin">
        <color indexed="64"/>
      </right>
      <top style="thin">
        <color indexed="64"/>
      </top>
      <bottom/>
      <diagonal/>
    </border>
    <border>
      <left style="thin">
        <color indexed="64"/>
      </left>
      <right style="thin">
        <color indexed="64"/>
      </right>
      <top style="thin">
        <color indexed="64"/>
      </top>
      <bottom style="medium">
        <color indexed="64"/>
      </bottom>
      <diagonal/>
    </border>
    <border>
      <left style="thin">
        <color indexed="64"/>
      </left>
      <right style="double">
        <color indexed="64"/>
      </right>
      <top style="thin">
        <color indexed="64"/>
      </top>
      <bottom style="medium">
        <color indexed="64"/>
      </bottom>
      <diagonal/>
    </border>
    <border>
      <left style="medium">
        <color indexed="64"/>
      </left>
      <right/>
      <top style="thin">
        <color indexed="64"/>
      </top>
      <bottom style="medium">
        <color indexed="64"/>
      </bottom>
      <diagonal/>
    </border>
    <border>
      <left style="medium">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double">
        <color indexed="64"/>
      </right>
      <top style="medium">
        <color indexed="64"/>
      </top>
      <bottom/>
      <diagonal/>
    </border>
    <border>
      <left/>
      <right style="thin">
        <color indexed="64"/>
      </right>
      <top style="medium">
        <color indexed="64"/>
      </top>
      <bottom/>
      <diagonal/>
    </border>
    <border>
      <left style="medium">
        <color indexed="64"/>
      </left>
      <right style="medium">
        <color indexed="64"/>
      </right>
      <top style="thin">
        <color indexed="64"/>
      </top>
      <bottom style="medium">
        <color indexed="64"/>
      </bottom>
      <diagonal/>
    </border>
    <border>
      <left style="medium">
        <color indexed="64"/>
      </left>
      <right style="thin">
        <color indexed="64"/>
      </right>
      <top style="thin">
        <color indexed="64"/>
      </top>
      <bottom/>
      <diagonal/>
    </border>
    <border>
      <left style="thin">
        <color indexed="64"/>
      </left>
      <right/>
      <top style="thin">
        <color indexed="64"/>
      </top>
      <bottom/>
      <diagonal/>
    </border>
    <border>
      <left style="double">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double">
        <color indexed="64"/>
      </right>
      <top style="thin">
        <color indexed="64"/>
      </top>
      <bottom/>
      <diagonal/>
    </border>
    <border>
      <left style="thin">
        <color indexed="64"/>
      </left>
      <right/>
      <top style="thin">
        <color indexed="64"/>
      </top>
      <bottom style="medium">
        <color indexed="64"/>
      </bottom>
      <diagonal/>
    </border>
    <border>
      <left style="double">
        <color indexed="64"/>
      </left>
      <right style="thin">
        <color indexed="64"/>
      </right>
      <top style="thin">
        <color indexed="64"/>
      </top>
      <bottom style="medium">
        <color indexed="64"/>
      </bottom>
      <diagonal/>
    </border>
    <border>
      <left style="medium">
        <color indexed="64"/>
      </left>
      <right/>
      <top style="medium">
        <color indexed="64"/>
      </top>
      <bottom style="thin">
        <color indexed="64"/>
      </bottom>
      <diagonal/>
    </border>
    <border>
      <left style="medium">
        <color indexed="64"/>
      </left>
      <right/>
      <top/>
      <bottom/>
      <diagonal/>
    </border>
    <border>
      <left/>
      <right style="medium">
        <color indexed="64"/>
      </right>
      <top style="thin">
        <color indexed="64"/>
      </top>
      <bottom/>
      <diagonal/>
    </border>
    <border>
      <left/>
      <right style="medium">
        <color indexed="64"/>
      </right>
      <top style="thin">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right style="thin">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double">
        <color indexed="64"/>
      </left>
      <right style="medium">
        <color indexed="64"/>
      </right>
      <top style="medium">
        <color indexed="64"/>
      </top>
      <bottom style="thin">
        <color indexed="64"/>
      </bottom>
      <diagonal/>
    </border>
    <border>
      <left style="thin">
        <color indexed="64"/>
      </left>
      <right/>
      <top style="thin">
        <color indexed="64"/>
      </top>
      <bottom style="thin">
        <color indexed="64"/>
      </bottom>
      <diagonal/>
    </border>
    <border>
      <left style="double">
        <color indexed="64"/>
      </left>
      <right style="medium">
        <color indexed="64"/>
      </right>
      <top style="thin">
        <color indexed="64"/>
      </top>
      <bottom style="thin">
        <color indexed="64"/>
      </bottom>
      <diagonal/>
    </border>
    <border>
      <left style="double">
        <color indexed="64"/>
      </left>
      <right style="medium">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bottom style="thin">
        <color indexed="64"/>
      </bottom>
      <diagonal/>
    </border>
    <border>
      <left style="thin">
        <color indexed="64"/>
      </left>
      <right style="double">
        <color indexed="64"/>
      </right>
      <top style="medium">
        <color indexed="64"/>
      </top>
      <bottom style="thin">
        <color indexed="64"/>
      </bottom>
      <diagonal/>
    </border>
    <border>
      <left/>
      <right style="double">
        <color indexed="64"/>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style="double">
        <color indexed="64"/>
      </right>
      <top style="thin">
        <color indexed="64"/>
      </top>
      <bottom style="thin">
        <color indexed="64"/>
      </bottom>
      <diagonal/>
    </border>
    <border>
      <left/>
      <right style="double">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bottom style="thin">
        <color indexed="64"/>
      </bottom>
      <diagonal/>
    </border>
    <border>
      <left/>
      <right style="double">
        <color indexed="64"/>
      </right>
      <top style="thin">
        <color indexed="64"/>
      </top>
      <bottom style="medium">
        <color indexed="64"/>
      </bottom>
      <diagonal/>
    </border>
    <border>
      <left style="double">
        <color indexed="64"/>
      </left>
      <right style="thin">
        <color indexed="64"/>
      </right>
      <top style="medium">
        <color indexed="64"/>
      </top>
      <bottom style="thin">
        <color indexed="64"/>
      </bottom>
      <diagonal/>
    </border>
    <border>
      <left/>
      <right style="thin">
        <color indexed="64"/>
      </right>
      <top style="medium">
        <color indexed="64"/>
      </top>
      <bottom style="thin">
        <color indexed="64"/>
      </bottom>
      <diagonal/>
    </border>
    <border>
      <left style="double">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right/>
      <top style="thin">
        <color indexed="64"/>
      </top>
      <bottom style="thin">
        <color indexed="64"/>
      </bottom>
      <diagonal/>
    </border>
    <border>
      <left/>
      <right/>
      <top/>
      <bottom style="thin">
        <color indexed="64"/>
      </bottom>
      <diagonal/>
    </border>
    <border>
      <left/>
      <right/>
      <top style="medium">
        <color indexed="64"/>
      </top>
      <bottom style="thin">
        <color indexed="64"/>
      </bottom>
      <diagonal/>
    </border>
    <border>
      <left/>
      <right style="medium">
        <color indexed="64"/>
      </right>
      <top/>
      <bottom style="thin">
        <color indexed="64"/>
      </bottom>
      <diagonal/>
    </border>
    <border diagonalUp="1">
      <left style="double">
        <color indexed="64"/>
      </left>
      <right style="thin">
        <color indexed="64"/>
      </right>
      <top/>
      <bottom style="thin">
        <color indexed="64"/>
      </bottom>
      <diagonal style="thin">
        <color indexed="64"/>
      </diagonal>
    </border>
    <border>
      <left style="double">
        <color indexed="64"/>
      </left>
      <right/>
      <top style="medium">
        <color indexed="64"/>
      </top>
      <bottom style="thin">
        <color indexed="64"/>
      </bottom>
      <diagonal/>
    </border>
    <border diagonalUp="1">
      <left style="double">
        <color indexed="64"/>
      </left>
      <right style="thin">
        <color indexed="64"/>
      </right>
      <top style="medium">
        <color indexed="64"/>
      </top>
      <bottom style="thin">
        <color indexed="64"/>
      </bottom>
      <diagonal style="thin">
        <color indexed="64"/>
      </diagonal>
    </border>
    <border diagonalUp="1">
      <left/>
      <right style="thin">
        <color indexed="64"/>
      </right>
      <top/>
      <bottom style="thin">
        <color indexed="64"/>
      </bottom>
      <diagonal style="thin">
        <color indexed="64"/>
      </diagonal>
    </border>
    <border>
      <left style="double">
        <color indexed="64"/>
      </left>
      <right style="thin">
        <color indexed="64"/>
      </right>
      <top/>
      <bottom/>
      <diagonal/>
    </border>
    <border>
      <left style="thin">
        <color indexed="64"/>
      </left>
      <right style="thin">
        <color indexed="64"/>
      </right>
      <top/>
      <bottom/>
      <diagonal/>
    </border>
    <border>
      <left/>
      <right style="thin">
        <color indexed="64"/>
      </right>
      <top/>
      <bottom/>
      <diagonal/>
    </border>
    <border>
      <left style="thin">
        <color indexed="64"/>
      </left>
      <right style="double">
        <color indexed="64"/>
      </right>
      <top/>
      <bottom/>
      <diagonal/>
    </border>
    <border diagonalUp="1">
      <left style="double">
        <color indexed="64"/>
      </left>
      <right style="thin">
        <color indexed="64"/>
      </right>
      <top style="thin">
        <color indexed="64"/>
      </top>
      <bottom style="thin">
        <color indexed="64"/>
      </bottom>
      <diagonal style="thin">
        <color indexed="64"/>
      </diagonal>
    </border>
    <border>
      <left style="double">
        <color indexed="64"/>
      </left>
      <right/>
      <top style="thin">
        <color indexed="64"/>
      </top>
      <bottom style="thin">
        <color indexed="64"/>
      </bottom>
      <diagonal/>
    </border>
    <border diagonalUp="1">
      <left/>
      <right style="thin">
        <color indexed="64"/>
      </right>
      <top style="thin">
        <color indexed="64"/>
      </top>
      <bottom style="thin">
        <color indexed="64"/>
      </bottom>
      <diagonal style="thin">
        <color indexed="64"/>
      </diagonal>
    </border>
    <border>
      <left/>
      <right/>
      <top style="thin">
        <color indexed="64"/>
      </top>
      <bottom style="medium">
        <color indexed="64"/>
      </bottom>
      <diagonal/>
    </border>
    <border>
      <left style="double">
        <color indexed="64"/>
      </left>
      <right style="thin">
        <color indexed="64"/>
      </right>
      <top/>
      <bottom style="medium">
        <color indexed="64"/>
      </bottom>
      <diagonal/>
    </border>
    <border>
      <left style="thin">
        <color indexed="64"/>
      </left>
      <right style="thin">
        <color indexed="64"/>
      </right>
      <top/>
      <bottom style="medium">
        <color indexed="64"/>
      </bottom>
      <diagonal/>
    </border>
    <border>
      <left/>
      <right style="thin">
        <color indexed="64"/>
      </right>
      <top/>
      <bottom style="medium">
        <color indexed="64"/>
      </bottom>
      <diagonal/>
    </border>
    <border>
      <left/>
      <right/>
      <top/>
      <bottom style="medium">
        <color indexed="64"/>
      </bottom>
      <diagonal/>
    </border>
    <border>
      <left style="thin">
        <color indexed="64"/>
      </left>
      <right style="double">
        <color indexed="64"/>
      </right>
      <top/>
      <bottom style="medium">
        <color indexed="64"/>
      </bottom>
      <diagonal/>
    </border>
    <border diagonalUp="1">
      <left style="double">
        <color indexed="64"/>
      </left>
      <right style="thin">
        <color indexed="64"/>
      </right>
      <top style="thin">
        <color indexed="64"/>
      </top>
      <bottom style="medium">
        <color indexed="64"/>
      </bottom>
      <diagonal style="thin">
        <color indexed="64"/>
      </diagonal>
    </border>
    <border>
      <left style="double">
        <color indexed="64"/>
      </left>
      <right/>
      <top style="thin">
        <color indexed="64"/>
      </top>
      <bottom style="medium">
        <color indexed="64"/>
      </bottom>
      <diagonal/>
    </border>
    <border diagonalUp="1">
      <left/>
      <right style="thin">
        <color indexed="64"/>
      </right>
      <top style="thin">
        <color indexed="64"/>
      </top>
      <bottom style="medium">
        <color indexed="64"/>
      </bottom>
      <diagonal style="thin">
        <color indexed="64"/>
      </diagonal>
    </border>
    <border>
      <left style="thin">
        <color indexed="64"/>
      </left>
      <right style="double">
        <color indexed="64"/>
      </right>
      <top/>
      <bottom style="thin">
        <color indexed="64"/>
      </bottom>
      <diagonal/>
    </border>
    <border>
      <left style="double">
        <color indexed="64"/>
      </left>
      <right/>
      <top/>
      <bottom style="thin">
        <color indexed="64"/>
      </bottom>
      <diagonal/>
    </border>
    <border>
      <left/>
      <right style="double">
        <color indexed="64"/>
      </right>
      <top/>
      <bottom style="thin">
        <color indexed="64"/>
      </bottom>
      <diagonal/>
    </border>
    <border>
      <left/>
      <right/>
      <top style="thin">
        <color indexed="64"/>
      </top>
      <bottom/>
      <diagonal/>
    </border>
    <border>
      <left/>
      <right/>
      <top style="medium">
        <color indexed="64"/>
      </top>
      <bottom/>
      <diagonal/>
    </border>
    <border>
      <left style="medium">
        <color indexed="64"/>
      </left>
      <right style="medium">
        <color indexed="64"/>
      </right>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medium">
        <color indexed="64"/>
      </top>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double">
        <color indexed="64"/>
      </left>
      <right style="medium">
        <color indexed="64"/>
      </right>
      <top style="thin">
        <color indexed="64"/>
      </top>
      <bottom/>
      <diagonal/>
    </border>
    <border>
      <left style="double">
        <color indexed="64"/>
      </left>
      <right style="medium">
        <color indexed="64"/>
      </right>
      <top/>
      <bottom style="medium">
        <color indexed="64"/>
      </bottom>
      <diagonal/>
    </border>
    <border>
      <left style="medium">
        <color indexed="64"/>
      </left>
      <right/>
      <top/>
      <bottom style="medium">
        <color indexed="64"/>
      </bottom>
      <diagonal/>
    </border>
    <border>
      <left/>
      <right style="medium">
        <color indexed="64"/>
      </right>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double">
        <color indexed="64"/>
      </left>
      <right style="medium">
        <color indexed="64"/>
      </right>
      <top/>
      <bottom style="thin">
        <color indexed="64"/>
      </bottom>
      <diagonal/>
    </border>
    <border>
      <left style="double">
        <color indexed="64"/>
      </left>
      <right style="thin">
        <color indexed="64"/>
      </right>
      <top/>
      <bottom style="thin">
        <color indexed="64"/>
      </bottom>
      <diagonal/>
    </border>
    <border>
      <left style="medium">
        <color indexed="64"/>
      </left>
      <right style="medium">
        <color indexed="64"/>
      </right>
      <top/>
      <bottom style="medium">
        <color indexed="64"/>
      </bottom>
      <diagonal/>
    </border>
    <border>
      <left style="medium">
        <color indexed="64"/>
      </left>
      <right/>
      <top style="medium">
        <color indexed="64"/>
      </top>
      <bottom style="medium">
        <color indexed="64"/>
      </bottom>
      <diagonal/>
    </border>
    <border diagonalUp="1">
      <left style="medium">
        <color indexed="64"/>
      </left>
      <right/>
      <top style="medium">
        <color indexed="64"/>
      </top>
      <bottom style="thin">
        <color indexed="64"/>
      </bottom>
      <diagonal style="thin">
        <color indexed="64"/>
      </diagonal>
    </border>
    <border diagonalUp="1">
      <left style="thin">
        <color indexed="64"/>
      </left>
      <right style="thin">
        <color indexed="64"/>
      </right>
      <top style="medium">
        <color indexed="64"/>
      </top>
      <bottom style="thin">
        <color indexed="64"/>
      </bottom>
      <diagonal style="thin">
        <color indexed="64"/>
      </diagonal>
    </border>
    <border diagonalUp="1">
      <left/>
      <right style="double">
        <color indexed="64"/>
      </right>
      <top style="medium">
        <color indexed="64"/>
      </top>
      <bottom style="thin">
        <color indexed="64"/>
      </bottom>
      <diagonal style="thin">
        <color indexed="64"/>
      </diagonal>
    </border>
    <border diagonalUp="1">
      <left/>
      <right/>
      <top style="medium">
        <color indexed="64"/>
      </top>
      <bottom style="thin">
        <color indexed="64"/>
      </bottom>
      <diagonal style="thin">
        <color indexed="64"/>
      </diagonal>
    </border>
    <border diagonalUp="1">
      <left style="double">
        <color indexed="64"/>
      </left>
      <right style="medium">
        <color indexed="64"/>
      </right>
      <top style="medium">
        <color indexed="64"/>
      </top>
      <bottom style="thin">
        <color indexed="64"/>
      </bottom>
      <diagonal style="thin">
        <color indexed="64"/>
      </diagonal>
    </border>
    <border diagonalUp="1">
      <left style="medium">
        <color indexed="64"/>
      </left>
      <right style="thin">
        <color indexed="64"/>
      </right>
      <top style="thin">
        <color indexed="64"/>
      </top>
      <bottom style="thin">
        <color indexed="64"/>
      </bottom>
      <diagonal style="thin">
        <color indexed="64"/>
      </diagonal>
    </border>
    <border diagonalUp="1">
      <left style="thin">
        <color indexed="64"/>
      </left>
      <right style="thin">
        <color indexed="64"/>
      </right>
      <top style="thin">
        <color indexed="64"/>
      </top>
      <bottom style="thin">
        <color indexed="64"/>
      </bottom>
      <diagonal style="thin">
        <color indexed="64"/>
      </diagonal>
    </border>
    <border diagonalUp="1">
      <left style="thin">
        <color indexed="64"/>
      </left>
      <right style="double">
        <color indexed="64"/>
      </right>
      <top style="thin">
        <color indexed="64"/>
      </top>
      <bottom style="thin">
        <color indexed="64"/>
      </bottom>
      <diagonal style="thin">
        <color indexed="64"/>
      </diagonal>
    </border>
    <border diagonalUp="1">
      <left style="thin">
        <color indexed="64"/>
      </left>
      <right/>
      <top style="thin">
        <color indexed="64"/>
      </top>
      <bottom style="thin">
        <color indexed="64"/>
      </bottom>
      <diagonal style="thin">
        <color indexed="64"/>
      </diagonal>
    </border>
    <border diagonalUp="1">
      <left style="double">
        <color indexed="64"/>
      </left>
      <right style="medium">
        <color indexed="64"/>
      </right>
      <top style="thin">
        <color indexed="64"/>
      </top>
      <bottom style="thin">
        <color indexed="64"/>
      </bottom>
      <diagonal style="thin">
        <color indexed="64"/>
      </diagonal>
    </border>
    <border diagonalUp="1">
      <left style="medium">
        <color indexed="64"/>
      </left>
      <right style="thin">
        <color indexed="64"/>
      </right>
      <top style="thin">
        <color indexed="64"/>
      </top>
      <bottom style="medium">
        <color indexed="64"/>
      </bottom>
      <diagonal style="thin">
        <color indexed="64"/>
      </diagonal>
    </border>
    <border diagonalUp="1">
      <left style="thin">
        <color indexed="64"/>
      </left>
      <right style="thin">
        <color indexed="64"/>
      </right>
      <top style="thin">
        <color indexed="64"/>
      </top>
      <bottom style="medium">
        <color indexed="64"/>
      </bottom>
      <diagonal style="thin">
        <color indexed="64"/>
      </diagonal>
    </border>
    <border diagonalUp="1">
      <left style="thin">
        <color indexed="64"/>
      </left>
      <right style="double">
        <color indexed="64"/>
      </right>
      <top style="thin">
        <color indexed="64"/>
      </top>
      <bottom style="medium">
        <color indexed="64"/>
      </bottom>
      <diagonal style="thin">
        <color indexed="64"/>
      </diagonal>
    </border>
    <border diagonalUp="1">
      <left style="thin">
        <color indexed="64"/>
      </left>
      <right/>
      <top style="thin">
        <color indexed="64"/>
      </top>
      <bottom style="medium">
        <color indexed="64"/>
      </bottom>
      <diagonal style="thin">
        <color indexed="64"/>
      </diagonal>
    </border>
    <border diagonalUp="1">
      <left style="double">
        <color indexed="64"/>
      </left>
      <right style="medium">
        <color indexed="64"/>
      </right>
      <top style="thin">
        <color indexed="64"/>
      </top>
      <bottom style="medium">
        <color indexed="64"/>
      </bottom>
      <diagonal style="thin">
        <color indexed="64"/>
      </diagonal>
    </border>
    <border>
      <left style="double">
        <color indexed="64"/>
      </left>
      <right style="medium">
        <color indexed="64"/>
      </right>
      <top style="medium">
        <color indexed="64"/>
      </top>
      <bottom/>
      <diagonal/>
    </border>
    <border>
      <left style="double">
        <color indexed="64"/>
      </left>
      <right style="medium">
        <color indexed="64"/>
      </right>
      <top/>
      <bottom/>
      <diagonal/>
    </border>
    <border>
      <left style="thin">
        <color indexed="64"/>
      </left>
      <right/>
      <top style="medium">
        <color indexed="64"/>
      </top>
      <bottom/>
      <diagonal/>
    </border>
    <border>
      <left style="medium">
        <color indexed="64"/>
      </left>
      <right style="thin">
        <color indexed="64"/>
      </right>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medium">
        <color indexed="64"/>
      </right>
      <top/>
      <bottom style="thin">
        <color indexed="64"/>
      </bottom>
      <diagonal/>
    </border>
    <border>
      <left/>
      <right style="medium">
        <color indexed="64"/>
      </right>
      <top/>
      <bottom/>
      <diagonal/>
    </border>
  </borders>
  <cellStyleXfs count="5">
    <xf numFmtId="0" fontId="0" fillId="0" borderId="0"/>
    <xf numFmtId="38" fontId="3" fillId="0" borderId="0" applyFont="0" applyFill="0" applyBorder="0" applyAlignment="0" applyProtection="0"/>
    <xf numFmtId="0" fontId="2" fillId="0" borderId="0">
      <alignment vertical="center"/>
    </xf>
    <xf numFmtId="0" fontId="1" fillId="0" borderId="0">
      <alignment vertical="center"/>
    </xf>
    <xf numFmtId="38" fontId="2" fillId="0" borderId="0" applyFont="0" applyFill="0" applyBorder="0" applyAlignment="0" applyProtection="0"/>
  </cellStyleXfs>
  <cellXfs count="735">
    <xf numFmtId="0" fontId="0" fillId="0" borderId="0" xfId="0"/>
    <xf numFmtId="0" fontId="3" fillId="0" borderId="0" xfId="0" applyFont="1" applyAlignment="1">
      <alignment vertical="center"/>
    </xf>
    <xf numFmtId="0" fontId="5" fillId="0" borderId="0" xfId="0" applyFont="1" applyAlignment="1">
      <alignment horizontal="center" vertical="center"/>
    </xf>
    <xf numFmtId="0" fontId="3" fillId="0" borderId="0" xfId="0" applyFont="1" applyBorder="1" applyAlignment="1">
      <alignment vertical="center"/>
    </xf>
    <xf numFmtId="0" fontId="6" fillId="0" borderId="0" xfId="0" applyFont="1" applyBorder="1" applyAlignment="1">
      <alignment horizontal="center" vertical="center"/>
    </xf>
    <xf numFmtId="0" fontId="3" fillId="0" borderId="0" xfId="0" applyFont="1" applyBorder="1" applyAlignment="1">
      <alignment horizontal="center" vertical="center"/>
    </xf>
    <xf numFmtId="0" fontId="3" fillId="0" borderId="2" xfId="0" applyFont="1" applyBorder="1" applyAlignment="1">
      <alignment horizontal="center" vertical="center"/>
    </xf>
    <xf numFmtId="0" fontId="3" fillId="0" borderId="3" xfId="0" applyFont="1" applyBorder="1" applyAlignment="1">
      <alignment vertical="center"/>
    </xf>
    <xf numFmtId="38" fontId="3" fillId="0" borderId="4" xfId="1" applyFont="1" applyBorder="1" applyAlignment="1">
      <alignment horizontal="center" vertical="center"/>
    </xf>
    <xf numFmtId="0" fontId="3" fillId="0" borderId="5" xfId="0" applyFont="1" applyBorder="1" applyAlignment="1">
      <alignment horizontal="center" vertical="center" shrinkToFit="1"/>
    </xf>
    <xf numFmtId="0" fontId="5" fillId="0" borderId="0" xfId="0" applyFont="1" applyAlignment="1">
      <alignment horizontal="left" vertical="center"/>
    </xf>
    <xf numFmtId="0" fontId="3" fillId="0" borderId="10" xfId="0" applyFont="1" applyBorder="1" applyAlignment="1">
      <alignment horizontal="center" vertical="center"/>
    </xf>
    <xf numFmtId="0" fontId="3" fillId="0" borderId="11" xfId="0" applyFont="1" applyBorder="1" applyAlignment="1">
      <alignment horizontal="center" vertical="center" wrapText="1"/>
    </xf>
    <xf numFmtId="0" fontId="3" fillId="0" borderId="12" xfId="0" applyFont="1" applyBorder="1" applyAlignment="1">
      <alignment horizontal="center" vertical="center"/>
    </xf>
    <xf numFmtId="0" fontId="3" fillId="0" borderId="13" xfId="0" applyFont="1" applyBorder="1" applyAlignment="1">
      <alignment horizontal="center" vertical="center"/>
    </xf>
    <xf numFmtId="0" fontId="5" fillId="0" borderId="0" xfId="0" applyFont="1" applyAlignment="1">
      <alignment vertical="center"/>
    </xf>
    <xf numFmtId="0" fontId="7" fillId="0" borderId="0" xfId="0" applyFont="1" applyBorder="1" applyAlignment="1">
      <alignment vertical="center"/>
    </xf>
    <xf numFmtId="0" fontId="5" fillId="0" borderId="0" xfId="0" applyFont="1" applyBorder="1" applyAlignment="1">
      <alignment vertical="center"/>
    </xf>
    <xf numFmtId="0" fontId="7" fillId="0" borderId="0" xfId="0" applyFont="1" applyAlignment="1">
      <alignment vertical="center"/>
    </xf>
    <xf numFmtId="0" fontId="7" fillId="0" borderId="0" xfId="0" applyFont="1" applyBorder="1" applyAlignment="1">
      <alignment horizontal="center" vertical="center"/>
    </xf>
    <xf numFmtId="0" fontId="7" fillId="0" borderId="0" xfId="0" applyFont="1" applyBorder="1" applyAlignment="1">
      <alignment horizontal="right" vertical="center"/>
    </xf>
    <xf numFmtId="0" fontId="3" fillId="0" borderId="15" xfId="0" applyFont="1" applyBorder="1" applyAlignment="1">
      <alignment horizontal="center" vertical="center"/>
    </xf>
    <xf numFmtId="0" fontId="3" fillId="0" borderId="16" xfId="0" applyFont="1" applyBorder="1" applyAlignment="1">
      <alignment horizontal="center" vertical="center"/>
    </xf>
    <xf numFmtId="0" fontId="3" fillId="0" borderId="17" xfId="0" applyFont="1" applyBorder="1" applyAlignment="1">
      <alignment horizontal="center" vertical="center"/>
    </xf>
    <xf numFmtId="0" fontId="3" fillId="0" borderId="18" xfId="0" applyFont="1" applyBorder="1" applyAlignment="1">
      <alignment horizontal="center" vertical="center" wrapText="1"/>
    </xf>
    <xf numFmtId="0" fontId="3" fillId="0" borderId="0" xfId="0" applyFont="1" applyBorder="1" applyAlignment="1">
      <alignment horizontal="right" vertical="center"/>
    </xf>
    <xf numFmtId="0" fontId="3" fillId="0" borderId="20" xfId="0" applyFont="1" applyBorder="1" applyAlignment="1">
      <alignment horizontal="center" vertical="center" wrapText="1"/>
    </xf>
    <xf numFmtId="38" fontId="3" fillId="0" borderId="21" xfId="1" applyFont="1" applyBorder="1" applyAlignment="1">
      <alignment horizontal="center" vertical="center" wrapText="1"/>
    </xf>
    <xf numFmtId="0" fontId="3" fillId="0" borderId="22" xfId="0" applyFont="1" applyBorder="1" applyAlignment="1">
      <alignment horizontal="center" vertical="center" wrapText="1"/>
    </xf>
    <xf numFmtId="38" fontId="3" fillId="0" borderId="23" xfId="1" applyFont="1" applyBorder="1" applyAlignment="1">
      <alignment horizontal="center" vertical="center" wrapText="1"/>
    </xf>
    <xf numFmtId="0" fontId="3" fillId="0" borderId="23" xfId="0" applyFont="1" applyBorder="1" applyAlignment="1">
      <alignment horizontal="center" vertical="center" wrapText="1"/>
    </xf>
    <xf numFmtId="38" fontId="3" fillId="0" borderId="24" xfId="1" applyFont="1" applyBorder="1" applyAlignment="1">
      <alignment horizontal="center" vertical="center" wrapText="1"/>
    </xf>
    <xf numFmtId="38" fontId="3" fillId="0" borderId="0" xfId="1" applyFont="1" applyAlignment="1">
      <alignment vertical="center"/>
    </xf>
    <xf numFmtId="38" fontId="3" fillId="0" borderId="0" xfId="1" applyFont="1" applyBorder="1" applyAlignment="1">
      <alignment vertical="center"/>
    </xf>
    <xf numFmtId="0" fontId="3" fillId="0" borderId="0" xfId="0" applyFont="1" applyFill="1" applyAlignment="1">
      <alignment vertical="center"/>
    </xf>
    <xf numFmtId="0" fontId="3" fillId="0" borderId="9" xfId="0" applyFont="1" applyBorder="1" applyAlignment="1">
      <alignment horizontal="center" vertical="center"/>
    </xf>
    <xf numFmtId="0" fontId="3" fillId="0" borderId="25" xfId="0" applyFont="1" applyBorder="1" applyAlignment="1">
      <alignment horizontal="center" vertical="center"/>
    </xf>
    <xf numFmtId="0" fontId="3" fillId="0" borderId="26" xfId="0" applyFont="1" applyBorder="1" applyAlignment="1">
      <alignment horizontal="center" vertical="center" wrapText="1"/>
    </xf>
    <xf numFmtId="0" fontId="2" fillId="0" borderId="0" xfId="0" applyFont="1" applyBorder="1" applyAlignment="1">
      <alignment vertical="center"/>
    </xf>
    <xf numFmtId="0" fontId="2" fillId="0" borderId="0" xfId="0" applyFont="1" applyAlignment="1">
      <alignment vertical="center"/>
    </xf>
    <xf numFmtId="0" fontId="2" fillId="0" borderId="10" xfId="0" applyFont="1" applyBorder="1" applyAlignment="1">
      <alignment horizontal="center" vertical="center"/>
    </xf>
    <xf numFmtId="0" fontId="2" fillId="0" borderId="12" xfId="0" applyFont="1" applyBorder="1" applyAlignment="1">
      <alignment horizontal="center" vertical="center"/>
    </xf>
    <xf numFmtId="0" fontId="2" fillId="0" borderId="13" xfId="0" applyFont="1" applyBorder="1" applyAlignment="1">
      <alignment horizontal="center" vertical="center"/>
    </xf>
    <xf numFmtId="0" fontId="2" fillId="0" borderId="9" xfId="0" applyFont="1" applyBorder="1" applyAlignment="1">
      <alignment horizontal="center" vertical="center"/>
    </xf>
    <xf numFmtId="0" fontId="2" fillId="0" borderId="26" xfId="0" applyFont="1" applyBorder="1" applyAlignment="1">
      <alignment horizontal="center" vertical="center" wrapText="1"/>
    </xf>
    <xf numFmtId="0" fontId="2" fillId="0" borderId="30" xfId="0" applyFont="1" applyBorder="1" applyAlignment="1">
      <alignment horizontal="center" vertical="center"/>
    </xf>
    <xf numFmtId="0" fontId="2" fillId="0" borderId="15" xfId="0" applyFont="1" applyBorder="1" applyAlignment="1">
      <alignment horizontal="center" vertical="center"/>
    </xf>
    <xf numFmtId="0" fontId="2" fillId="0" borderId="16" xfId="0" applyFont="1" applyBorder="1" applyAlignment="1">
      <alignment horizontal="center" vertical="center"/>
    </xf>
    <xf numFmtId="0" fontId="2" fillId="0" borderId="2" xfId="0" applyFont="1" applyBorder="1" applyAlignment="1">
      <alignment horizontal="center" vertical="center"/>
    </xf>
    <xf numFmtId="0" fontId="2" fillId="0" borderId="17" xfId="0" applyFont="1" applyBorder="1" applyAlignment="1">
      <alignment horizontal="center" vertical="center"/>
    </xf>
    <xf numFmtId="0" fontId="2" fillId="0" borderId="18" xfId="0" applyFont="1" applyBorder="1" applyAlignment="1">
      <alignment horizontal="center" vertical="center" wrapText="1"/>
    </xf>
    <xf numFmtId="0" fontId="3" fillId="0" borderId="23" xfId="0" applyFont="1" applyBorder="1" applyAlignment="1">
      <alignment horizontal="center" vertical="center"/>
    </xf>
    <xf numFmtId="0" fontId="3" fillId="0" borderId="21" xfId="0" applyFont="1" applyBorder="1" applyAlignment="1">
      <alignment horizontal="center" vertical="center"/>
    </xf>
    <xf numFmtId="0" fontId="3" fillId="0" borderId="20" xfId="0" applyFont="1" applyBorder="1" applyAlignment="1">
      <alignment horizontal="center" vertical="center"/>
    </xf>
    <xf numFmtId="0" fontId="3" fillId="0" borderId="24" xfId="0" applyFont="1" applyBorder="1" applyAlignment="1">
      <alignment horizontal="center" vertical="center"/>
    </xf>
    <xf numFmtId="0" fontId="3" fillId="0" borderId="33" xfId="0" applyFont="1" applyBorder="1" applyAlignment="1">
      <alignment horizontal="center" vertical="center"/>
    </xf>
    <xf numFmtId="178" fontId="2" fillId="0" borderId="34" xfId="1" applyNumberFormat="1" applyFont="1" applyBorder="1" applyAlignment="1">
      <alignment vertical="center"/>
    </xf>
    <xf numFmtId="178" fontId="2" fillId="0" borderId="35" xfId="1" applyNumberFormat="1" applyFont="1" applyBorder="1" applyAlignment="1">
      <alignment vertical="center"/>
    </xf>
    <xf numFmtId="178" fontId="2" fillId="0" borderId="36" xfId="1" applyNumberFormat="1" applyFont="1" applyBorder="1" applyAlignment="1">
      <alignment vertical="center"/>
    </xf>
    <xf numFmtId="178" fontId="2" fillId="0" borderId="37" xfId="1" applyNumberFormat="1" applyFont="1" applyBorder="1" applyAlignment="1">
      <alignment vertical="center"/>
    </xf>
    <xf numFmtId="178" fontId="2" fillId="0" borderId="8" xfId="1" applyNumberFormat="1" applyFont="1" applyBorder="1" applyAlignment="1">
      <alignment vertical="center"/>
    </xf>
    <xf numFmtId="178" fontId="2" fillId="0" borderId="5" xfId="1" applyNumberFormat="1" applyFont="1" applyBorder="1" applyAlignment="1">
      <alignment vertical="center"/>
    </xf>
    <xf numFmtId="178" fontId="2" fillId="0" borderId="38" xfId="1" applyNumberFormat="1" applyFont="1" applyBorder="1" applyAlignment="1">
      <alignment vertical="center"/>
    </xf>
    <xf numFmtId="178" fontId="2" fillId="0" borderId="39" xfId="1" applyNumberFormat="1" applyFont="1" applyBorder="1" applyAlignment="1">
      <alignment vertical="center"/>
    </xf>
    <xf numFmtId="178" fontId="2" fillId="0" borderId="9" xfId="1" applyNumberFormat="1" applyFont="1" applyBorder="1" applyAlignment="1">
      <alignment vertical="center"/>
    </xf>
    <xf numFmtId="178" fontId="2" fillId="0" borderId="12" xfId="1" applyNumberFormat="1" applyFont="1" applyBorder="1" applyAlignment="1">
      <alignment vertical="center"/>
    </xf>
    <xf numFmtId="178" fontId="2" fillId="0" borderId="25" xfId="1" applyNumberFormat="1" applyFont="1" applyBorder="1" applyAlignment="1">
      <alignment vertical="center"/>
    </xf>
    <xf numFmtId="178" fontId="2" fillId="0" borderId="40" xfId="1" applyNumberFormat="1" applyFont="1" applyBorder="1" applyAlignment="1">
      <alignment vertical="center"/>
    </xf>
    <xf numFmtId="178" fontId="0" fillId="0" borderId="42" xfId="0" applyNumberFormat="1" applyBorder="1" applyAlignment="1">
      <alignment vertical="center"/>
    </xf>
    <xf numFmtId="178" fontId="0" fillId="0" borderId="43" xfId="0" applyNumberFormat="1" applyBorder="1" applyAlignment="1">
      <alignment vertical="center"/>
    </xf>
    <xf numFmtId="178" fontId="0" fillId="0" borderId="44" xfId="0" applyNumberFormat="1" applyBorder="1" applyAlignment="1">
      <alignment vertical="center"/>
    </xf>
    <xf numFmtId="178" fontId="0" fillId="0" borderId="45" xfId="0" applyNumberFormat="1" applyBorder="1" applyAlignment="1">
      <alignment vertical="center"/>
    </xf>
    <xf numFmtId="178" fontId="0" fillId="0" borderId="5" xfId="0" applyNumberFormat="1" applyBorder="1" applyAlignment="1">
      <alignment vertical="center"/>
    </xf>
    <xf numFmtId="178" fontId="0" fillId="0" borderId="46" xfId="0" applyNumberFormat="1" applyBorder="1" applyAlignment="1">
      <alignment vertical="center"/>
    </xf>
    <xf numFmtId="178" fontId="0" fillId="0" borderId="47" xfId="0" applyNumberFormat="1" applyBorder="1" applyAlignment="1">
      <alignment vertical="center"/>
    </xf>
    <xf numFmtId="178" fontId="0" fillId="0" borderId="48" xfId="0" applyNumberFormat="1" applyBorder="1" applyAlignment="1">
      <alignment vertical="center"/>
    </xf>
    <xf numFmtId="178" fontId="2" fillId="0" borderId="49" xfId="1" applyNumberFormat="1" applyFont="1" applyBorder="1" applyAlignment="1">
      <alignment vertical="center"/>
    </xf>
    <xf numFmtId="178" fontId="0" fillId="0" borderId="12" xfId="0" applyNumberFormat="1" applyBorder="1" applyAlignment="1">
      <alignment vertical="center"/>
    </xf>
    <xf numFmtId="178" fontId="0" fillId="0" borderId="13" xfId="0" applyNumberFormat="1" applyBorder="1" applyAlignment="1">
      <alignment vertical="center"/>
    </xf>
    <xf numFmtId="178" fontId="0" fillId="0" borderId="50" xfId="0" applyNumberFormat="1" applyBorder="1" applyAlignment="1">
      <alignment vertical="center"/>
    </xf>
    <xf numFmtId="178" fontId="0" fillId="0" borderId="30" xfId="0" applyNumberFormat="1" applyBorder="1" applyAlignment="1">
      <alignment vertical="center"/>
    </xf>
    <xf numFmtId="177" fontId="3" fillId="0" borderId="34" xfId="1" applyNumberFormat="1" applyFont="1" applyBorder="1" applyAlignment="1">
      <alignment vertical="center"/>
    </xf>
    <xf numFmtId="177" fontId="3" fillId="0" borderId="35" xfId="1" applyNumberFormat="1" applyFont="1" applyBorder="1" applyAlignment="1">
      <alignment vertical="center"/>
    </xf>
    <xf numFmtId="177" fontId="3" fillId="0" borderId="36" xfId="1" applyNumberFormat="1" applyFont="1" applyBorder="1" applyAlignment="1">
      <alignment vertical="center"/>
    </xf>
    <xf numFmtId="177" fontId="3" fillId="0" borderId="51" xfId="1" applyNumberFormat="1" applyFont="1" applyBorder="1" applyAlignment="1">
      <alignment vertical="center"/>
    </xf>
    <xf numFmtId="177" fontId="3" fillId="0" borderId="37" xfId="1" applyNumberFormat="1" applyFont="1" applyBorder="1" applyAlignment="1">
      <alignment vertical="center"/>
    </xf>
    <xf numFmtId="177" fontId="3" fillId="0" borderId="52" xfId="1" applyNumberFormat="1" applyFont="1" applyBorder="1" applyAlignment="1">
      <alignment vertical="center"/>
    </xf>
    <xf numFmtId="177" fontId="3" fillId="0" borderId="8" xfId="1" applyNumberFormat="1" applyFont="1" applyBorder="1" applyAlignment="1">
      <alignment vertical="center"/>
    </xf>
    <xf numFmtId="177" fontId="3" fillId="0" borderId="5" xfId="1" applyNumberFormat="1" applyFont="1" applyBorder="1" applyAlignment="1">
      <alignment vertical="center"/>
    </xf>
    <xf numFmtId="177" fontId="3" fillId="0" borderId="38" xfId="1" applyNumberFormat="1" applyFont="1" applyBorder="1" applyAlignment="1">
      <alignment vertical="center"/>
    </xf>
    <xf numFmtId="177" fontId="3" fillId="0" borderId="53" xfId="1" applyNumberFormat="1" applyFont="1" applyBorder="1" applyAlignment="1">
      <alignment vertical="center"/>
    </xf>
    <xf numFmtId="177" fontId="3" fillId="0" borderId="39" xfId="1" applyNumberFormat="1" applyFont="1" applyBorder="1" applyAlignment="1">
      <alignment vertical="center"/>
    </xf>
    <xf numFmtId="177" fontId="3" fillId="0" borderId="54" xfId="1" applyNumberFormat="1" applyFont="1" applyBorder="1" applyAlignment="1">
      <alignment vertical="center"/>
    </xf>
    <xf numFmtId="177" fontId="3" fillId="0" borderId="9" xfId="1" applyNumberFormat="1" applyFont="1" applyBorder="1" applyAlignment="1">
      <alignment vertical="center"/>
    </xf>
    <xf numFmtId="177" fontId="3" fillId="0" borderId="12" xfId="1" applyNumberFormat="1" applyFont="1" applyBorder="1" applyAlignment="1">
      <alignment vertical="center"/>
    </xf>
    <xf numFmtId="177" fontId="3" fillId="0" borderId="25" xfId="1" applyNumberFormat="1" applyFont="1" applyBorder="1" applyAlignment="1">
      <alignment vertical="center"/>
    </xf>
    <xf numFmtId="177" fontId="3" fillId="0" borderId="26" xfId="1" applyNumberFormat="1" applyFont="1" applyBorder="1" applyAlignment="1">
      <alignment vertical="center"/>
    </xf>
    <xf numFmtId="177" fontId="3" fillId="0" borderId="40" xfId="1" applyNumberFormat="1" applyFont="1" applyBorder="1" applyAlignment="1">
      <alignment vertical="center"/>
    </xf>
    <xf numFmtId="177" fontId="3" fillId="0" borderId="33" xfId="1" applyNumberFormat="1" applyFont="1" applyBorder="1" applyAlignment="1">
      <alignment vertical="center"/>
    </xf>
    <xf numFmtId="179" fontId="2" fillId="0" borderId="56" xfId="0" applyNumberFormat="1" applyFont="1" applyBorder="1"/>
    <xf numFmtId="179" fontId="2" fillId="0" borderId="54" xfId="0" applyNumberFormat="1" applyFont="1" applyBorder="1"/>
    <xf numFmtId="179" fontId="2" fillId="0" borderId="53" xfId="0" applyNumberFormat="1" applyFont="1" applyBorder="1"/>
    <xf numFmtId="179" fontId="2" fillId="0" borderId="38" xfId="0" applyNumberFormat="1" applyFont="1" applyBorder="1"/>
    <xf numFmtId="179" fontId="2" fillId="0" borderId="46" xfId="0" applyNumberFormat="1" applyFont="1" applyBorder="1"/>
    <xf numFmtId="179" fontId="2" fillId="0" borderId="5" xfId="0" applyNumberFormat="1" applyFont="1" applyBorder="1"/>
    <xf numFmtId="179" fontId="2" fillId="0" borderId="8" xfId="0" applyNumberFormat="1" applyFont="1" applyBorder="1"/>
    <xf numFmtId="179" fontId="2" fillId="0" borderId="39" xfId="0" applyNumberFormat="1" applyFont="1" applyBorder="1"/>
    <xf numFmtId="179" fontId="2" fillId="0" borderId="33" xfId="0" applyNumberFormat="1" applyFont="1" applyBorder="1"/>
    <xf numFmtId="180" fontId="2" fillId="0" borderId="53" xfId="0" applyNumberFormat="1" applyFont="1" applyBorder="1"/>
    <xf numFmtId="180" fontId="2" fillId="0" borderId="5" xfId="0" applyNumberFormat="1" applyFont="1" applyBorder="1"/>
    <xf numFmtId="180" fontId="2" fillId="0" borderId="46" xfId="0" applyNumberFormat="1" applyFont="1" applyBorder="1"/>
    <xf numFmtId="180" fontId="2" fillId="0" borderId="56" xfId="0" applyNumberFormat="1" applyFont="1" applyBorder="1"/>
    <xf numFmtId="178" fontId="0" fillId="0" borderId="55" xfId="0" applyNumberFormat="1" applyBorder="1" applyAlignment="1">
      <alignment vertical="center"/>
    </xf>
    <xf numFmtId="178" fontId="0" fillId="0" borderId="54" xfId="0" applyNumberFormat="1" applyBorder="1" applyAlignment="1">
      <alignment vertical="center"/>
    </xf>
    <xf numFmtId="178" fontId="0" fillId="0" borderId="33" xfId="0" applyNumberFormat="1" applyBorder="1" applyAlignment="1">
      <alignment vertical="center"/>
    </xf>
    <xf numFmtId="180" fontId="2" fillId="0" borderId="3" xfId="2" applyNumberFormat="1" applyFont="1" applyBorder="1">
      <alignment vertical="center"/>
    </xf>
    <xf numFmtId="180" fontId="2" fillId="0" borderId="57" xfId="2" applyNumberFormat="1" applyFont="1" applyBorder="1">
      <alignment vertical="center"/>
    </xf>
    <xf numFmtId="180" fontId="2" fillId="0" borderId="59" xfId="2" applyNumberFormat="1" applyFont="1" applyBorder="1">
      <alignment vertical="center"/>
    </xf>
    <xf numFmtId="180" fontId="2" fillId="0" borderId="7" xfId="2" applyNumberFormat="1" applyFont="1" applyBorder="1">
      <alignment vertical="center"/>
    </xf>
    <xf numFmtId="180" fontId="2" fillId="0" borderId="5" xfId="2" applyNumberFormat="1" applyFont="1" applyBorder="1">
      <alignment vertical="center"/>
    </xf>
    <xf numFmtId="180" fontId="2" fillId="0" borderId="56" xfId="2" applyNumberFormat="1" applyFont="1" applyBorder="1">
      <alignment vertical="center"/>
    </xf>
    <xf numFmtId="180" fontId="2" fillId="0" borderId="64" xfId="2" applyNumberFormat="1" applyFont="1" applyBorder="1">
      <alignment vertical="center"/>
    </xf>
    <xf numFmtId="180" fontId="2" fillId="0" borderId="65" xfId="2" applyNumberFormat="1" applyFont="1" applyBorder="1">
      <alignment vertical="center"/>
    </xf>
    <xf numFmtId="180" fontId="2" fillId="0" borderId="66" xfId="2" applyNumberFormat="1" applyFont="1" applyBorder="1">
      <alignment vertical="center"/>
    </xf>
    <xf numFmtId="180" fontId="2" fillId="0" borderId="0" xfId="2" applyNumberFormat="1" applyFont="1" applyBorder="1">
      <alignment vertical="center"/>
    </xf>
    <xf numFmtId="180" fontId="2" fillId="0" borderId="67" xfId="2" applyNumberFormat="1" applyFont="1" applyBorder="1">
      <alignment vertical="center"/>
    </xf>
    <xf numFmtId="180" fontId="2" fillId="0" borderId="48" xfId="2" applyNumberFormat="1" applyFont="1" applyBorder="1">
      <alignment vertical="center"/>
    </xf>
    <xf numFmtId="180" fontId="2" fillId="0" borderId="68" xfId="1" applyNumberFormat="1" applyFont="1" applyFill="1" applyBorder="1" applyAlignment="1">
      <alignment vertical="center"/>
    </xf>
    <xf numFmtId="180" fontId="2" fillId="0" borderId="38" xfId="0" applyNumberFormat="1" applyFont="1" applyBorder="1"/>
    <xf numFmtId="180" fontId="2" fillId="0" borderId="8" xfId="0" applyNumberFormat="1" applyFont="1" applyBorder="1"/>
    <xf numFmtId="180" fontId="2" fillId="0" borderId="48" xfId="0" applyNumberFormat="1" applyFont="1" applyBorder="1"/>
    <xf numFmtId="180" fontId="2" fillId="0" borderId="68" xfId="0" applyNumberFormat="1" applyFont="1" applyBorder="1"/>
    <xf numFmtId="180" fontId="2" fillId="0" borderId="70" xfId="1" applyNumberFormat="1" applyFont="1" applyFill="1" applyBorder="1" applyAlignment="1">
      <alignment vertical="center"/>
    </xf>
    <xf numFmtId="180" fontId="2" fillId="0" borderId="53" xfId="2" applyNumberFormat="1" applyFont="1" applyBorder="1">
      <alignment vertical="center"/>
    </xf>
    <xf numFmtId="180" fontId="2" fillId="0" borderId="54" xfId="2" applyNumberFormat="1" applyFont="1" applyBorder="1">
      <alignment vertical="center"/>
    </xf>
    <xf numFmtId="180" fontId="2" fillId="0" borderId="46" xfId="2" applyNumberFormat="1" applyFont="1" applyBorder="1">
      <alignment vertical="center"/>
    </xf>
    <xf numFmtId="180" fontId="2" fillId="0" borderId="42" xfId="2" applyNumberFormat="1" applyFont="1" applyBorder="1">
      <alignment vertical="center"/>
    </xf>
    <xf numFmtId="180" fontId="2" fillId="0" borderId="0" xfId="2" applyNumberFormat="1" applyFont="1">
      <alignment vertical="center"/>
    </xf>
    <xf numFmtId="180" fontId="2" fillId="0" borderId="14" xfId="2" applyNumberFormat="1" applyFont="1" applyBorder="1">
      <alignment vertical="center"/>
    </xf>
    <xf numFmtId="180" fontId="2" fillId="0" borderId="12" xfId="2" applyNumberFormat="1" applyFont="1" applyBorder="1">
      <alignment vertical="center"/>
    </xf>
    <xf numFmtId="180" fontId="2" fillId="0" borderId="71" xfId="2" applyNumberFormat="1" applyFont="1" applyBorder="1">
      <alignment vertical="center"/>
    </xf>
    <xf numFmtId="180" fontId="2" fillId="0" borderId="72" xfId="2" applyNumberFormat="1" applyFont="1" applyBorder="1">
      <alignment vertical="center"/>
    </xf>
    <xf numFmtId="180" fontId="2" fillId="0" borderId="73" xfId="2" applyNumberFormat="1" applyFont="1" applyBorder="1">
      <alignment vertical="center"/>
    </xf>
    <xf numFmtId="180" fontId="2" fillId="0" borderId="74" xfId="2" applyNumberFormat="1" applyFont="1" applyBorder="1">
      <alignment vertical="center"/>
    </xf>
    <xf numFmtId="180" fontId="2" fillId="0" borderId="75" xfId="2" applyNumberFormat="1" applyFont="1" applyBorder="1">
      <alignment vertical="center"/>
    </xf>
    <xf numFmtId="180" fontId="2" fillId="0" borderId="76" xfId="2" applyNumberFormat="1" applyFont="1" applyBorder="1">
      <alignment vertical="center"/>
    </xf>
    <xf numFmtId="180" fontId="2" fillId="0" borderId="30" xfId="2" applyNumberFormat="1" applyFont="1" applyBorder="1">
      <alignment vertical="center"/>
    </xf>
    <xf numFmtId="180" fontId="2" fillId="0" borderId="77" xfId="1" applyNumberFormat="1" applyFont="1" applyFill="1" applyBorder="1" applyAlignment="1">
      <alignment vertical="center"/>
    </xf>
    <xf numFmtId="180" fontId="2" fillId="0" borderId="12" xfId="0" applyNumberFormat="1" applyFont="1" applyBorder="1"/>
    <xf numFmtId="180" fontId="2" fillId="0" borderId="25" xfId="0" applyNumberFormat="1" applyFont="1" applyBorder="1"/>
    <xf numFmtId="180" fontId="2" fillId="0" borderId="9" xfId="0" applyNumberFormat="1" applyFont="1" applyBorder="1"/>
    <xf numFmtId="180" fontId="2" fillId="0" borderId="26" xfId="0" applyNumberFormat="1" applyFont="1" applyBorder="1"/>
    <xf numFmtId="180" fontId="2" fillId="0" borderId="13" xfId="0" applyNumberFormat="1" applyFont="1" applyBorder="1"/>
    <xf numFmtId="180" fontId="2" fillId="0" borderId="71" xfId="0" applyNumberFormat="1" applyFont="1" applyBorder="1"/>
    <xf numFmtId="180" fontId="2" fillId="0" borderId="30" xfId="0" applyNumberFormat="1" applyFont="1" applyBorder="1"/>
    <xf numFmtId="180" fontId="2" fillId="0" borderId="77" xfId="0" applyNumberFormat="1" applyFont="1" applyBorder="1"/>
    <xf numFmtId="180" fontId="2" fillId="0" borderId="79" xfId="1" applyNumberFormat="1" applyFont="1" applyFill="1" applyBorder="1" applyAlignment="1">
      <alignment vertical="center"/>
    </xf>
    <xf numFmtId="179" fontId="2" fillId="0" borderId="42" xfId="0" applyNumberFormat="1" applyFont="1" applyBorder="1"/>
    <xf numFmtId="179" fontId="2" fillId="0" borderId="80" xfId="0" applyNumberFormat="1" applyFont="1" applyBorder="1"/>
    <xf numFmtId="179" fontId="2" fillId="0" borderId="57" xfId="0" applyNumberFormat="1" applyFont="1" applyBorder="1"/>
    <xf numFmtId="179" fontId="2" fillId="0" borderId="47" xfId="0" applyNumberFormat="1" applyFont="1" applyBorder="1"/>
    <xf numFmtId="179" fontId="2" fillId="0" borderId="67" xfId="0" applyNumberFormat="1" applyFont="1" applyBorder="1"/>
    <xf numFmtId="179" fontId="2" fillId="0" borderId="0" xfId="0" applyNumberFormat="1" applyFont="1"/>
    <xf numFmtId="179" fontId="2" fillId="0" borderId="65" xfId="0" applyNumberFormat="1" applyFont="1" applyBorder="1"/>
    <xf numFmtId="179" fontId="2" fillId="0" borderId="0" xfId="0" applyNumberFormat="1" applyFont="1" applyBorder="1"/>
    <xf numFmtId="179" fontId="2" fillId="0" borderId="12" xfId="0" applyNumberFormat="1" applyFont="1" applyBorder="1"/>
    <xf numFmtId="179" fontId="2" fillId="0" borderId="13" xfId="0" applyNumberFormat="1" applyFont="1" applyBorder="1"/>
    <xf numFmtId="179" fontId="2" fillId="0" borderId="71" xfId="0" applyNumberFormat="1" applyFont="1" applyBorder="1"/>
    <xf numFmtId="179" fontId="2" fillId="0" borderId="40" xfId="0" applyNumberFormat="1" applyFont="1" applyBorder="1"/>
    <xf numFmtId="179" fontId="2" fillId="0" borderId="26" xfId="0" applyNumberFormat="1" applyFont="1" applyBorder="1"/>
    <xf numFmtId="179" fontId="2" fillId="0" borderId="25" xfId="0" applyNumberFormat="1" applyFont="1" applyBorder="1"/>
    <xf numFmtId="179" fontId="2" fillId="0" borderId="9" xfId="0" applyNumberFormat="1" applyFont="1" applyBorder="1"/>
    <xf numFmtId="177" fontId="2" fillId="0" borderId="34" xfId="1" applyNumberFormat="1" applyFont="1" applyBorder="1" applyAlignment="1">
      <alignment vertical="center"/>
    </xf>
    <xf numFmtId="177" fontId="2" fillId="0" borderId="36" xfId="1" applyNumberFormat="1" applyFont="1" applyBorder="1" applyAlignment="1">
      <alignment vertical="center"/>
    </xf>
    <xf numFmtId="177" fontId="2" fillId="0" borderId="51" xfId="1" applyNumberFormat="1" applyFont="1" applyBorder="1" applyAlignment="1">
      <alignment vertical="center"/>
    </xf>
    <xf numFmtId="177" fontId="2" fillId="0" borderId="35" xfId="1" applyNumberFormat="1" applyFont="1" applyBorder="1" applyAlignment="1">
      <alignment vertical="center"/>
    </xf>
    <xf numFmtId="177" fontId="2" fillId="0" borderId="43" xfId="1" applyNumberFormat="1" applyFont="1" applyBorder="1" applyAlignment="1">
      <alignment vertical="center"/>
    </xf>
    <xf numFmtId="177" fontId="2" fillId="0" borderId="58" xfId="1" applyNumberFormat="1" applyFont="1" applyBorder="1" applyAlignment="1">
      <alignment vertical="center"/>
    </xf>
    <xf numFmtId="177" fontId="2" fillId="0" borderId="45" xfId="1" applyNumberFormat="1" applyFont="1" applyBorder="1" applyAlignment="1">
      <alignment vertical="center"/>
    </xf>
    <xf numFmtId="177" fontId="2" fillId="0" borderId="52" xfId="1" applyNumberFormat="1" applyFont="1" applyBorder="1" applyAlignment="1">
      <alignment vertical="center"/>
    </xf>
    <xf numFmtId="177" fontId="2" fillId="0" borderId="37" xfId="1" applyNumberFormat="1" applyFont="1" applyBorder="1" applyAlignment="1">
      <alignment vertical="center"/>
    </xf>
    <xf numFmtId="177" fontId="2" fillId="0" borderId="8" xfId="1" applyNumberFormat="1" applyFont="1" applyBorder="1" applyAlignment="1">
      <alignment vertical="center"/>
    </xf>
    <xf numFmtId="177" fontId="2" fillId="0" borderId="38" xfId="1" applyNumberFormat="1" applyFont="1" applyBorder="1" applyAlignment="1">
      <alignment vertical="center"/>
    </xf>
    <xf numFmtId="177" fontId="2" fillId="0" borderId="53" xfId="1" applyNumberFormat="1" applyFont="1" applyBorder="1" applyAlignment="1">
      <alignment vertical="center"/>
    </xf>
    <xf numFmtId="177" fontId="2" fillId="0" borderId="5" xfId="1" applyNumberFormat="1" applyFont="1" applyBorder="1" applyAlignment="1">
      <alignment vertical="center"/>
    </xf>
    <xf numFmtId="177" fontId="2" fillId="0" borderId="46" xfId="1" applyNumberFormat="1" applyFont="1" applyBorder="1" applyAlignment="1">
      <alignment vertical="center"/>
    </xf>
    <xf numFmtId="177" fontId="2" fillId="0" borderId="56" xfId="1" applyNumberFormat="1" applyFont="1" applyBorder="1" applyAlignment="1">
      <alignment vertical="center"/>
    </xf>
    <xf numFmtId="177" fontId="2" fillId="0" borderId="48" xfId="1" applyNumberFormat="1" applyFont="1" applyBorder="1" applyAlignment="1">
      <alignment vertical="center"/>
    </xf>
    <xf numFmtId="177" fontId="2" fillId="0" borderId="54" xfId="1" applyNumberFormat="1" applyFont="1" applyBorder="1" applyAlignment="1">
      <alignment vertical="center"/>
    </xf>
    <xf numFmtId="177" fontId="2" fillId="0" borderId="39" xfId="1" applyNumberFormat="1" applyFont="1" applyBorder="1" applyAlignment="1">
      <alignment vertical="center"/>
    </xf>
    <xf numFmtId="177" fontId="2" fillId="0" borderId="9" xfId="1" applyNumberFormat="1" applyFont="1" applyBorder="1" applyAlignment="1">
      <alignment vertical="center"/>
    </xf>
    <xf numFmtId="177" fontId="2" fillId="0" borderId="25" xfId="1" applyNumberFormat="1" applyFont="1" applyBorder="1" applyAlignment="1">
      <alignment vertical="center"/>
    </xf>
    <xf numFmtId="177" fontId="2" fillId="0" borderId="26" xfId="1" applyNumberFormat="1" applyFont="1" applyBorder="1" applyAlignment="1">
      <alignment vertical="center"/>
    </xf>
    <xf numFmtId="177" fontId="2" fillId="0" borderId="12" xfId="1" applyNumberFormat="1" applyFont="1" applyBorder="1" applyAlignment="1">
      <alignment vertical="center"/>
    </xf>
    <xf numFmtId="177" fontId="2" fillId="0" borderId="13" xfId="1" applyNumberFormat="1" applyFont="1" applyBorder="1" applyAlignment="1">
      <alignment vertical="center"/>
    </xf>
    <xf numFmtId="177" fontId="2" fillId="0" borderId="71" xfId="1" applyNumberFormat="1" applyFont="1" applyBorder="1" applyAlignment="1">
      <alignment vertical="center"/>
    </xf>
    <xf numFmtId="177" fontId="2" fillId="0" borderId="30" xfId="1" applyNumberFormat="1" applyFont="1" applyBorder="1" applyAlignment="1">
      <alignment vertical="center"/>
    </xf>
    <xf numFmtId="177" fontId="2" fillId="0" borderId="33" xfId="1" applyNumberFormat="1" applyFont="1" applyBorder="1" applyAlignment="1">
      <alignment vertical="center"/>
    </xf>
    <xf numFmtId="177" fontId="2" fillId="0" borderId="40" xfId="1" applyNumberFormat="1" applyFont="1" applyBorder="1" applyAlignment="1">
      <alignment vertical="center"/>
    </xf>
    <xf numFmtId="176" fontId="2" fillId="0" borderId="51" xfId="1" applyNumberFormat="1" applyFont="1" applyBorder="1" applyAlignment="1">
      <alignment vertical="center"/>
    </xf>
    <xf numFmtId="176" fontId="2" fillId="0" borderId="53" xfId="1" applyNumberFormat="1" applyFont="1" applyBorder="1" applyAlignment="1">
      <alignment vertical="center"/>
    </xf>
    <xf numFmtId="176" fontId="2" fillId="0" borderId="26" xfId="1" applyNumberFormat="1" applyFont="1" applyBorder="1" applyAlignment="1">
      <alignment vertical="center"/>
    </xf>
    <xf numFmtId="176" fontId="2" fillId="0" borderId="34" xfId="1" applyNumberFormat="1" applyFont="1" applyBorder="1" applyAlignment="1">
      <alignment vertical="center"/>
    </xf>
    <xf numFmtId="176" fontId="2" fillId="0" borderId="35" xfId="1" applyNumberFormat="1" applyFont="1" applyBorder="1" applyAlignment="1">
      <alignment vertical="center"/>
    </xf>
    <xf numFmtId="176" fontId="2" fillId="0" borderId="36" xfId="1" applyNumberFormat="1" applyFont="1" applyBorder="1" applyAlignment="1">
      <alignment vertical="center"/>
    </xf>
    <xf numFmtId="176" fontId="2" fillId="0" borderId="37" xfId="1" applyNumberFormat="1" applyFont="1" applyBorder="1" applyAlignment="1">
      <alignment vertical="center"/>
    </xf>
    <xf numFmtId="176" fontId="2" fillId="0" borderId="52" xfId="1" applyNumberFormat="1" applyFont="1" applyBorder="1" applyAlignment="1">
      <alignment vertical="center"/>
    </xf>
    <xf numFmtId="176" fontId="2" fillId="0" borderId="8" xfId="1" applyNumberFormat="1" applyFont="1" applyBorder="1" applyAlignment="1">
      <alignment vertical="center"/>
    </xf>
    <xf numFmtId="176" fontId="2" fillId="0" borderId="5" xfId="1" applyNumberFormat="1" applyFont="1" applyBorder="1" applyAlignment="1">
      <alignment vertical="center"/>
    </xf>
    <xf numFmtId="176" fontId="2" fillId="0" borderId="38" xfId="1" applyNumberFormat="1" applyFont="1" applyBorder="1" applyAlignment="1">
      <alignment vertical="center"/>
    </xf>
    <xf numFmtId="176" fontId="2" fillId="0" borderId="39" xfId="1" applyNumberFormat="1" applyFont="1" applyBorder="1" applyAlignment="1">
      <alignment vertical="center"/>
    </xf>
    <xf numFmtId="176" fontId="2" fillId="0" borderId="54" xfId="1" applyNumberFormat="1" applyFont="1" applyBorder="1" applyAlignment="1">
      <alignment vertical="center"/>
    </xf>
    <xf numFmtId="176" fontId="2" fillId="0" borderId="9" xfId="1" applyNumberFormat="1" applyFont="1" applyBorder="1" applyAlignment="1">
      <alignment vertical="center"/>
    </xf>
    <xf numFmtId="176" fontId="2" fillId="0" borderId="12" xfId="1" applyNumberFormat="1" applyFont="1" applyBorder="1" applyAlignment="1">
      <alignment vertical="center"/>
    </xf>
    <xf numFmtId="176" fontId="2" fillId="0" borderId="25" xfId="1" applyNumberFormat="1" applyFont="1" applyBorder="1" applyAlignment="1">
      <alignment vertical="center"/>
    </xf>
    <xf numFmtId="176" fontId="2" fillId="0" borderId="40" xfId="1" applyNumberFormat="1" applyFont="1" applyBorder="1" applyAlignment="1">
      <alignment vertical="center"/>
    </xf>
    <xf numFmtId="176" fontId="2" fillId="0" borderId="33" xfId="1" applyNumberFormat="1" applyFont="1" applyBorder="1" applyAlignment="1">
      <alignment vertical="center"/>
    </xf>
    <xf numFmtId="180" fontId="2" fillId="0" borderId="54" xfId="0" applyNumberFormat="1" applyFont="1" applyBorder="1"/>
    <xf numFmtId="180" fontId="2" fillId="0" borderId="33" xfId="0" applyNumberFormat="1" applyFont="1" applyBorder="1"/>
    <xf numFmtId="180" fontId="2" fillId="0" borderId="8" xfId="1" applyNumberFormat="1" applyFont="1" applyFill="1" applyBorder="1" applyAlignment="1">
      <alignment vertical="center"/>
    </xf>
    <xf numFmtId="180" fontId="2" fillId="0" borderId="9" xfId="1" applyNumberFormat="1" applyFont="1" applyFill="1" applyBorder="1" applyAlignment="1">
      <alignment vertical="center"/>
    </xf>
    <xf numFmtId="180" fontId="2" fillId="0" borderId="8" xfId="1" applyNumberFormat="1" applyFont="1" applyFill="1" applyBorder="1" applyAlignment="1"/>
    <xf numFmtId="180" fontId="2" fillId="0" borderId="9" xfId="1" applyNumberFormat="1" applyFont="1" applyFill="1" applyBorder="1" applyAlignment="1"/>
    <xf numFmtId="180" fontId="2" fillId="0" borderId="5" xfId="1" applyNumberFormat="1" applyFont="1" applyFill="1" applyBorder="1" applyAlignment="1">
      <alignment vertical="center"/>
    </xf>
    <xf numFmtId="180" fontId="2" fillId="0" borderId="46" xfId="1" applyNumberFormat="1" applyFont="1" applyFill="1" applyBorder="1" applyAlignment="1">
      <alignment vertical="center"/>
    </xf>
    <xf numFmtId="180" fontId="2" fillId="0" borderId="12" xfId="1" applyNumberFormat="1" applyFont="1" applyFill="1" applyBorder="1" applyAlignment="1">
      <alignment vertical="center"/>
    </xf>
    <xf numFmtId="180" fontId="2" fillId="0" borderId="13" xfId="1" applyNumberFormat="1" applyFont="1" applyFill="1" applyBorder="1" applyAlignment="1">
      <alignment vertical="center"/>
    </xf>
    <xf numFmtId="178" fontId="0" fillId="0" borderId="62" xfId="0" applyNumberFormat="1" applyBorder="1" applyAlignment="1">
      <alignment vertical="center"/>
    </xf>
    <xf numFmtId="178" fontId="0" fillId="0" borderId="68" xfId="0" applyNumberFormat="1" applyBorder="1" applyAlignment="1">
      <alignment vertical="center"/>
    </xf>
    <xf numFmtId="178" fontId="0" fillId="0" borderId="77" xfId="0" applyNumberFormat="1" applyBorder="1" applyAlignment="1">
      <alignment vertical="center"/>
    </xf>
    <xf numFmtId="178" fontId="2" fillId="0" borderId="62" xfId="1" applyNumberFormat="1" applyFont="1" applyBorder="1" applyAlignment="1">
      <alignment vertical="center"/>
    </xf>
    <xf numFmtId="178" fontId="2" fillId="0" borderId="68" xfId="1" applyNumberFormat="1" applyFont="1" applyBorder="1" applyAlignment="1">
      <alignment vertical="center"/>
    </xf>
    <xf numFmtId="178" fontId="2" fillId="0" borderId="77" xfId="1" applyNumberFormat="1" applyFont="1" applyBorder="1" applyAlignment="1">
      <alignment vertical="center"/>
    </xf>
    <xf numFmtId="183" fontId="5" fillId="0" borderId="0" xfId="0" applyNumberFormat="1" applyFont="1" applyAlignment="1">
      <alignment horizontal="left" vertical="center"/>
    </xf>
    <xf numFmtId="181" fontId="5" fillId="0" borderId="0" xfId="0" applyNumberFormat="1" applyFont="1" applyBorder="1" applyAlignment="1">
      <alignment vertical="center"/>
    </xf>
    <xf numFmtId="183" fontId="5" fillId="0" borderId="0" xfId="0" applyNumberFormat="1" applyFont="1" applyBorder="1" applyAlignment="1">
      <alignment horizontal="left" vertical="center"/>
    </xf>
    <xf numFmtId="181" fontId="8" fillId="0" borderId="0" xfId="0" applyNumberFormat="1" applyFont="1" applyAlignment="1">
      <alignment vertical="center"/>
    </xf>
    <xf numFmtId="183" fontId="8" fillId="0" borderId="0" xfId="0" applyNumberFormat="1" applyFont="1" applyAlignment="1">
      <alignment horizontal="left" vertical="center"/>
    </xf>
    <xf numFmtId="181" fontId="8" fillId="0" borderId="0" xfId="0" applyNumberFormat="1" applyFont="1" applyFill="1" applyAlignment="1">
      <alignment vertical="center"/>
    </xf>
    <xf numFmtId="183" fontId="8" fillId="0" borderId="0" xfId="0" applyNumberFormat="1" applyFont="1" applyFill="1" applyAlignment="1">
      <alignment horizontal="left" vertical="center"/>
    </xf>
    <xf numFmtId="184" fontId="3" fillId="0" borderId="0" xfId="0" applyNumberFormat="1" applyFont="1" applyAlignment="1">
      <alignment vertical="center"/>
    </xf>
    <xf numFmtId="182" fontId="2" fillId="0" borderId="0" xfId="0" applyNumberFormat="1" applyFont="1" applyAlignment="1">
      <alignment horizontal="center" vertical="center"/>
    </xf>
    <xf numFmtId="0" fontId="9" fillId="0" borderId="0" xfId="3" applyFont="1">
      <alignment vertical="center"/>
    </xf>
    <xf numFmtId="0" fontId="9" fillId="0" borderId="12" xfId="3" applyFont="1" applyBorder="1" applyAlignment="1">
      <alignment horizontal="center" vertical="center"/>
    </xf>
    <xf numFmtId="0" fontId="9" fillId="0" borderId="9" xfId="3" applyFont="1" applyBorder="1" applyAlignment="1">
      <alignment horizontal="center" vertical="center"/>
    </xf>
    <xf numFmtId="0" fontId="9" fillId="0" borderId="33" xfId="3" applyFont="1" applyBorder="1" applyAlignment="1">
      <alignment horizontal="center" vertical="center"/>
    </xf>
    <xf numFmtId="0" fontId="9" fillId="0" borderId="25" xfId="3" applyFont="1" applyBorder="1" applyAlignment="1">
      <alignment horizontal="center" vertical="center"/>
    </xf>
    <xf numFmtId="0" fontId="9" fillId="0" borderId="78" xfId="3" applyFont="1" applyBorder="1" applyAlignment="1">
      <alignment horizontal="center" vertical="center"/>
    </xf>
    <xf numFmtId="0" fontId="9" fillId="0" borderId="26" xfId="3" applyFont="1" applyBorder="1" applyAlignment="1">
      <alignment horizontal="center" vertical="center" wrapText="1"/>
    </xf>
    <xf numFmtId="0" fontId="9" fillId="0" borderId="13" xfId="3" applyFont="1" applyBorder="1" applyAlignment="1">
      <alignment horizontal="center" vertical="center"/>
    </xf>
    <xf numFmtId="38" fontId="9" fillId="0" borderId="49" xfId="1" applyFont="1" applyBorder="1" applyAlignment="1">
      <alignment vertical="center"/>
    </xf>
    <xf numFmtId="38" fontId="9" fillId="0" borderId="4" xfId="1" applyFont="1" applyBorder="1" applyAlignment="1">
      <alignment vertical="center"/>
    </xf>
    <xf numFmtId="38" fontId="9" fillId="0" borderId="81" xfId="1" applyFont="1" applyBorder="1" applyAlignment="1">
      <alignment vertical="center"/>
    </xf>
    <xf numFmtId="38" fontId="9" fillId="0" borderId="97" xfId="1" applyFont="1" applyBorder="1" applyAlignment="1">
      <alignment vertical="center"/>
    </xf>
    <xf numFmtId="38" fontId="9" fillId="0" borderId="42" xfId="1" applyFont="1" applyBorder="1" applyAlignment="1">
      <alignment vertical="center"/>
    </xf>
    <xf numFmtId="38" fontId="9" fillId="0" borderId="80" xfId="1" applyFont="1" applyBorder="1" applyAlignment="1">
      <alignment vertical="center"/>
    </xf>
    <xf numFmtId="38" fontId="9" fillId="0" borderId="96" xfId="1" applyFont="1" applyBorder="1" applyAlignment="1">
      <alignment vertical="center"/>
    </xf>
    <xf numFmtId="38" fontId="9" fillId="0" borderId="8" xfId="1" applyFont="1" applyBorder="1" applyAlignment="1">
      <alignment vertical="center"/>
    </xf>
    <xf numFmtId="38" fontId="9" fillId="0" borderId="38" xfId="1" applyFont="1" applyBorder="1" applyAlignment="1">
      <alignment vertical="center"/>
    </xf>
    <xf numFmtId="38" fontId="9" fillId="0" borderId="69" xfId="1" applyFont="1" applyBorder="1" applyAlignment="1">
      <alignment vertical="center"/>
    </xf>
    <xf numFmtId="38" fontId="9" fillId="0" borderId="53" xfId="1" applyFont="1" applyBorder="1" applyAlignment="1">
      <alignment vertical="center"/>
    </xf>
    <xf numFmtId="38" fontId="9" fillId="0" borderId="5" xfId="1" applyFont="1" applyBorder="1" applyAlignment="1">
      <alignment vertical="center"/>
    </xf>
    <xf numFmtId="38" fontId="9" fillId="0" borderId="46" xfId="1" applyFont="1" applyBorder="1" applyAlignment="1">
      <alignment vertical="center"/>
    </xf>
    <xf numFmtId="38" fontId="9" fillId="0" borderId="39" xfId="1" applyFont="1" applyBorder="1" applyAlignment="1">
      <alignment vertical="center"/>
    </xf>
    <xf numFmtId="38" fontId="9" fillId="0" borderId="9" xfId="1" applyFont="1" applyBorder="1" applyAlignment="1">
      <alignment vertical="center"/>
    </xf>
    <xf numFmtId="38" fontId="9" fillId="0" borderId="25" xfId="1" applyFont="1" applyBorder="1" applyAlignment="1">
      <alignment vertical="center"/>
    </xf>
    <xf numFmtId="38" fontId="9" fillId="0" borderId="78" xfId="1" applyFont="1" applyBorder="1" applyAlignment="1">
      <alignment vertical="center"/>
    </xf>
    <xf numFmtId="38" fontId="9" fillId="0" borderId="26" xfId="1" applyFont="1" applyBorder="1" applyAlignment="1">
      <alignment vertical="center"/>
    </xf>
    <xf numFmtId="38" fontId="9" fillId="0" borderId="12" xfId="1" applyFont="1" applyBorder="1" applyAlignment="1">
      <alignment vertical="center"/>
    </xf>
    <xf numFmtId="38" fontId="9" fillId="0" borderId="13" xfId="1" applyFont="1" applyBorder="1" applyAlignment="1">
      <alignment vertical="center"/>
    </xf>
    <xf numFmtId="38" fontId="9" fillId="0" borderId="40" xfId="1" applyFont="1" applyBorder="1" applyAlignment="1">
      <alignment vertical="center"/>
    </xf>
    <xf numFmtId="0" fontId="10" fillId="0" borderId="0" xfId="3" applyFont="1">
      <alignment vertical="center"/>
    </xf>
    <xf numFmtId="0" fontId="0" fillId="0" borderId="0" xfId="0" applyAlignment="1">
      <alignment vertical="center"/>
    </xf>
    <xf numFmtId="180" fontId="0" fillId="0" borderId="8" xfId="1" applyNumberFormat="1" applyFont="1" applyBorder="1" applyAlignment="1">
      <alignment vertical="center"/>
    </xf>
    <xf numFmtId="180" fontId="0" fillId="0" borderId="5" xfId="1" applyNumberFormat="1" applyFont="1" applyBorder="1" applyAlignment="1">
      <alignment vertical="center"/>
    </xf>
    <xf numFmtId="180" fontId="0" fillId="0" borderId="38" xfId="1" applyNumberFormat="1" applyFont="1" applyBorder="1" applyAlignment="1">
      <alignment vertical="center"/>
    </xf>
    <xf numFmtId="180" fontId="0" fillId="0" borderId="53" xfId="1" applyNumberFormat="1" applyFont="1" applyBorder="1" applyAlignment="1">
      <alignment vertical="center"/>
    </xf>
    <xf numFmtId="180" fontId="0" fillId="0" borderId="46" xfId="1" applyNumberFormat="1" applyFont="1" applyBorder="1" applyAlignment="1">
      <alignment vertical="center"/>
    </xf>
    <xf numFmtId="180" fontId="0" fillId="0" borderId="48" xfId="1" applyNumberFormat="1" applyFont="1" applyBorder="1" applyAlignment="1">
      <alignment vertical="center"/>
    </xf>
    <xf numFmtId="180" fontId="0" fillId="0" borderId="68" xfId="1" applyNumberFormat="1" applyFont="1" applyBorder="1" applyAlignment="1">
      <alignment vertical="center"/>
    </xf>
    <xf numFmtId="180" fontId="0" fillId="0" borderId="56" xfId="1" applyNumberFormat="1" applyFont="1" applyBorder="1" applyAlignment="1">
      <alignment vertical="center"/>
    </xf>
    <xf numFmtId="180" fontId="0" fillId="0" borderId="9" xfId="1" applyNumberFormat="1" applyFont="1" applyBorder="1" applyAlignment="1">
      <alignment vertical="center"/>
    </xf>
    <xf numFmtId="180" fontId="0" fillId="0" borderId="12" xfId="1" applyNumberFormat="1" applyFont="1" applyBorder="1" applyAlignment="1">
      <alignment vertical="center"/>
    </xf>
    <xf numFmtId="180" fontId="0" fillId="0" borderId="25" xfId="1" applyNumberFormat="1" applyFont="1" applyBorder="1" applyAlignment="1">
      <alignment vertical="center"/>
    </xf>
    <xf numFmtId="180" fontId="0" fillId="0" borderId="26" xfId="1" applyNumberFormat="1" applyFont="1" applyBorder="1" applyAlignment="1">
      <alignment vertical="center"/>
    </xf>
    <xf numFmtId="180" fontId="0" fillId="0" borderId="13" xfId="1" applyNumberFormat="1" applyFont="1" applyBorder="1" applyAlignment="1">
      <alignment vertical="center"/>
    </xf>
    <xf numFmtId="180" fontId="0" fillId="0" borderId="30" xfId="1" applyNumberFormat="1" applyFont="1" applyBorder="1" applyAlignment="1">
      <alignment vertical="center"/>
    </xf>
    <xf numFmtId="180" fontId="0" fillId="0" borderId="77" xfId="1" applyNumberFormat="1" applyFont="1" applyBorder="1" applyAlignment="1">
      <alignment vertical="center"/>
    </xf>
    <xf numFmtId="180" fontId="0" fillId="0" borderId="71" xfId="1" applyNumberFormat="1" applyFont="1" applyBorder="1" applyAlignment="1">
      <alignment vertical="center"/>
    </xf>
    <xf numFmtId="0" fontId="0" fillId="0" borderId="0" xfId="0" applyBorder="1" applyAlignment="1">
      <alignment vertical="center"/>
    </xf>
    <xf numFmtId="0" fontId="9" fillId="0" borderId="9" xfId="3" applyFont="1" applyBorder="1" applyAlignment="1">
      <alignment horizontal="center" vertical="center"/>
    </xf>
    <xf numFmtId="0" fontId="3" fillId="0" borderId="19" xfId="0" applyFont="1" applyBorder="1" applyAlignment="1">
      <alignment horizontal="center" vertical="center"/>
    </xf>
    <xf numFmtId="178" fontId="0" fillId="0" borderId="49" xfId="0" applyNumberFormat="1" applyBorder="1" applyAlignment="1">
      <alignment vertical="center"/>
    </xf>
    <xf numFmtId="178" fontId="0" fillId="0" borderId="8" xfId="0" applyNumberFormat="1" applyBorder="1" applyAlignment="1">
      <alignment vertical="center"/>
    </xf>
    <xf numFmtId="178" fontId="0" fillId="0" borderId="9" xfId="0" applyNumberFormat="1" applyBorder="1" applyAlignment="1">
      <alignment vertical="center"/>
    </xf>
    <xf numFmtId="0" fontId="2" fillId="0" borderId="19" xfId="0" applyFont="1" applyBorder="1" applyAlignment="1">
      <alignment horizontal="center" vertical="center"/>
    </xf>
    <xf numFmtId="179" fontId="2" fillId="0" borderId="48" xfId="0" applyNumberFormat="1" applyFont="1" applyBorder="1"/>
    <xf numFmtId="179" fontId="2" fillId="0" borderId="30" xfId="0" applyNumberFormat="1" applyFont="1" applyBorder="1"/>
    <xf numFmtId="180" fontId="2" fillId="0" borderId="39" xfId="0" applyNumberFormat="1" applyFont="1" applyBorder="1"/>
    <xf numFmtId="180" fontId="2" fillId="0" borderId="40" xfId="0" applyNumberFormat="1" applyFont="1" applyBorder="1"/>
    <xf numFmtId="182" fontId="2" fillId="0" borderId="0" xfId="0" applyNumberFormat="1" applyFont="1" applyAlignment="1">
      <alignment horizontal="center" vertical="center"/>
    </xf>
    <xf numFmtId="0" fontId="9" fillId="0" borderId="9" xfId="3" applyFont="1" applyBorder="1" applyAlignment="1">
      <alignment horizontal="center" vertical="center"/>
    </xf>
    <xf numFmtId="0" fontId="2" fillId="0" borderId="0" xfId="0" applyFont="1" applyFill="1" applyAlignment="1">
      <alignment vertical="center"/>
    </xf>
    <xf numFmtId="0" fontId="2" fillId="0" borderId="33" xfId="0" applyFont="1" applyBorder="1" applyAlignment="1">
      <alignment horizontal="center" vertical="center"/>
    </xf>
    <xf numFmtId="0" fontId="2" fillId="0" borderId="25" xfId="0" applyFont="1" applyBorder="1" applyAlignment="1">
      <alignment horizontal="center" vertical="center"/>
    </xf>
    <xf numFmtId="0" fontId="2" fillId="0" borderId="20" xfId="0" applyFont="1" applyBorder="1" applyAlignment="1">
      <alignment horizontal="center" vertical="center"/>
    </xf>
    <xf numFmtId="179" fontId="2" fillId="0" borderId="105" xfId="0" applyNumberFormat="1" applyFont="1" applyBorder="1"/>
    <xf numFmtId="179" fontId="2" fillId="0" borderId="106" xfId="0" applyNumberFormat="1" applyFont="1" applyBorder="1"/>
    <xf numFmtId="179" fontId="2" fillId="0" borderId="107" xfId="0" applyNumberFormat="1" applyFont="1" applyBorder="1"/>
    <xf numFmtId="179" fontId="2" fillId="0" borderId="70" xfId="0" applyNumberFormat="1" applyFont="1" applyBorder="1"/>
    <xf numFmtId="179" fontId="2" fillId="0" borderId="108" xfId="0" applyNumberFormat="1" applyFont="1" applyBorder="1"/>
    <xf numFmtId="179" fontId="2" fillId="0" borderId="109" xfId="0" applyNumberFormat="1" applyFont="1" applyBorder="1"/>
    <xf numFmtId="179" fontId="2" fillId="0" borderId="110" xfId="0" applyNumberFormat="1" applyFont="1" applyBorder="1"/>
    <xf numFmtId="179" fontId="2" fillId="0" borderId="111" xfId="0" applyNumberFormat="1" applyFont="1" applyBorder="1"/>
    <xf numFmtId="179" fontId="2" fillId="0" borderId="112" xfId="0" applyNumberFormat="1" applyFont="1" applyBorder="1"/>
    <xf numFmtId="179" fontId="2" fillId="0" borderId="79" xfId="0" applyNumberFormat="1" applyFont="1" applyBorder="1"/>
    <xf numFmtId="179" fontId="2" fillId="0" borderId="113" xfId="0" applyNumberFormat="1" applyFont="1" applyBorder="1"/>
    <xf numFmtId="179" fontId="2" fillId="0" borderId="114" xfId="0" applyNumberFormat="1" applyFont="1" applyBorder="1"/>
    <xf numFmtId="0" fontId="9" fillId="0" borderId="9" xfId="3" applyFont="1" applyBorder="1" applyAlignment="1">
      <alignment horizontal="center" vertical="center"/>
    </xf>
    <xf numFmtId="182" fontId="2" fillId="0" borderId="0" xfId="0" applyNumberFormat="1" applyFont="1" applyBorder="1" applyAlignment="1">
      <alignment horizontal="center" vertical="center"/>
    </xf>
    <xf numFmtId="0" fontId="3" fillId="0" borderId="1" xfId="0" applyFont="1" applyBorder="1" applyAlignment="1">
      <alignment vertical="center"/>
    </xf>
    <xf numFmtId="0" fontId="9" fillId="0" borderId="9" xfId="3" applyFont="1" applyBorder="1" applyAlignment="1">
      <alignment horizontal="center" vertical="center"/>
    </xf>
    <xf numFmtId="0" fontId="0" fillId="0" borderId="38" xfId="0" applyFont="1" applyBorder="1" applyAlignment="1">
      <alignment horizontal="center" vertical="center" shrinkToFit="1"/>
    </xf>
    <xf numFmtId="0" fontId="0" fillId="0" borderId="6" xfId="0" applyFont="1" applyBorder="1" applyAlignment="1">
      <alignment horizontal="center" vertical="center"/>
    </xf>
    <xf numFmtId="179" fontId="2" fillId="0" borderId="68" xfId="0" applyNumberFormat="1" applyFont="1" applyBorder="1"/>
    <xf numFmtId="179" fontId="2" fillId="0" borderId="77" xfId="0" applyNumberFormat="1" applyFont="1" applyBorder="1"/>
    <xf numFmtId="182" fontId="2" fillId="0" borderId="0" xfId="0" applyNumberFormat="1" applyFont="1" applyAlignment="1">
      <alignment horizontal="center" vertical="center"/>
    </xf>
    <xf numFmtId="0" fontId="9" fillId="0" borderId="9" xfId="3" applyFont="1" applyBorder="1" applyAlignment="1">
      <alignment horizontal="center" vertical="center"/>
    </xf>
    <xf numFmtId="0" fontId="2" fillId="0" borderId="30" xfId="0" applyFont="1" applyBorder="1" applyAlignment="1">
      <alignment horizontal="center" vertical="center"/>
    </xf>
    <xf numFmtId="0" fontId="2" fillId="0" borderId="19" xfId="0" applyFont="1" applyBorder="1" applyAlignment="1">
      <alignment horizontal="center" vertical="center"/>
    </xf>
    <xf numFmtId="182" fontId="2" fillId="0" borderId="0" xfId="0" applyNumberFormat="1" applyFont="1" applyBorder="1" applyAlignment="1">
      <alignment horizontal="center" vertical="center"/>
    </xf>
    <xf numFmtId="0" fontId="2" fillId="0" borderId="91" xfId="0" applyFont="1" applyBorder="1" applyAlignment="1">
      <alignment horizontal="center" vertical="center"/>
    </xf>
    <xf numFmtId="0" fontId="2" fillId="0" borderId="118" xfId="0" applyFont="1" applyBorder="1" applyAlignment="1">
      <alignment horizontal="center" vertical="center"/>
    </xf>
    <xf numFmtId="0" fontId="2" fillId="0" borderId="73" xfId="0" applyFont="1" applyBorder="1" applyAlignment="1">
      <alignment horizontal="center" vertical="center"/>
    </xf>
    <xf numFmtId="0" fontId="2" fillId="0" borderId="76" xfId="0" applyFont="1" applyBorder="1" applyAlignment="1">
      <alignment horizontal="center" vertical="center"/>
    </xf>
    <xf numFmtId="0" fontId="2" fillId="0" borderId="74" xfId="0" applyFont="1" applyBorder="1" applyAlignment="1">
      <alignment horizontal="center" vertical="center" wrapText="1"/>
    </xf>
    <xf numFmtId="0" fontId="2" fillId="0" borderId="93" xfId="0" applyFont="1" applyBorder="1" applyAlignment="1">
      <alignment horizontal="center" vertical="center"/>
    </xf>
    <xf numFmtId="0" fontId="3" fillId="0" borderId="19" xfId="0" applyFont="1" applyBorder="1" applyAlignment="1">
      <alignment horizontal="center" vertical="center"/>
    </xf>
    <xf numFmtId="0" fontId="3" fillId="0" borderId="19" xfId="0" applyFont="1" applyBorder="1" applyAlignment="1">
      <alignment horizontal="center" vertical="center"/>
    </xf>
    <xf numFmtId="0" fontId="9" fillId="0" borderId="9" xfId="3" applyFont="1" applyBorder="1" applyAlignment="1">
      <alignment horizontal="center" vertical="center"/>
    </xf>
    <xf numFmtId="186" fontId="5" fillId="0" borderId="0" xfId="0" applyNumberFormat="1" applyFont="1" applyAlignment="1">
      <alignment horizontal="right" vertical="center"/>
    </xf>
    <xf numFmtId="186" fontId="8" fillId="0" borderId="0" xfId="0" applyNumberFormat="1" applyFont="1" applyAlignment="1">
      <alignment vertical="center"/>
    </xf>
    <xf numFmtId="0" fontId="3" fillId="0" borderId="9" xfId="0" applyFont="1" applyBorder="1" applyAlignment="1">
      <alignment horizontal="center" vertical="center"/>
    </xf>
    <xf numFmtId="0" fontId="3" fillId="0" borderId="12" xfId="0" applyFont="1" applyBorder="1" applyAlignment="1">
      <alignment horizontal="center" vertical="center"/>
    </xf>
    <xf numFmtId="182" fontId="3" fillId="0" borderId="0" xfId="0" applyNumberFormat="1" applyFont="1" applyBorder="1" applyAlignment="1">
      <alignment horizontal="center" vertical="center"/>
    </xf>
    <xf numFmtId="0" fontId="0" fillId="0" borderId="9" xfId="0" applyBorder="1" applyAlignment="1">
      <alignment horizontal="center" vertical="center"/>
    </xf>
    <xf numFmtId="0" fontId="0" fillId="0" borderId="12" xfId="0" applyBorder="1" applyAlignment="1">
      <alignment horizontal="center" vertical="center"/>
    </xf>
    <xf numFmtId="177" fontId="0" fillId="0" borderId="5" xfId="0" applyNumberFormat="1" applyFill="1" applyBorder="1" applyAlignment="1">
      <alignment horizontal="right" vertical="center"/>
    </xf>
    <xf numFmtId="177" fontId="0" fillId="0" borderId="6" xfId="0" applyNumberFormat="1" applyFill="1" applyBorder="1" applyAlignment="1">
      <alignment horizontal="right" vertical="center"/>
    </xf>
    <xf numFmtId="177" fontId="3" fillId="0" borderId="38" xfId="1" applyNumberFormat="1" applyFont="1" applyBorder="1" applyAlignment="1">
      <alignment horizontal="right" vertical="center"/>
    </xf>
    <xf numFmtId="177" fontId="3" fillId="0" borderId="6" xfId="1" applyNumberFormat="1" applyFont="1" applyBorder="1" applyAlignment="1">
      <alignment horizontal="right" vertical="center"/>
    </xf>
    <xf numFmtId="177" fontId="3" fillId="0" borderId="25" xfId="1" applyNumberFormat="1" applyFont="1" applyBorder="1" applyAlignment="1">
      <alignment horizontal="right" vertical="center"/>
    </xf>
    <xf numFmtId="177" fontId="3" fillId="0" borderId="41" xfId="1" applyNumberFormat="1" applyFont="1" applyBorder="1" applyAlignment="1">
      <alignment horizontal="right" vertical="center"/>
    </xf>
    <xf numFmtId="0" fontId="0" fillId="0" borderId="25" xfId="0" applyBorder="1" applyAlignment="1">
      <alignment horizontal="center" vertical="center"/>
    </xf>
    <xf numFmtId="0" fontId="0" fillId="0" borderId="26" xfId="0" applyBorder="1" applyAlignment="1">
      <alignment horizontal="center" vertical="center" wrapText="1"/>
    </xf>
    <xf numFmtId="0" fontId="0" fillId="0" borderId="13" xfId="0" applyBorder="1" applyAlignment="1">
      <alignment horizontal="center" vertical="center"/>
    </xf>
    <xf numFmtId="0" fontId="9" fillId="0" borderId="71" xfId="3" applyFont="1" applyBorder="1" applyAlignment="1">
      <alignment horizontal="center" vertical="center"/>
    </xf>
    <xf numFmtId="38" fontId="9" fillId="0" borderId="57" xfId="1" applyFont="1" applyBorder="1" applyAlignment="1">
      <alignment vertical="center"/>
    </xf>
    <xf numFmtId="38" fontId="9" fillId="0" borderId="56" xfId="1" applyFont="1" applyBorder="1" applyAlignment="1">
      <alignment vertical="center"/>
    </xf>
    <xf numFmtId="38" fontId="9" fillId="0" borderId="71" xfId="1" applyFont="1" applyBorder="1" applyAlignment="1">
      <alignment vertical="center"/>
    </xf>
    <xf numFmtId="179" fontId="2" fillId="0" borderId="55" xfId="0" applyNumberFormat="1" applyFont="1" applyBorder="1" applyAlignment="1">
      <alignment shrinkToFit="1"/>
    </xf>
    <xf numFmtId="179" fontId="2" fillId="0" borderId="42" xfId="0" applyNumberFormat="1" applyFont="1" applyBorder="1" applyAlignment="1">
      <alignment shrinkToFit="1"/>
    </xf>
    <xf numFmtId="179" fontId="2" fillId="0" borderId="80" xfId="0" applyNumberFormat="1" applyFont="1" applyBorder="1" applyAlignment="1">
      <alignment shrinkToFit="1"/>
    </xf>
    <xf numFmtId="179" fontId="2" fillId="0" borderId="81" xfId="0" applyNumberFormat="1" applyFont="1" applyBorder="1" applyAlignment="1">
      <alignment shrinkToFit="1"/>
    </xf>
    <xf numFmtId="179" fontId="2" fillId="0" borderId="57" xfId="0" applyNumberFormat="1" applyFont="1" applyBorder="1" applyAlignment="1">
      <alignment shrinkToFit="1"/>
    </xf>
    <xf numFmtId="179" fontId="2" fillId="0" borderId="37" xfId="0" applyNumberFormat="1" applyFont="1" applyBorder="1" applyAlignment="1">
      <alignment shrinkToFit="1"/>
    </xf>
    <xf numFmtId="179" fontId="2" fillId="0" borderId="43" xfId="0" applyNumberFormat="1" applyFont="1" applyBorder="1" applyAlignment="1">
      <alignment shrinkToFit="1"/>
    </xf>
    <xf numFmtId="179" fontId="2" fillId="0" borderId="51" xfId="0" applyNumberFormat="1" applyFont="1" applyBorder="1" applyAlignment="1">
      <alignment shrinkToFit="1"/>
    </xf>
    <xf numFmtId="179" fontId="2" fillId="0" borderId="35" xfId="0" applyNumberFormat="1" applyFont="1" applyBorder="1" applyAlignment="1">
      <alignment shrinkToFit="1"/>
    </xf>
    <xf numFmtId="179" fontId="2" fillId="0" borderId="34" xfId="0" applyNumberFormat="1" applyFont="1" applyBorder="1" applyAlignment="1">
      <alignment shrinkToFit="1"/>
    </xf>
    <xf numFmtId="179" fontId="2" fillId="0" borderId="61" xfId="0" applyNumberFormat="1" applyFont="1" applyBorder="1" applyAlignment="1">
      <alignment shrinkToFit="1"/>
    </xf>
    <xf numFmtId="179" fontId="2" fillId="0" borderId="36" xfId="0" applyNumberFormat="1" applyFont="1" applyBorder="1" applyAlignment="1">
      <alignment shrinkToFit="1"/>
    </xf>
    <xf numFmtId="179" fontId="2" fillId="0" borderId="52" xfId="0" applyNumberFormat="1" applyFont="1" applyBorder="1" applyAlignment="1">
      <alignment shrinkToFit="1"/>
    </xf>
    <xf numFmtId="179" fontId="2" fillId="0" borderId="44" xfId="0" applyNumberFormat="1" applyFont="1" applyBorder="1" applyAlignment="1">
      <alignment shrinkToFit="1"/>
    </xf>
    <xf numFmtId="179" fontId="2" fillId="0" borderId="82" xfId="0" applyNumberFormat="1" applyFont="1" applyBorder="1" applyAlignment="1">
      <alignment shrinkToFit="1"/>
    </xf>
    <xf numFmtId="179" fontId="2" fillId="0" borderId="62" xfId="0" applyNumberFormat="1" applyFont="1" applyBorder="1" applyAlignment="1">
      <alignment shrinkToFit="1"/>
    </xf>
    <xf numFmtId="179" fontId="2" fillId="0" borderId="58" xfId="0" applyNumberFormat="1" applyFont="1" applyBorder="1" applyAlignment="1">
      <alignment shrinkToFit="1"/>
    </xf>
    <xf numFmtId="179" fontId="2" fillId="0" borderId="59" xfId="0" applyNumberFormat="1" applyFont="1" applyBorder="1" applyAlignment="1">
      <alignment shrinkToFit="1"/>
    </xf>
    <xf numFmtId="179" fontId="2" fillId="0" borderId="27" xfId="0" applyNumberFormat="1" applyFont="1" applyBorder="1" applyAlignment="1">
      <alignment shrinkToFit="1"/>
    </xf>
    <xf numFmtId="180" fontId="2" fillId="0" borderId="3" xfId="2" applyNumberFormat="1" applyFont="1" applyBorder="1" applyAlignment="1">
      <alignment vertical="center" shrinkToFit="1"/>
    </xf>
    <xf numFmtId="180" fontId="2" fillId="0" borderId="35" xfId="2" applyNumberFormat="1" applyFont="1" applyBorder="1" applyAlignment="1">
      <alignment vertical="center" shrinkToFit="1"/>
    </xf>
    <xf numFmtId="180" fontId="2" fillId="0" borderId="57" xfId="2" applyNumberFormat="1" applyFont="1" applyBorder="1" applyAlignment="1">
      <alignment vertical="center" shrinkToFit="1"/>
    </xf>
    <xf numFmtId="180" fontId="2" fillId="0" borderId="51" xfId="2" applyNumberFormat="1" applyFont="1" applyBorder="1" applyAlignment="1">
      <alignment vertical="center" shrinkToFit="1"/>
    </xf>
    <xf numFmtId="180" fontId="2" fillId="0" borderId="52" xfId="2" applyNumberFormat="1" applyFont="1" applyBorder="1" applyAlignment="1">
      <alignment vertical="center" shrinkToFit="1"/>
    </xf>
    <xf numFmtId="180" fontId="2" fillId="0" borderId="58" xfId="2" applyNumberFormat="1" applyFont="1" applyBorder="1" applyAlignment="1">
      <alignment vertical="center" shrinkToFit="1"/>
    </xf>
    <xf numFmtId="180" fontId="2" fillId="0" borderId="43" xfId="2" applyNumberFormat="1" applyFont="1" applyBorder="1" applyAlignment="1">
      <alignment vertical="center" shrinkToFit="1"/>
    </xf>
    <xf numFmtId="180" fontId="2" fillId="0" borderId="59" xfId="2" applyNumberFormat="1" applyFont="1" applyBorder="1" applyAlignment="1">
      <alignment vertical="center" shrinkToFit="1"/>
    </xf>
    <xf numFmtId="180" fontId="2" fillId="0" borderId="34" xfId="1" applyNumberFormat="1" applyFont="1" applyFill="1" applyBorder="1" applyAlignment="1">
      <alignment vertical="center" shrinkToFit="1"/>
    </xf>
    <xf numFmtId="180" fontId="2" fillId="0" borderId="35" xfId="1" applyNumberFormat="1" applyFont="1" applyFill="1" applyBorder="1" applyAlignment="1">
      <alignment vertical="center" shrinkToFit="1"/>
    </xf>
    <xf numFmtId="180" fontId="2" fillId="0" borderId="43" xfId="1" applyNumberFormat="1" applyFont="1" applyFill="1" applyBorder="1" applyAlignment="1">
      <alignment vertical="center" shrinkToFit="1"/>
    </xf>
    <xf numFmtId="180" fontId="2" fillId="0" borderId="60" xfId="1" applyNumberFormat="1" applyFont="1" applyFill="1" applyBorder="1" applyAlignment="1">
      <alignment vertical="center" shrinkToFit="1"/>
    </xf>
    <xf numFmtId="180" fontId="2" fillId="0" borderId="35" xfId="0" applyNumberFormat="1" applyFont="1" applyBorder="1" applyAlignment="1">
      <alignment shrinkToFit="1"/>
    </xf>
    <xf numFmtId="180" fontId="2" fillId="0" borderId="36" xfId="0" applyNumberFormat="1" applyFont="1" applyBorder="1" applyAlignment="1">
      <alignment shrinkToFit="1"/>
    </xf>
    <xf numFmtId="180" fontId="2" fillId="0" borderId="37" xfId="0" applyNumberFormat="1" applyFont="1" applyBorder="1" applyAlignment="1">
      <alignment shrinkToFit="1"/>
    </xf>
    <xf numFmtId="180" fontId="2" fillId="0" borderId="34" xfId="0" applyNumberFormat="1" applyFont="1" applyBorder="1" applyAlignment="1">
      <alignment shrinkToFit="1"/>
    </xf>
    <xf numFmtId="180" fontId="2" fillId="0" borderId="43" xfId="0" applyNumberFormat="1" applyFont="1" applyBorder="1" applyAlignment="1">
      <alignment shrinkToFit="1"/>
    </xf>
    <xf numFmtId="180" fontId="2" fillId="0" borderId="62" xfId="0" applyNumberFormat="1" applyFont="1" applyBorder="1" applyAlignment="1">
      <alignment shrinkToFit="1"/>
    </xf>
    <xf numFmtId="180" fontId="2" fillId="0" borderId="58" xfId="0" applyNumberFormat="1" applyFont="1" applyBorder="1" applyAlignment="1">
      <alignment shrinkToFit="1"/>
    </xf>
    <xf numFmtId="180" fontId="2" fillId="0" borderId="51" xfId="0" applyNumberFormat="1" applyFont="1" applyBorder="1" applyAlignment="1">
      <alignment shrinkToFit="1"/>
    </xf>
    <xf numFmtId="180" fontId="2" fillId="0" borderId="34" xfId="1" applyNumberFormat="1" applyFont="1" applyFill="1" applyBorder="1" applyAlignment="1">
      <alignment shrinkToFit="1"/>
    </xf>
    <xf numFmtId="180" fontId="2" fillId="0" borderId="52" xfId="0" applyNumberFormat="1" applyFont="1" applyBorder="1" applyAlignment="1">
      <alignment shrinkToFit="1"/>
    </xf>
    <xf numFmtId="180" fontId="2" fillId="0" borderId="45" xfId="0" applyNumberFormat="1" applyFont="1" applyBorder="1" applyAlignment="1">
      <alignment shrinkToFit="1"/>
    </xf>
    <xf numFmtId="180" fontId="2" fillId="0" borderId="63" xfId="1" applyNumberFormat="1" applyFont="1" applyFill="1" applyBorder="1" applyAlignment="1">
      <alignment vertical="center" shrinkToFit="1"/>
    </xf>
    <xf numFmtId="0" fontId="3" fillId="0" borderId="0" xfId="0" applyFont="1" applyAlignment="1">
      <alignment vertical="center" shrinkToFit="1"/>
    </xf>
    <xf numFmtId="179" fontId="2" fillId="0" borderId="54" xfId="0" applyNumberFormat="1" applyFont="1" applyBorder="1" applyAlignment="1">
      <alignment shrinkToFit="1"/>
    </xf>
    <xf numFmtId="179" fontId="2" fillId="0" borderId="5" xfId="0" applyNumberFormat="1" applyFont="1" applyBorder="1" applyAlignment="1">
      <alignment shrinkToFit="1"/>
    </xf>
    <xf numFmtId="179" fontId="2" fillId="0" borderId="46" xfId="0" applyNumberFormat="1" applyFont="1" applyBorder="1" applyAlignment="1">
      <alignment shrinkToFit="1"/>
    </xf>
    <xf numFmtId="179" fontId="2" fillId="0" borderId="56" xfId="0" applyNumberFormat="1" applyFont="1" applyBorder="1" applyAlignment="1">
      <alignment shrinkToFit="1"/>
    </xf>
    <xf numFmtId="179" fontId="2" fillId="0" borderId="39" xfId="0" applyNumberFormat="1" applyFont="1" applyBorder="1" applyAlignment="1">
      <alignment shrinkToFit="1"/>
    </xf>
    <xf numFmtId="179" fontId="2" fillId="0" borderId="38" xfId="0" applyNumberFormat="1" applyFont="1" applyBorder="1" applyAlignment="1">
      <alignment shrinkToFit="1"/>
    </xf>
    <xf numFmtId="179" fontId="2" fillId="0" borderId="53" xfId="0" applyNumberFormat="1" applyFont="1" applyBorder="1" applyAlignment="1">
      <alignment shrinkToFit="1"/>
    </xf>
    <xf numFmtId="179" fontId="2" fillId="0" borderId="68" xfId="0" applyNumberFormat="1" applyFont="1" applyBorder="1" applyAlignment="1">
      <alignment shrinkToFit="1"/>
    </xf>
    <xf numFmtId="179" fontId="2" fillId="0" borderId="8" xfId="0" applyNumberFormat="1" applyFont="1" applyBorder="1" applyAlignment="1">
      <alignment shrinkToFit="1"/>
    </xf>
    <xf numFmtId="179" fontId="2" fillId="0" borderId="48" xfId="0" applyNumberFormat="1" applyFont="1" applyBorder="1" applyAlignment="1">
      <alignment shrinkToFit="1"/>
    </xf>
    <xf numFmtId="180" fontId="2" fillId="0" borderId="7" xfId="2" applyNumberFormat="1" applyFont="1" applyBorder="1" applyAlignment="1">
      <alignment vertical="center" shrinkToFit="1"/>
    </xf>
    <xf numFmtId="180" fontId="2" fillId="0" borderId="5" xfId="2" applyNumberFormat="1" applyFont="1" applyBorder="1" applyAlignment="1">
      <alignment vertical="center" shrinkToFit="1"/>
    </xf>
    <xf numFmtId="180" fontId="2" fillId="0" borderId="56" xfId="2" applyNumberFormat="1" applyFont="1" applyBorder="1" applyAlignment="1">
      <alignment vertical="center" shrinkToFit="1"/>
    </xf>
    <xf numFmtId="180" fontId="2" fillId="0" borderId="64" xfId="2" applyNumberFormat="1" applyFont="1" applyBorder="1" applyAlignment="1">
      <alignment vertical="center" shrinkToFit="1"/>
    </xf>
    <xf numFmtId="180" fontId="2" fillId="0" borderId="65" xfId="2" applyNumberFormat="1" applyFont="1" applyBorder="1" applyAlignment="1">
      <alignment vertical="center" shrinkToFit="1"/>
    </xf>
    <xf numFmtId="180" fontId="2" fillId="0" borderId="66" xfId="2" applyNumberFormat="1" applyFont="1" applyBorder="1" applyAlignment="1">
      <alignment vertical="center" shrinkToFit="1"/>
    </xf>
    <xf numFmtId="180" fontId="2" fillId="0" borderId="0" xfId="2" applyNumberFormat="1" applyFont="1" applyBorder="1" applyAlignment="1">
      <alignment vertical="center" shrinkToFit="1"/>
    </xf>
    <xf numFmtId="180" fontId="2" fillId="0" borderId="67" xfId="2" applyNumberFormat="1" applyFont="1" applyBorder="1" applyAlignment="1">
      <alignment vertical="center" shrinkToFit="1"/>
    </xf>
    <xf numFmtId="180" fontId="2" fillId="0" borderId="48" xfId="2" applyNumberFormat="1" applyFont="1" applyBorder="1" applyAlignment="1">
      <alignment vertical="center" shrinkToFit="1"/>
    </xf>
    <xf numFmtId="180" fontId="2" fillId="0" borderId="8" xfId="1" applyNumberFormat="1" applyFont="1" applyFill="1" applyBorder="1" applyAlignment="1">
      <alignment vertical="center" shrinkToFit="1"/>
    </xf>
    <xf numFmtId="180" fontId="2" fillId="0" borderId="5" xfId="1" applyNumberFormat="1" applyFont="1" applyFill="1" applyBorder="1" applyAlignment="1">
      <alignment vertical="center" shrinkToFit="1"/>
    </xf>
    <xf numFmtId="180" fontId="2" fillId="0" borderId="46" xfId="1" applyNumberFormat="1" applyFont="1" applyFill="1" applyBorder="1" applyAlignment="1">
      <alignment vertical="center" shrinkToFit="1"/>
    </xf>
    <xf numFmtId="180" fontId="2" fillId="0" borderId="68" xfId="1" applyNumberFormat="1" applyFont="1" applyFill="1" applyBorder="1" applyAlignment="1">
      <alignment vertical="center" shrinkToFit="1"/>
    </xf>
    <xf numFmtId="180" fontId="2" fillId="0" borderId="5" xfId="0" applyNumberFormat="1" applyFont="1" applyBorder="1" applyAlignment="1">
      <alignment shrinkToFit="1"/>
    </xf>
    <xf numFmtId="180" fontId="2" fillId="0" borderId="38" xfId="0" applyNumberFormat="1" applyFont="1" applyBorder="1" applyAlignment="1">
      <alignment shrinkToFit="1"/>
    </xf>
    <xf numFmtId="180" fontId="2" fillId="0" borderId="39" xfId="0" applyNumberFormat="1" applyFont="1" applyBorder="1" applyAlignment="1">
      <alignment shrinkToFit="1"/>
    </xf>
    <xf numFmtId="180" fontId="2" fillId="0" borderId="8" xfId="0" applyNumberFormat="1" applyFont="1" applyBorder="1" applyAlignment="1">
      <alignment shrinkToFit="1"/>
    </xf>
    <xf numFmtId="180" fontId="2" fillId="0" borderId="46" xfId="0" applyNumberFormat="1" applyFont="1" applyBorder="1" applyAlignment="1">
      <alignment shrinkToFit="1"/>
    </xf>
    <xf numFmtId="180" fontId="2" fillId="0" borderId="68" xfId="0" applyNumberFormat="1" applyFont="1" applyBorder="1" applyAlignment="1">
      <alignment shrinkToFit="1"/>
    </xf>
    <xf numFmtId="180" fontId="2" fillId="0" borderId="56" xfId="0" applyNumberFormat="1" applyFont="1" applyBorder="1" applyAlignment="1">
      <alignment shrinkToFit="1"/>
    </xf>
    <xf numFmtId="180" fontId="2" fillId="0" borderId="53" xfId="0" applyNumberFormat="1" applyFont="1" applyBorder="1" applyAlignment="1">
      <alignment shrinkToFit="1"/>
    </xf>
    <xf numFmtId="180" fontId="2" fillId="0" borderId="8" xfId="1" applyNumberFormat="1" applyFont="1" applyFill="1" applyBorder="1" applyAlignment="1">
      <alignment shrinkToFit="1"/>
    </xf>
    <xf numFmtId="180" fontId="2" fillId="0" borderId="54" xfId="0" applyNumberFormat="1" applyFont="1" applyBorder="1" applyAlignment="1">
      <alignment shrinkToFit="1"/>
    </xf>
    <xf numFmtId="180" fontId="2" fillId="0" borderId="48" xfId="0" applyNumberFormat="1" applyFont="1" applyBorder="1" applyAlignment="1">
      <alignment shrinkToFit="1"/>
    </xf>
    <xf numFmtId="180" fontId="2" fillId="0" borderId="70" xfId="1" applyNumberFormat="1" applyFont="1" applyFill="1" applyBorder="1" applyAlignment="1">
      <alignment vertical="center" shrinkToFit="1"/>
    </xf>
    <xf numFmtId="179" fontId="2" fillId="0" borderId="100" xfId="0" applyNumberFormat="1" applyFont="1" applyBorder="1" applyAlignment="1">
      <alignment shrinkToFit="1"/>
    </xf>
    <xf numFmtId="179" fontId="2" fillId="0" borderId="101" xfId="0" applyNumberFormat="1" applyFont="1" applyBorder="1" applyAlignment="1">
      <alignment shrinkToFit="1"/>
    </xf>
    <xf numFmtId="179" fontId="2" fillId="0" borderId="102" xfId="0" applyNumberFormat="1" applyFont="1" applyBorder="1" applyAlignment="1">
      <alignment shrinkToFit="1"/>
    </xf>
    <xf numFmtId="179" fontId="2" fillId="0" borderId="103" xfId="0" applyNumberFormat="1" applyFont="1" applyBorder="1" applyAlignment="1">
      <alignment shrinkToFit="1"/>
    </xf>
    <xf numFmtId="179" fontId="2" fillId="0" borderId="104" xfId="0" applyNumberFormat="1" applyFont="1" applyBorder="1" applyAlignment="1">
      <alignment shrinkToFit="1"/>
    </xf>
    <xf numFmtId="0" fontId="2" fillId="0" borderId="0" xfId="0" applyFont="1" applyAlignment="1">
      <alignment vertical="center" shrinkToFit="1"/>
    </xf>
    <xf numFmtId="179" fontId="2" fillId="0" borderId="105" xfId="0" applyNumberFormat="1" applyFont="1" applyBorder="1" applyAlignment="1">
      <alignment shrinkToFit="1"/>
    </xf>
    <xf numFmtId="179" fontId="2" fillId="0" borderId="106" xfId="0" applyNumberFormat="1" applyFont="1" applyBorder="1" applyAlignment="1">
      <alignment shrinkToFit="1"/>
    </xf>
    <xf numFmtId="179" fontId="2" fillId="0" borderId="107" xfId="0" applyNumberFormat="1" applyFont="1" applyBorder="1" applyAlignment="1">
      <alignment shrinkToFit="1"/>
    </xf>
    <xf numFmtId="179" fontId="2" fillId="0" borderId="70" xfId="0" applyNumberFormat="1" applyFont="1" applyBorder="1" applyAlignment="1">
      <alignment shrinkToFit="1"/>
    </xf>
    <xf numFmtId="179" fontId="2" fillId="0" borderId="108" xfId="0" applyNumberFormat="1" applyFont="1" applyBorder="1" applyAlignment="1">
      <alignment shrinkToFit="1"/>
    </xf>
    <xf numFmtId="179" fontId="2" fillId="0" borderId="109" xfId="0" applyNumberFormat="1" applyFont="1" applyBorder="1" applyAlignment="1">
      <alignment shrinkToFit="1"/>
    </xf>
    <xf numFmtId="180" fontId="0" fillId="0" borderId="49" xfId="1" applyNumberFormat="1" applyFont="1" applyBorder="1" applyAlignment="1">
      <alignment vertical="center" shrinkToFit="1"/>
    </xf>
    <xf numFmtId="180" fontId="0" fillId="0" borderId="42" xfId="1" applyNumberFormat="1" applyFont="1" applyBorder="1" applyAlignment="1">
      <alignment vertical="center" shrinkToFit="1"/>
    </xf>
    <xf numFmtId="180" fontId="0" fillId="0" borderId="4" xfId="1" applyNumberFormat="1" applyFont="1" applyBorder="1" applyAlignment="1">
      <alignment vertical="center" shrinkToFit="1"/>
    </xf>
    <xf numFmtId="180" fontId="0" fillId="0" borderId="97" xfId="1" applyNumberFormat="1" applyFont="1" applyBorder="1" applyAlignment="1">
      <alignment vertical="center" shrinkToFit="1"/>
    </xf>
    <xf numFmtId="180" fontId="0" fillId="0" borderId="80" xfId="1" applyNumberFormat="1" applyFont="1" applyBorder="1" applyAlignment="1">
      <alignment vertical="center" shrinkToFit="1"/>
    </xf>
    <xf numFmtId="180" fontId="0" fillId="0" borderId="59" xfId="1" applyNumberFormat="1" applyFont="1" applyBorder="1" applyAlignment="1">
      <alignment vertical="center" shrinkToFit="1"/>
    </xf>
    <xf numFmtId="180" fontId="0" fillId="0" borderId="60" xfId="1" applyNumberFormat="1" applyFont="1" applyBorder="1" applyAlignment="1">
      <alignment vertical="center" shrinkToFit="1"/>
    </xf>
    <xf numFmtId="180" fontId="0" fillId="0" borderId="57" xfId="1" applyNumberFormat="1" applyFont="1" applyBorder="1" applyAlignment="1">
      <alignment vertical="center" shrinkToFit="1"/>
    </xf>
    <xf numFmtId="0" fontId="0" fillId="0" borderId="0" xfId="0" applyAlignment="1">
      <alignment vertical="center" shrinkToFit="1"/>
    </xf>
    <xf numFmtId="180" fontId="0" fillId="0" borderId="8" xfId="1" applyNumberFormat="1" applyFont="1" applyBorder="1" applyAlignment="1">
      <alignment vertical="center" shrinkToFit="1"/>
    </xf>
    <xf numFmtId="180" fontId="0" fillId="0" borderId="5" xfId="1" applyNumberFormat="1" applyFont="1" applyBorder="1" applyAlignment="1">
      <alignment vertical="center" shrinkToFit="1"/>
    </xf>
    <xf numFmtId="180" fontId="0" fillId="0" borderId="38" xfId="1" applyNumberFormat="1" applyFont="1" applyBorder="1" applyAlignment="1">
      <alignment vertical="center" shrinkToFit="1"/>
    </xf>
    <xf numFmtId="180" fontId="0" fillId="0" borderId="53" xfId="1" applyNumberFormat="1" applyFont="1" applyBorder="1" applyAlignment="1">
      <alignment vertical="center" shrinkToFit="1"/>
    </xf>
    <xf numFmtId="180" fontId="0" fillId="0" borderId="46" xfId="1" applyNumberFormat="1" applyFont="1" applyBorder="1" applyAlignment="1">
      <alignment vertical="center" shrinkToFit="1"/>
    </xf>
    <xf numFmtId="180" fontId="0" fillId="0" borderId="48" xfId="1" applyNumberFormat="1" applyFont="1" applyBorder="1" applyAlignment="1">
      <alignment vertical="center" shrinkToFit="1"/>
    </xf>
    <xf numFmtId="180" fontId="0" fillId="0" borderId="68" xfId="1" applyNumberFormat="1" applyFont="1" applyBorder="1" applyAlignment="1">
      <alignment vertical="center" shrinkToFit="1"/>
    </xf>
    <xf numFmtId="180" fontId="0" fillId="0" borderId="56" xfId="1" applyNumberFormat="1" applyFont="1" applyBorder="1" applyAlignment="1">
      <alignment vertical="center" shrinkToFit="1"/>
    </xf>
    <xf numFmtId="186" fontId="5" fillId="0" borderId="0" xfId="0" applyNumberFormat="1" applyFont="1" applyAlignment="1">
      <alignment vertical="center"/>
    </xf>
    <xf numFmtId="183" fontId="5" fillId="0" borderId="0" xfId="0" applyNumberFormat="1" applyFont="1" applyFill="1" applyAlignment="1">
      <alignment horizontal="left" vertical="center"/>
    </xf>
    <xf numFmtId="0" fontId="0" fillId="0" borderId="3" xfId="0" applyBorder="1" applyAlignment="1">
      <alignment horizontal="left" vertical="center" shrinkToFit="1"/>
    </xf>
    <xf numFmtId="0" fontId="0" fillId="0" borderId="7" xfId="0" applyBorder="1" applyAlignment="1">
      <alignment horizontal="left" vertical="center" shrinkToFit="1"/>
    </xf>
    <xf numFmtId="0" fontId="0" fillId="0" borderId="7" xfId="0" applyBorder="1" applyAlignment="1">
      <alignment horizontal="left" vertical="center"/>
    </xf>
    <xf numFmtId="0" fontId="0" fillId="0" borderId="14" xfId="0" applyBorder="1" applyAlignment="1">
      <alignment horizontal="left" vertical="center"/>
    </xf>
    <xf numFmtId="0" fontId="3" fillId="0" borderId="7" xfId="0" applyFont="1" applyBorder="1" applyAlignment="1">
      <alignment vertical="center"/>
    </xf>
    <xf numFmtId="176" fontId="3" fillId="0" borderId="8" xfId="0" applyNumberFormat="1" applyFont="1" applyBorder="1" applyAlignment="1">
      <alignment vertical="center"/>
    </xf>
    <xf numFmtId="176" fontId="3" fillId="0" borderId="9" xfId="0" applyNumberFormat="1" applyFont="1" applyBorder="1" applyAlignment="1">
      <alignment vertical="center"/>
    </xf>
    <xf numFmtId="183" fontId="5" fillId="0" borderId="0" xfId="0" applyNumberFormat="1" applyFont="1" applyBorder="1" applyAlignment="1">
      <alignment horizontal="left" vertical="center" shrinkToFit="1"/>
    </xf>
    <xf numFmtId="0" fontId="5" fillId="0" borderId="0" xfId="0" applyFont="1" applyAlignment="1">
      <alignment horizontal="center" vertical="center"/>
    </xf>
    <xf numFmtId="0" fontId="3" fillId="0" borderId="117" xfId="0" applyFont="1" applyBorder="1" applyAlignment="1">
      <alignment horizontal="center" vertical="center"/>
    </xf>
    <xf numFmtId="0" fontId="3" fillId="0" borderId="84" xfId="0" applyFont="1" applyBorder="1" applyAlignment="1">
      <alignment horizontal="center" vertical="center"/>
    </xf>
    <xf numFmtId="0" fontId="3" fillId="0" borderId="10" xfId="0" applyFont="1" applyBorder="1" applyAlignment="1">
      <alignment horizontal="center" vertical="center"/>
    </xf>
    <xf numFmtId="185" fontId="2" fillId="0" borderId="0" xfId="0" applyNumberFormat="1" applyFont="1" applyBorder="1" applyAlignment="1">
      <alignment horizontal="center" vertical="center"/>
    </xf>
    <xf numFmtId="0" fontId="2" fillId="0" borderId="1" xfId="0" applyFont="1" applyBorder="1" applyAlignment="1">
      <alignment horizontal="center" vertical="center"/>
    </xf>
    <xf numFmtId="0" fontId="2" fillId="0" borderId="84" xfId="0" applyFont="1" applyBorder="1" applyAlignment="1">
      <alignment horizontal="center" vertical="center"/>
    </xf>
    <xf numFmtId="0" fontId="2" fillId="0" borderId="10" xfId="0" applyFont="1" applyBorder="1" applyAlignment="1">
      <alignment horizontal="center" vertical="center"/>
    </xf>
    <xf numFmtId="0" fontId="2" fillId="0" borderId="92" xfId="0" applyFont="1" applyBorder="1" applyAlignment="1">
      <alignment horizontal="center" vertical="center"/>
    </xf>
    <xf numFmtId="0" fontId="2" fillId="0" borderId="75" xfId="0" applyFont="1" applyBorder="1" applyAlignment="1">
      <alignment horizontal="center" vertical="center"/>
    </xf>
    <xf numFmtId="0" fontId="2" fillId="0" borderId="93" xfId="0" applyFont="1" applyBorder="1" applyAlignment="1">
      <alignment horizontal="center" vertical="center"/>
    </xf>
    <xf numFmtId="0" fontId="2" fillId="0" borderId="3" xfId="0" applyFont="1" applyBorder="1" applyAlignment="1">
      <alignment horizontal="center" vertical="center"/>
    </xf>
    <xf numFmtId="0" fontId="2" fillId="0" borderId="57" xfId="0" applyFont="1" applyBorder="1" applyAlignment="1">
      <alignment horizontal="center" vertical="center"/>
    </xf>
    <xf numFmtId="0" fontId="2" fillId="0" borderId="59" xfId="0" applyFont="1" applyBorder="1" applyAlignment="1">
      <alignment horizontal="center" vertical="center"/>
    </xf>
    <xf numFmtId="0" fontId="0" fillId="0" borderId="99" xfId="0" applyBorder="1" applyAlignment="1">
      <alignment horizontal="center" vertical="center"/>
    </xf>
    <xf numFmtId="0" fontId="2" fillId="0" borderId="94" xfId="0" applyFont="1" applyBorder="1" applyAlignment="1">
      <alignment horizontal="center" vertical="center"/>
    </xf>
    <xf numFmtId="0" fontId="2" fillId="0" borderId="95" xfId="0" applyFont="1" applyBorder="1" applyAlignment="1">
      <alignment horizontal="center" vertical="center"/>
    </xf>
    <xf numFmtId="0" fontId="0" fillId="0" borderId="94" xfId="0" applyBorder="1" applyAlignment="1">
      <alignment horizontal="left" vertical="center"/>
    </xf>
    <xf numFmtId="0" fontId="0" fillId="0" borderId="95" xfId="0" applyBorder="1" applyAlignment="1">
      <alignment horizontal="left" vertical="center"/>
    </xf>
    <xf numFmtId="0" fontId="2" fillId="0" borderId="1" xfId="0" applyFont="1" applyBorder="1" applyAlignment="1">
      <alignment horizontal="left" vertical="center"/>
    </xf>
    <xf numFmtId="0" fontId="2" fillId="0" borderId="84" xfId="0" applyFont="1" applyBorder="1" applyAlignment="1">
      <alignment horizontal="left" vertical="center"/>
    </xf>
    <xf numFmtId="0" fontId="2" fillId="0" borderId="10" xfId="0" applyFont="1" applyBorder="1" applyAlignment="1">
      <alignment horizontal="left" vertical="center"/>
    </xf>
    <xf numFmtId="186" fontId="5" fillId="0" borderId="0" xfId="0" applyNumberFormat="1" applyFont="1" applyBorder="1" applyAlignment="1">
      <alignment horizontal="right" vertical="center"/>
    </xf>
    <xf numFmtId="0" fontId="2" fillId="0" borderId="28" xfId="0" applyFont="1" applyBorder="1" applyAlignment="1">
      <alignment horizontal="center" vertical="center"/>
    </xf>
    <xf numFmtId="0" fontId="2" fillId="0" borderId="16" xfId="0" applyFont="1" applyBorder="1" applyAlignment="1">
      <alignment horizontal="center" vertical="center"/>
    </xf>
    <xf numFmtId="0" fontId="2" fillId="0" borderId="2" xfId="0" applyFont="1" applyBorder="1" applyAlignment="1">
      <alignment horizontal="center" vertical="center"/>
    </xf>
    <xf numFmtId="0" fontId="2" fillId="0" borderId="87" xfId="0" applyFont="1" applyBorder="1" applyAlignment="1">
      <alignment horizontal="center" vertical="center"/>
    </xf>
    <xf numFmtId="182" fontId="2" fillId="0" borderId="0" xfId="0" applyNumberFormat="1" applyFont="1" applyAlignment="1">
      <alignment horizontal="center" vertical="center"/>
    </xf>
    <xf numFmtId="0" fontId="9" fillId="0" borderId="37" xfId="3" applyFont="1" applyBorder="1" applyAlignment="1">
      <alignment horizontal="center" vertical="center"/>
    </xf>
    <xf numFmtId="0" fontId="9" fillId="0" borderId="40" xfId="3" applyFont="1" applyBorder="1" applyAlignment="1">
      <alignment horizontal="center" vertical="center"/>
    </xf>
    <xf numFmtId="0" fontId="9" fillId="0" borderId="34" xfId="3" applyFont="1" applyBorder="1" applyAlignment="1">
      <alignment horizontal="center" vertical="center"/>
    </xf>
    <xf numFmtId="0" fontId="9" fillId="0" borderId="35" xfId="3" applyFont="1" applyBorder="1" applyAlignment="1">
      <alignment horizontal="center" vertical="center"/>
    </xf>
    <xf numFmtId="0" fontId="9" fillId="0" borderId="36" xfId="3" applyFont="1" applyBorder="1" applyAlignment="1">
      <alignment horizontal="center" vertical="center"/>
    </xf>
    <xf numFmtId="0" fontId="9" fillId="0" borderId="51" xfId="3" applyFont="1" applyBorder="1" applyAlignment="1">
      <alignment horizontal="center" vertical="center"/>
    </xf>
    <xf numFmtId="0" fontId="9" fillId="0" borderId="43" xfId="3" applyFont="1" applyBorder="1" applyAlignment="1">
      <alignment horizontal="center" vertical="center"/>
    </xf>
    <xf numFmtId="0" fontId="9" fillId="0" borderId="1" xfId="3" applyFont="1" applyBorder="1" applyAlignment="1">
      <alignment horizontal="center" vertical="center"/>
    </xf>
    <xf numFmtId="0" fontId="9" fillId="0" borderId="28" xfId="3" applyFont="1" applyBorder="1" applyAlignment="1">
      <alignment horizontal="center" vertical="center"/>
    </xf>
    <xf numFmtId="0" fontId="9" fillId="0" borderId="92" xfId="3" applyFont="1" applyBorder="1" applyAlignment="1">
      <alignment horizontal="center" vertical="center"/>
    </xf>
    <xf numFmtId="0" fontId="9" fillId="0" borderId="119" xfId="3" applyFont="1" applyBorder="1" applyAlignment="1">
      <alignment horizontal="center" vertical="center"/>
    </xf>
    <xf numFmtId="0" fontId="9" fillId="0" borderId="120" xfId="3" applyFont="1" applyBorder="1" applyAlignment="1">
      <alignment horizontal="center" vertical="center"/>
    </xf>
    <xf numFmtId="0" fontId="9" fillId="0" borderId="121" xfId="3" applyFont="1" applyBorder="1" applyAlignment="1">
      <alignment horizontal="center" vertical="center"/>
    </xf>
    <xf numFmtId="0" fontId="9" fillId="0" borderId="18" xfId="3" applyFont="1" applyBorder="1" applyAlignment="1">
      <alignment horizontal="center" vertical="center"/>
    </xf>
    <xf numFmtId="0" fontId="9" fillId="0" borderId="2" xfId="3" applyFont="1" applyBorder="1" applyAlignment="1">
      <alignment horizontal="center" vertical="center"/>
    </xf>
    <xf numFmtId="0" fontId="9" fillId="0" borderId="87" xfId="3" applyFont="1" applyBorder="1" applyAlignment="1">
      <alignment horizontal="center" vertical="center"/>
    </xf>
    <xf numFmtId="0" fontId="9" fillId="0" borderId="99" xfId="3" applyFont="1" applyBorder="1" applyAlignment="1">
      <alignment horizontal="center" vertical="center"/>
    </xf>
    <xf numFmtId="0" fontId="9" fillId="0" borderId="94" xfId="3" applyFont="1" applyBorder="1" applyAlignment="1">
      <alignment horizontal="center" vertical="center"/>
    </xf>
    <xf numFmtId="0" fontId="9" fillId="0" borderId="95" xfId="3" applyFont="1" applyBorder="1" applyAlignment="1">
      <alignment horizontal="center" vertical="center"/>
    </xf>
    <xf numFmtId="0" fontId="9" fillId="0" borderId="88" xfId="3" applyFont="1" applyBorder="1" applyAlignment="1">
      <alignment horizontal="center" vertical="center"/>
    </xf>
    <xf numFmtId="0" fontId="9" fillId="0" borderId="89" xfId="3" applyFont="1" applyBorder="1" applyAlignment="1">
      <alignment horizontal="center" vertical="center"/>
    </xf>
    <xf numFmtId="0" fontId="9" fillId="0" borderId="98" xfId="3" applyFont="1" applyBorder="1" applyAlignment="1">
      <alignment horizontal="center" vertical="center"/>
    </xf>
    <xf numFmtId="0" fontId="9" fillId="0" borderId="84" xfId="3" applyFont="1" applyBorder="1" applyAlignment="1">
      <alignment horizontal="center" vertical="center"/>
    </xf>
    <xf numFmtId="0" fontId="9" fillId="0" borderId="10" xfId="3" applyFont="1" applyBorder="1" applyAlignment="1">
      <alignment horizontal="center" vertical="center"/>
    </xf>
    <xf numFmtId="0" fontId="9" fillId="0" borderId="52" xfId="3" applyFont="1" applyBorder="1" applyAlignment="1">
      <alignment horizontal="center" vertical="center"/>
    </xf>
    <xf numFmtId="182" fontId="3" fillId="0" borderId="0" xfId="0" applyNumberFormat="1" applyFont="1" applyAlignment="1">
      <alignment horizontal="center" vertical="center"/>
    </xf>
    <xf numFmtId="0" fontId="3" fillId="0" borderId="16" xfId="0" applyFont="1" applyBorder="1" applyAlignment="1">
      <alignment horizontal="center" vertical="center"/>
    </xf>
    <xf numFmtId="0" fontId="3" fillId="0" borderId="2" xfId="0" applyFont="1" applyBorder="1" applyAlignment="1">
      <alignment horizontal="center" vertical="center"/>
    </xf>
    <xf numFmtId="0" fontId="3" fillId="0" borderId="87" xfId="0" applyFont="1" applyBorder="1" applyAlignment="1">
      <alignment horizontal="center" vertical="center"/>
    </xf>
    <xf numFmtId="0" fontId="9" fillId="0" borderId="61" xfId="3" applyFont="1" applyBorder="1" applyAlignment="1">
      <alignment horizontal="center" vertical="center"/>
    </xf>
    <xf numFmtId="0" fontId="9" fillId="0" borderId="58" xfId="3" applyFont="1" applyBorder="1" applyAlignment="1">
      <alignment horizontal="center" vertical="center"/>
    </xf>
    <xf numFmtId="0" fontId="9" fillId="0" borderId="44" xfId="3" applyFont="1" applyBorder="1" applyAlignment="1">
      <alignment horizontal="center" vertical="center"/>
    </xf>
    <xf numFmtId="0" fontId="9" fillId="0" borderId="27" xfId="3" applyFont="1" applyBorder="1" applyAlignment="1">
      <alignment horizontal="center" vertical="center"/>
    </xf>
    <xf numFmtId="0" fontId="9" fillId="0" borderId="115" xfId="3" applyFont="1" applyBorder="1" applyAlignment="1">
      <alignment horizontal="center" vertical="center"/>
    </xf>
    <xf numFmtId="0" fontId="9" fillId="0" borderId="91" xfId="3" applyFont="1" applyBorder="1" applyAlignment="1">
      <alignment horizontal="center" vertical="center"/>
    </xf>
    <xf numFmtId="0" fontId="9" fillId="0" borderId="86" xfId="3" applyFont="1" applyBorder="1" applyAlignment="1">
      <alignment horizontal="center" vertical="center"/>
    </xf>
    <xf numFmtId="0" fontId="9" fillId="0" borderId="5" xfId="3" applyFont="1" applyBorder="1" applyAlignment="1">
      <alignment horizontal="center" vertical="center"/>
    </xf>
    <xf numFmtId="0" fontId="9" fillId="0" borderId="46" xfId="3" applyFont="1" applyBorder="1" applyAlignment="1">
      <alignment horizontal="center" vertical="center"/>
    </xf>
    <xf numFmtId="0" fontId="9" fillId="0" borderId="54" xfId="3" applyFont="1" applyBorder="1" applyAlignment="1">
      <alignment horizontal="center" vertical="center"/>
    </xf>
    <xf numFmtId="0" fontId="9" fillId="0" borderId="38" xfId="3" applyFont="1" applyBorder="1" applyAlignment="1">
      <alignment horizontal="center" vertical="center"/>
    </xf>
    <xf numFmtId="0" fontId="9" fillId="0" borderId="39" xfId="3" applyFont="1" applyBorder="1" applyAlignment="1">
      <alignment horizontal="center" vertical="center"/>
    </xf>
    <xf numFmtId="0" fontId="9" fillId="0" borderId="8" xfId="3" applyFont="1" applyBorder="1" applyAlignment="1">
      <alignment horizontal="center" vertical="center"/>
    </xf>
    <xf numFmtId="0" fontId="9" fillId="0" borderId="9" xfId="3" applyFont="1" applyBorder="1" applyAlignment="1">
      <alignment horizontal="center" vertical="center"/>
    </xf>
    <xf numFmtId="0" fontId="3" fillId="0" borderId="88" xfId="0" applyFont="1" applyBorder="1" applyAlignment="1">
      <alignment horizontal="center" vertical="center"/>
    </xf>
    <xf numFmtId="0" fontId="3" fillId="0" borderId="89" xfId="0" applyFont="1" applyBorder="1" applyAlignment="1">
      <alignment horizontal="center" vertical="center"/>
    </xf>
    <xf numFmtId="0" fontId="3" fillId="0" borderId="85" xfId="0" applyFont="1" applyBorder="1" applyAlignment="1">
      <alignment horizontal="center" vertical="center"/>
    </xf>
    <xf numFmtId="0" fontId="3" fillId="0" borderId="1" xfId="0" applyFont="1" applyBorder="1" applyAlignment="1">
      <alignment vertical="center"/>
    </xf>
    <xf numFmtId="0" fontId="3" fillId="0" borderId="84" xfId="0" applyFont="1" applyBorder="1" applyAlignment="1">
      <alignment vertical="center"/>
    </xf>
    <xf numFmtId="0" fontId="3" fillId="0" borderId="10" xfId="0" applyFont="1" applyBorder="1" applyAlignment="1">
      <alignment vertical="center"/>
    </xf>
    <xf numFmtId="0" fontId="0" fillId="0" borderId="84" xfId="0" applyBorder="1" applyAlignment="1"/>
    <xf numFmtId="0" fontId="0" fillId="0" borderId="10" xfId="0" applyBorder="1" applyAlignment="1"/>
    <xf numFmtId="0" fontId="3" fillId="0" borderId="8" xfId="0" applyFont="1" applyBorder="1" applyAlignment="1">
      <alignment horizontal="center" vertical="center"/>
    </xf>
    <xf numFmtId="0" fontId="3" fillId="0" borderId="5" xfId="0" applyFont="1" applyBorder="1" applyAlignment="1">
      <alignment horizontal="center" vertical="center"/>
    </xf>
    <xf numFmtId="0" fontId="3" fillId="0" borderId="38" xfId="0" applyFont="1" applyBorder="1" applyAlignment="1">
      <alignment horizontal="center" vertical="center"/>
    </xf>
    <xf numFmtId="0" fontId="3" fillId="0" borderId="69" xfId="0" applyFont="1" applyBorder="1" applyAlignment="1">
      <alignment horizontal="center" vertical="center"/>
    </xf>
    <xf numFmtId="0" fontId="3" fillId="0" borderId="56" xfId="0" applyFont="1" applyBorder="1" applyAlignment="1">
      <alignment horizontal="center" vertical="center"/>
    </xf>
    <xf numFmtId="0" fontId="3" fillId="0" borderId="47" xfId="0" applyFont="1" applyBorder="1" applyAlignment="1">
      <alignment horizontal="center" vertical="center"/>
    </xf>
    <xf numFmtId="0" fontId="3" fillId="0" borderId="48" xfId="0" applyFont="1" applyBorder="1" applyAlignment="1">
      <alignment horizontal="center" vertical="center" wrapText="1"/>
    </xf>
    <xf numFmtId="0" fontId="3" fillId="0" borderId="29" xfId="0" applyFont="1" applyBorder="1" applyAlignment="1">
      <alignment horizontal="center" vertical="center" wrapText="1"/>
    </xf>
    <xf numFmtId="0" fontId="3" fillId="0" borderId="49" xfId="0" applyFont="1" applyBorder="1" applyAlignment="1">
      <alignment horizontal="center" vertical="center"/>
    </xf>
    <xf numFmtId="0" fontId="3" fillId="0" borderId="42" xfId="0" applyFont="1" applyBorder="1" applyAlignment="1">
      <alignment horizontal="center" vertical="center"/>
    </xf>
    <xf numFmtId="0" fontId="3" fillId="0" borderId="4" xfId="0" applyFont="1" applyBorder="1" applyAlignment="1">
      <alignment horizontal="center" vertical="center"/>
    </xf>
    <xf numFmtId="0" fontId="3" fillId="0" borderId="81" xfId="0" applyFont="1" applyBorder="1" applyAlignment="1">
      <alignment horizontal="center" vertical="center"/>
    </xf>
    <xf numFmtId="0" fontId="3" fillId="0" borderId="57" xfId="0" applyFont="1" applyBorder="1" applyAlignment="1">
      <alignment horizontal="center" vertical="center"/>
    </xf>
    <xf numFmtId="0" fontId="3" fillId="0" borderId="82" xfId="0" applyFont="1" applyBorder="1" applyAlignment="1">
      <alignment horizontal="center" vertical="center"/>
    </xf>
    <xf numFmtId="0" fontId="3" fillId="0" borderId="57" xfId="0" applyFont="1" applyBorder="1" applyAlignment="1">
      <alignment horizontal="center" vertical="center" wrapText="1"/>
    </xf>
    <xf numFmtId="0" fontId="3" fillId="0" borderId="83" xfId="0" applyFont="1" applyBorder="1" applyAlignment="1">
      <alignment horizontal="center" vertical="center" wrapText="1"/>
    </xf>
    <xf numFmtId="0" fontId="3" fillId="0" borderId="56" xfId="0" applyFont="1" applyBorder="1" applyAlignment="1">
      <alignment horizontal="center" vertical="center" wrapText="1"/>
    </xf>
    <xf numFmtId="0" fontId="3" fillId="0" borderId="59" xfId="0" applyFont="1" applyBorder="1" applyAlignment="1">
      <alignment horizontal="center" vertical="center" wrapText="1"/>
    </xf>
    <xf numFmtId="0" fontId="3" fillId="0" borderId="1" xfId="0" applyFont="1" applyBorder="1" applyAlignment="1">
      <alignment horizontal="center" vertical="center"/>
    </xf>
    <xf numFmtId="0" fontId="3" fillId="0" borderId="3" xfId="0" applyFont="1" applyBorder="1" applyAlignment="1">
      <alignment horizontal="center" vertical="center"/>
    </xf>
    <xf numFmtId="0" fontId="3" fillId="0" borderId="59" xfId="0" applyFont="1" applyBorder="1" applyAlignment="1">
      <alignment horizontal="center" vertical="center"/>
    </xf>
    <xf numFmtId="0" fontId="3" fillId="0" borderId="99" xfId="0" applyFont="1" applyBorder="1" applyAlignment="1">
      <alignment horizontal="center" vertical="center"/>
    </xf>
    <xf numFmtId="0" fontId="3" fillId="0" borderId="94" xfId="0" applyFont="1" applyBorder="1" applyAlignment="1">
      <alignment horizontal="center" vertical="center"/>
    </xf>
    <xf numFmtId="0" fontId="3" fillId="0" borderId="95" xfId="0" applyFont="1" applyBorder="1" applyAlignment="1">
      <alignment horizontal="center" vertical="center"/>
    </xf>
    <xf numFmtId="0" fontId="0" fillId="0" borderId="1" xfId="0" applyFont="1" applyBorder="1" applyAlignment="1">
      <alignment vertical="center"/>
    </xf>
    <xf numFmtId="0" fontId="3" fillId="0" borderId="55" xfId="0" applyFont="1" applyBorder="1" applyAlignment="1">
      <alignment horizontal="center" vertical="center"/>
    </xf>
    <xf numFmtId="182" fontId="3" fillId="0" borderId="0" xfId="0" applyNumberFormat="1" applyFont="1" applyAlignment="1">
      <alignment horizontal="left" vertical="center"/>
    </xf>
    <xf numFmtId="182" fontId="3" fillId="0" borderId="0" xfId="0" applyNumberFormat="1" applyFont="1" applyBorder="1" applyAlignment="1">
      <alignment horizontal="left" vertical="center"/>
    </xf>
    <xf numFmtId="0" fontId="3" fillId="0" borderId="30" xfId="0" applyFont="1" applyBorder="1" applyAlignment="1">
      <alignment horizontal="center" vertical="center"/>
    </xf>
    <xf numFmtId="0" fontId="3" fillId="0" borderId="1" xfId="0" applyFont="1" applyBorder="1" applyAlignment="1">
      <alignment horizontal="left" vertical="center"/>
    </xf>
    <xf numFmtId="0" fontId="3" fillId="0" borderId="84" xfId="0" applyFont="1" applyBorder="1" applyAlignment="1">
      <alignment horizontal="left" vertical="center"/>
    </xf>
    <xf numFmtId="0" fontId="3" fillId="0" borderId="10" xfId="0" applyFont="1" applyBorder="1" applyAlignment="1">
      <alignment horizontal="left" vertical="center"/>
    </xf>
    <xf numFmtId="0" fontId="3" fillId="0" borderId="3" xfId="0" applyFont="1" applyFill="1" applyBorder="1" applyAlignment="1">
      <alignment horizontal="center" vertical="center"/>
    </xf>
    <xf numFmtId="0" fontId="3" fillId="0" borderId="57" xfId="0" applyFont="1" applyFill="1" applyBorder="1" applyAlignment="1">
      <alignment horizontal="center" vertical="center"/>
    </xf>
    <xf numFmtId="0" fontId="3" fillId="0" borderId="59" xfId="0" applyFont="1" applyFill="1" applyBorder="1" applyAlignment="1">
      <alignment horizontal="center" vertical="center"/>
    </xf>
    <xf numFmtId="0" fontId="3" fillId="0" borderId="119" xfId="0" applyFont="1" applyBorder="1" applyAlignment="1">
      <alignment horizontal="center" vertical="center"/>
    </xf>
    <xf numFmtId="0" fontId="3" fillId="0" borderId="120" xfId="0" applyFont="1" applyBorder="1" applyAlignment="1">
      <alignment horizontal="center" vertical="center"/>
    </xf>
    <xf numFmtId="0" fontId="3" fillId="0" borderId="121" xfId="0" applyFont="1" applyBorder="1" applyAlignment="1">
      <alignment horizontal="center" vertical="center"/>
    </xf>
    <xf numFmtId="0" fontId="0" fillId="0" borderId="119" xfId="0" applyFont="1" applyBorder="1" applyAlignment="1">
      <alignment horizontal="center" vertical="center"/>
    </xf>
    <xf numFmtId="0" fontId="3" fillId="0" borderId="34" xfId="0" applyFont="1" applyBorder="1" applyAlignment="1">
      <alignment horizontal="center" vertical="center"/>
    </xf>
    <xf numFmtId="0" fontId="3" fillId="0" borderId="35" xfId="0" applyFont="1" applyBorder="1" applyAlignment="1">
      <alignment horizontal="center" vertical="center"/>
    </xf>
    <xf numFmtId="0" fontId="3" fillId="0" borderId="86" xfId="0" applyFont="1" applyBorder="1" applyAlignment="1">
      <alignment horizontal="center" vertical="center"/>
    </xf>
    <xf numFmtId="182" fontId="2" fillId="0" borderId="0" xfId="0" applyNumberFormat="1" applyFont="1" applyBorder="1" applyAlignment="1">
      <alignment horizontal="center" vertical="center"/>
    </xf>
    <xf numFmtId="0" fontId="3" fillId="0" borderId="97" xfId="0" applyFont="1" applyBorder="1" applyAlignment="1">
      <alignment horizontal="center" vertical="center"/>
    </xf>
    <xf numFmtId="0" fontId="3" fillId="0" borderId="80" xfId="0" applyFont="1" applyBorder="1" applyAlignment="1">
      <alignment horizontal="center" vertical="center"/>
    </xf>
    <xf numFmtId="0" fontId="3" fillId="0" borderId="39" xfId="0" applyFont="1" applyBorder="1" applyAlignment="1">
      <alignment horizontal="center" vertical="center"/>
    </xf>
    <xf numFmtId="0" fontId="3" fillId="0" borderId="40" xfId="0" applyFont="1" applyBorder="1" applyAlignment="1">
      <alignment horizontal="center" vertical="center"/>
    </xf>
    <xf numFmtId="0" fontId="3" fillId="0" borderId="31" xfId="0" applyFont="1" applyBorder="1" applyAlignment="1">
      <alignment horizontal="center" vertical="center"/>
    </xf>
    <xf numFmtId="0" fontId="3" fillId="0" borderId="32" xfId="0" applyFont="1" applyBorder="1" applyAlignment="1">
      <alignment horizontal="center" vertical="center"/>
    </xf>
    <xf numFmtId="0" fontId="3" fillId="0" borderId="19" xfId="0" applyFont="1" applyBorder="1" applyAlignment="1">
      <alignment horizontal="center" vertical="center"/>
    </xf>
    <xf numFmtId="0" fontId="3" fillId="0" borderId="84" xfId="0" applyFont="1" applyBorder="1" applyAlignment="1">
      <alignment vertical="top"/>
    </xf>
    <xf numFmtId="0" fontId="3" fillId="0" borderId="0" xfId="0" applyFont="1" applyBorder="1" applyAlignment="1">
      <alignment vertical="top"/>
    </xf>
    <xf numFmtId="0" fontId="3" fillId="0" borderId="57" xfId="0" applyFont="1" applyBorder="1" applyAlignment="1">
      <alignment vertical="top"/>
    </xf>
    <xf numFmtId="0" fontId="3" fillId="0" borderId="16" xfId="0" applyFont="1" applyBorder="1" applyAlignment="1">
      <alignment vertical="center"/>
    </xf>
    <xf numFmtId="0" fontId="3" fillId="0" borderId="2" xfId="0" applyFont="1" applyBorder="1" applyAlignment="1">
      <alignment vertical="center"/>
    </xf>
    <xf numFmtId="0" fontId="3" fillId="0" borderId="87" xfId="0" applyFont="1" applyBorder="1" applyAlignment="1">
      <alignment vertical="center"/>
    </xf>
    <xf numFmtId="0" fontId="3" fillId="0" borderId="9" xfId="0" applyFont="1" applyBorder="1" applyAlignment="1">
      <alignment horizontal="center" vertical="center"/>
    </xf>
    <xf numFmtId="0" fontId="3" fillId="0" borderId="12" xfId="0" applyFont="1" applyBorder="1" applyAlignment="1">
      <alignment horizontal="center" vertical="center"/>
    </xf>
    <xf numFmtId="0" fontId="3" fillId="0" borderId="41" xfId="0" applyFont="1" applyBorder="1" applyAlignment="1">
      <alignment horizontal="center" vertical="center"/>
    </xf>
    <xf numFmtId="0" fontId="3" fillId="0" borderId="78" xfId="0" applyFont="1" applyBorder="1" applyAlignment="1">
      <alignment horizontal="center" vertical="center"/>
    </xf>
    <xf numFmtId="0" fontId="3" fillId="0" borderId="7" xfId="0" applyFont="1" applyBorder="1" applyAlignment="1">
      <alignment horizontal="center" vertical="center"/>
    </xf>
    <xf numFmtId="0" fontId="3" fillId="0" borderId="53" xfId="0" applyFont="1" applyBorder="1" applyAlignment="1">
      <alignment horizontal="center" vertical="center"/>
    </xf>
    <xf numFmtId="0" fontId="3" fillId="0" borderId="46" xfId="0" applyFont="1" applyBorder="1" applyAlignment="1">
      <alignment horizontal="center" vertical="center"/>
    </xf>
    <xf numFmtId="0" fontId="3" fillId="0" borderId="48" xfId="0" applyFont="1" applyBorder="1" applyAlignment="1">
      <alignment horizontal="center" vertical="center"/>
    </xf>
    <xf numFmtId="0" fontId="3" fillId="0" borderId="116" xfId="0" applyFont="1" applyBorder="1" applyAlignment="1">
      <alignment horizontal="center" vertical="center"/>
    </xf>
    <xf numFmtId="0" fontId="3" fillId="0" borderId="91" xfId="0" applyFont="1" applyBorder="1" applyAlignment="1">
      <alignment horizontal="center" vertical="center"/>
    </xf>
    <xf numFmtId="0" fontId="3" fillId="0" borderId="71" xfId="0" applyFont="1" applyBorder="1" applyAlignment="1">
      <alignment horizontal="center" vertical="center"/>
    </xf>
    <xf numFmtId="0" fontId="3" fillId="0" borderId="96" xfId="0" applyFont="1" applyBorder="1" applyAlignment="1">
      <alignment horizontal="center" vertical="center"/>
    </xf>
    <xf numFmtId="182" fontId="3" fillId="0" borderId="0" xfId="0" applyNumberFormat="1" applyFont="1" applyBorder="1" applyAlignment="1">
      <alignment horizontal="center" vertical="center"/>
    </xf>
    <xf numFmtId="0" fontId="3" fillId="0" borderId="90" xfId="0" applyFont="1" applyBorder="1" applyAlignment="1">
      <alignment horizontal="center" vertical="center"/>
    </xf>
    <xf numFmtId="0" fontId="0" fillId="0" borderId="1" xfId="0" applyFont="1" applyBorder="1" applyAlignment="1">
      <alignment horizontal="center" vertical="center"/>
    </xf>
    <xf numFmtId="0" fontId="0" fillId="0" borderId="84" xfId="0" applyFont="1" applyBorder="1" applyAlignment="1">
      <alignment horizontal="center" vertical="center"/>
    </xf>
    <xf numFmtId="0" fontId="0" fillId="0" borderId="10" xfId="0" applyFont="1" applyBorder="1" applyAlignment="1">
      <alignment horizontal="center" vertical="center"/>
    </xf>
    <xf numFmtId="0" fontId="0" fillId="0" borderId="3" xfId="0" applyFont="1" applyBorder="1" applyAlignment="1">
      <alignment horizontal="center" vertical="center"/>
    </xf>
    <xf numFmtId="0" fontId="0" fillId="0" borderId="57" xfId="0" applyFont="1" applyBorder="1" applyAlignment="1">
      <alignment horizontal="center" vertical="center"/>
    </xf>
    <xf numFmtId="0" fontId="0" fillId="0" borderId="59" xfId="0" applyFont="1" applyBorder="1" applyAlignment="1">
      <alignment horizontal="center" vertical="center"/>
    </xf>
    <xf numFmtId="0" fontId="3" fillId="0" borderId="29" xfId="0" applyFont="1" applyBorder="1" applyAlignment="1">
      <alignment horizontal="center" vertical="center"/>
    </xf>
    <xf numFmtId="0" fontId="3" fillId="0" borderId="28" xfId="0" applyFont="1" applyBorder="1" applyAlignment="1">
      <alignment horizontal="center" vertical="center"/>
    </xf>
    <xf numFmtId="0" fontId="3" fillId="0" borderId="0" xfId="0" applyFont="1" applyBorder="1" applyAlignment="1">
      <alignment horizontal="center" vertical="center"/>
    </xf>
    <xf numFmtId="0" fontId="3" fillId="0" borderId="123" xfId="0" applyFont="1" applyBorder="1" applyAlignment="1">
      <alignment horizontal="center" vertical="center"/>
    </xf>
    <xf numFmtId="0" fontId="3" fillId="0" borderId="28" xfId="0" applyFont="1" applyFill="1" applyBorder="1" applyAlignment="1">
      <alignment horizontal="center" vertical="center"/>
    </xf>
    <xf numFmtId="0" fontId="3" fillId="0" borderId="0" xfId="0" applyFont="1" applyFill="1" applyBorder="1" applyAlignment="1">
      <alignment horizontal="center" vertical="center"/>
    </xf>
    <xf numFmtId="0" fontId="3" fillId="0" borderId="123" xfId="0" applyFont="1" applyFill="1" applyBorder="1" applyAlignment="1">
      <alignment horizontal="center" vertical="center"/>
    </xf>
    <xf numFmtId="0" fontId="0" fillId="0" borderId="1" xfId="0" applyBorder="1" applyAlignment="1">
      <alignment horizontal="center" vertical="center"/>
    </xf>
    <xf numFmtId="0" fontId="0" fillId="0" borderId="84" xfId="0" applyBorder="1" applyAlignment="1">
      <alignment horizontal="center" vertical="center"/>
    </xf>
    <xf numFmtId="0" fontId="0" fillId="0" borderId="10" xfId="0" applyBorder="1" applyAlignment="1">
      <alignment horizontal="center" vertical="center"/>
    </xf>
    <xf numFmtId="0" fontId="0" fillId="0" borderId="3" xfId="0" applyBorder="1" applyAlignment="1">
      <alignment horizontal="center" vertical="center"/>
    </xf>
    <xf numFmtId="0" fontId="0" fillId="0" borderId="57" xfId="0" applyBorder="1" applyAlignment="1">
      <alignment horizontal="center" vertical="center"/>
    </xf>
    <xf numFmtId="0" fontId="0" fillId="0" borderId="59" xfId="0" applyBorder="1" applyAlignment="1">
      <alignment horizontal="center" vertical="center"/>
    </xf>
    <xf numFmtId="0" fontId="3" fillId="0" borderId="1" xfId="0" applyFont="1" applyFill="1" applyBorder="1" applyAlignment="1">
      <alignment horizontal="center" vertical="center"/>
    </xf>
    <xf numFmtId="0" fontId="3" fillId="0" borderId="84" xfId="0" applyFont="1" applyFill="1" applyBorder="1" applyAlignment="1">
      <alignment horizontal="center" vertical="center"/>
    </xf>
    <xf numFmtId="0" fontId="3" fillId="0" borderId="10" xfId="0" applyFont="1" applyFill="1" applyBorder="1" applyAlignment="1">
      <alignment horizontal="center" vertical="center"/>
    </xf>
    <xf numFmtId="0" fontId="0" fillId="0" borderId="1" xfId="0" applyFill="1" applyBorder="1" applyAlignment="1">
      <alignment horizontal="center" vertical="center"/>
    </xf>
    <xf numFmtId="0" fontId="0" fillId="0" borderId="84" xfId="0" applyFill="1" applyBorder="1" applyAlignment="1">
      <alignment horizontal="center" vertical="center"/>
    </xf>
    <xf numFmtId="0" fontId="0" fillId="0" borderId="10" xfId="0" applyFill="1" applyBorder="1" applyAlignment="1">
      <alignment horizontal="center" vertical="center"/>
    </xf>
    <xf numFmtId="0" fontId="0" fillId="0" borderId="3" xfId="0" applyFill="1" applyBorder="1" applyAlignment="1">
      <alignment horizontal="center" vertical="center"/>
    </xf>
    <xf numFmtId="0" fontId="0" fillId="0" borderId="57" xfId="0" applyFill="1" applyBorder="1" applyAlignment="1">
      <alignment horizontal="center" vertical="center"/>
    </xf>
    <xf numFmtId="0" fontId="0" fillId="0" borderId="59" xfId="0" applyFill="1" applyBorder="1" applyAlignment="1">
      <alignment horizontal="center" vertical="center"/>
    </xf>
    <xf numFmtId="182" fontId="2" fillId="0" borderId="0" xfId="0" applyNumberFormat="1" applyFont="1" applyBorder="1" applyAlignment="1">
      <alignment horizontal="left" vertical="center"/>
    </xf>
    <xf numFmtId="0" fontId="2" fillId="0" borderId="30" xfId="0" applyFont="1" applyBorder="1" applyAlignment="1">
      <alignment horizontal="center" vertical="center"/>
    </xf>
    <xf numFmtId="0" fontId="2" fillId="0" borderId="116" xfId="0" applyFont="1" applyBorder="1" applyAlignment="1">
      <alignment horizontal="center" vertical="center"/>
    </xf>
    <xf numFmtId="0" fontId="2" fillId="0" borderId="91" xfId="0" applyFont="1" applyBorder="1" applyAlignment="1">
      <alignment horizontal="center" vertical="center"/>
    </xf>
    <xf numFmtId="0" fontId="2" fillId="0" borderId="49" xfId="0" applyFont="1" applyBorder="1" applyAlignment="1">
      <alignment horizontal="center" vertical="center"/>
    </xf>
    <xf numFmtId="0" fontId="2" fillId="0" borderId="42" xfId="0" applyFont="1" applyBorder="1" applyAlignment="1">
      <alignment horizontal="center" vertical="center"/>
    </xf>
    <xf numFmtId="0" fontId="2" fillId="0" borderId="4" xfId="0" applyFont="1" applyBorder="1" applyAlignment="1">
      <alignment horizontal="center" vertical="center"/>
    </xf>
    <xf numFmtId="0" fontId="2" fillId="0" borderId="97" xfId="0" applyFont="1" applyBorder="1" applyAlignment="1">
      <alignment horizontal="center" vertical="center"/>
    </xf>
    <xf numFmtId="0" fontId="2" fillId="0" borderId="80" xfId="0" applyFont="1" applyBorder="1" applyAlignment="1">
      <alignment horizontal="center" vertical="center"/>
    </xf>
    <xf numFmtId="0" fontId="2" fillId="0" borderId="81" xfId="0" applyFont="1" applyBorder="1" applyAlignment="1">
      <alignment horizontal="center" vertical="center"/>
    </xf>
    <xf numFmtId="0" fontId="2" fillId="0" borderId="82" xfId="0" applyFont="1" applyBorder="1" applyAlignment="1">
      <alignment horizontal="center" vertical="center"/>
    </xf>
    <xf numFmtId="0" fontId="2" fillId="0" borderId="8" xfId="0" applyFont="1" applyBorder="1" applyAlignment="1">
      <alignment horizontal="center" vertical="center"/>
    </xf>
    <xf numFmtId="0" fontId="2" fillId="0" borderId="5" xfId="0" applyFont="1" applyBorder="1" applyAlignment="1">
      <alignment horizontal="center" vertical="center"/>
    </xf>
    <xf numFmtId="0" fontId="2" fillId="0" borderId="38" xfId="0" applyFont="1" applyBorder="1" applyAlignment="1">
      <alignment horizontal="center" vertical="center"/>
    </xf>
    <xf numFmtId="0" fontId="2" fillId="0" borderId="53" xfId="0" applyFont="1" applyBorder="1" applyAlignment="1">
      <alignment horizontal="center" vertical="center"/>
    </xf>
    <xf numFmtId="0" fontId="2" fillId="0" borderId="46" xfId="0" applyFont="1" applyBorder="1" applyAlignment="1">
      <alignment horizontal="center" vertical="center"/>
    </xf>
    <xf numFmtId="0" fontId="2" fillId="0" borderId="56" xfId="0" applyFont="1" applyBorder="1" applyAlignment="1">
      <alignment horizontal="center" vertical="center"/>
    </xf>
    <xf numFmtId="0" fontId="2" fillId="0" borderId="71" xfId="0" applyFont="1" applyBorder="1" applyAlignment="1">
      <alignment horizontal="center" vertical="center"/>
    </xf>
    <xf numFmtId="0" fontId="2" fillId="0" borderId="119" xfId="0" applyFont="1" applyBorder="1" applyAlignment="1">
      <alignment horizontal="center" vertical="center"/>
    </xf>
    <xf numFmtId="0" fontId="2" fillId="0" borderId="120" xfId="0" applyFont="1" applyBorder="1" applyAlignment="1">
      <alignment horizontal="center" vertical="center"/>
    </xf>
    <xf numFmtId="0" fontId="2" fillId="0" borderId="121" xfId="0" applyFont="1" applyBorder="1" applyAlignment="1">
      <alignment horizontal="center" vertical="center"/>
    </xf>
    <xf numFmtId="0" fontId="2" fillId="0" borderId="3" xfId="0" applyFont="1" applyFill="1" applyBorder="1" applyAlignment="1">
      <alignment horizontal="center" vertical="center"/>
    </xf>
    <xf numFmtId="0" fontId="2" fillId="0" borderId="57" xfId="0" applyFont="1" applyFill="1" applyBorder="1" applyAlignment="1">
      <alignment horizontal="center" vertical="center"/>
    </xf>
    <xf numFmtId="0" fontId="2" fillId="0" borderId="99" xfId="0" applyFont="1" applyBorder="1" applyAlignment="1">
      <alignment horizontal="center" vertical="center"/>
    </xf>
    <xf numFmtId="0" fontId="2" fillId="0" borderId="39" xfId="0" applyFont="1" applyBorder="1" applyAlignment="1">
      <alignment horizontal="center" vertical="center"/>
    </xf>
    <xf numFmtId="0" fontId="2" fillId="0" borderId="40" xfId="0" applyFont="1" applyBorder="1" applyAlignment="1">
      <alignment horizontal="center" vertical="center"/>
    </xf>
    <xf numFmtId="0" fontId="2" fillId="0" borderId="96" xfId="0" applyFont="1" applyBorder="1" applyAlignment="1">
      <alignment horizontal="center" vertical="center"/>
    </xf>
    <xf numFmtId="0" fontId="2" fillId="0" borderId="7" xfId="0" applyFont="1" applyBorder="1" applyAlignment="1">
      <alignment horizontal="center" vertical="center"/>
    </xf>
    <xf numFmtId="0" fontId="2" fillId="0" borderId="69" xfId="0" applyFont="1" applyBorder="1" applyAlignment="1">
      <alignment horizontal="center" vertical="center"/>
    </xf>
    <xf numFmtId="0" fontId="2" fillId="0" borderId="47" xfId="0" applyFont="1" applyBorder="1" applyAlignment="1">
      <alignment horizontal="center" vertical="center"/>
    </xf>
    <xf numFmtId="0" fontId="2" fillId="0" borderId="31" xfId="0" applyFont="1" applyBorder="1" applyAlignment="1">
      <alignment horizontal="center" vertical="center"/>
    </xf>
    <xf numFmtId="0" fontId="2" fillId="0" borderId="32" xfId="0" applyFont="1" applyBorder="1" applyAlignment="1">
      <alignment horizontal="center" vertical="center"/>
    </xf>
    <xf numFmtId="0" fontId="2" fillId="0" borderId="19" xfId="0" applyFont="1" applyBorder="1" applyAlignment="1">
      <alignment horizontal="center" vertical="center"/>
    </xf>
    <xf numFmtId="0" fontId="2" fillId="0" borderId="84" xfId="0" applyFont="1" applyBorder="1" applyAlignment="1">
      <alignment vertical="top"/>
    </xf>
    <xf numFmtId="0" fontId="2" fillId="0" borderId="0" xfId="0" applyFont="1" applyBorder="1" applyAlignment="1">
      <alignment vertical="top"/>
    </xf>
    <xf numFmtId="0" fontId="2" fillId="0" borderId="57" xfId="0" applyFont="1" applyBorder="1" applyAlignment="1">
      <alignment vertical="top"/>
    </xf>
    <xf numFmtId="0" fontId="2" fillId="0" borderId="84" xfId="0" applyFont="1" applyBorder="1" applyAlignment="1">
      <alignment vertical="center"/>
    </xf>
    <xf numFmtId="0" fontId="2" fillId="0" borderId="10" xfId="0" applyFont="1" applyBorder="1" applyAlignment="1">
      <alignment vertical="center"/>
    </xf>
    <xf numFmtId="0" fontId="2" fillId="0" borderId="16" xfId="0" applyFont="1" applyBorder="1" applyAlignment="1">
      <alignment vertical="center"/>
    </xf>
    <xf numFmtId="0" fontId="2" fillId="0" borderId="2" xfId="0" applyFont="1" applyBorder="1" applyAlignment="1">
      <alignment vertical="center"/>
    </xf>
    <xf numFmtId="0" fontId="2" fillId="0" borderId="87" xfId="0" applyFont="1" applyBorder="1" applyAlignment="1">
      <alignment vertical="center"/>
    </xf>
    <xf numFmtId="0" fontId="2" fillId="0" borderId="34" xfId="0" applyFont="1" applyBorder="1" applyAlignment="1">
      <alignment horizontal="center" vertical="center"/>
    </xf>
    <xf numFmtId="0" fontId="2" fillId="0" borderId="35" xfId="0" applyFont="1" applyBorder="1" applyAlignment="1">
      <alignment horizontal="center" vertical="center"/>
    </xf>
    <xf numFmtId="0" fontId="2" fillId="0" borderId="86" xfId="0" applyFont="1" applyBorder="1" applyAlignment="1">
      <alignment horizontal="center" vertical="center"/>
    </xf>
    <xf numFmtId="0" fontId="2" fillId="0" borderId="9" xfId="0" applyFont="1" applyBorder="1" applyAlignment="1">
      <alignment horizontal="center" vertical="center"/>
    </xf>
    <xf numFmtId="0" fontId="2" fillId="0" borderId="12" xfId="0" applyFont="1" applyBorder="1" applyAlignment="1">
      <alignment horizontal="center" vertical="center"/>
    </xf>
    <xf numFmtId="0" fontId="2" fillId="0" borderId="41" xfId="0" applyFont="1" applyBorder="1" applyAlignment="1">
      <alignment horizontal="center" vertical="center"/>
    </xf>
    <xf numFmtId="0" fontId="2" fillId="0" borderId="59" xfId="0" applyFont="1" applyFill="1" applyBorder="1" applyAlignment="1">
      <alignment horizontal="center" vertical="center"/>
    </xf>
    <xf numFmtId="0" fontId="2" fillId="0" borderId="78" xfId="0" applyFont="1" applyBorder="1" applyAlignment="1">
      <alignment horizontal="center" vertical="center"/>
    </xf>
    <xf numFmtId="0" fontId="0" fillId="0" borderId="119" xfId="0" applyBorder="1" applyAlignment="1">
      <alignment horizontal="center" vertical="center"/>
    </xf>
    <xf numFmtId="0" fontId="0" fillId="0" borderId="120" xfId="0" applyBorder="1" applyAlignment="1">
      <alignment horizontal="center" vertical="center"/>
    </xf>
    <xf numFmtId="0" fontId="0" fillId="0" borderId="121" xfId="0" applyBorder="1" applyAlignment="1">
      <alignment horizontal="center" vertical="center"/>
    </xf>
    <xf numFmtId="0" fontId="0" fillId="0" borderId="1" xfId="0" applyBorder="1" applyAlignment="1">
      <alignment horizontal="left" vertical="center"/>
    </xf>
    <xf numFmtId="0" fontId="0" fillId="0" borderId="84" xfId="0" applyBorder="1" applyAlignment="1">
      <alignment horizontal="left" vertical="center"/>
    </xf>
    <xf numFmtId="0" fontId="0" fillId="0" borderId="10" xfId="0" applyBorder="1" applyAlignment="1">
      <alignment horizontal="left" vertical="center"/>
    </xf>
    <xf numFmtId="0" fontId="0" fillId="0" borderId="49" xfId="0" applyBorder="1" applyAlignment="1">
      <alignment horizontal="center" vertical="center"/>
    </xf>
    <xf numFmtId="0" fontId="0" fillId="0" borderId="42" xfId="0" applyBorder="1" applyAlignment="1">
      <alignment horizontal="center" vertical="center"/>
    </xf>
    <xf numFmtId="0" fontId="0" fillId="0" borderId="4" xfId="0" applyBorder="1" applyAlignment="1">
      <alignment horizontal="center" vertical="center"/>
    </xf>
    <xf numFmtId="0" fontId="0" fillId="0" borderId="122" xfId="0" applyBorder="1" applyAlignment="1">
      <alignment horizontal="center" vertical="center"/>
    </xf>
    <xf numFmtId="0" fontId="0" fillId="0" borderId="34" xfId="0" applyBorder="1" applyAlignment="1">
      <alignment horizontal="center" vertical="center"/>
    </xf>
    <xf numFmtId="0" fontId="0" fillId="0" borderId="35" xfId="0" applyBorder="1" applyAlignment="1">
      <alignment horizontal="center" vertical="center"/>
    </xf>
    <xf numFmtId="0" fontId="0" fillId="0" borderId="86" xfId="0" applyBorder="1" applyAlignment="1">
      <alignment horizontal="center" vertical="center"/>
    </xf>
    <xf numFmtId="0" fontId="0" fillId="0" borderId="9" xfId="0" applyBorder="1" applyAlignment="1">
      <alignment horizontal="center" vertical="center"/>
    </xf>
    <xf numFmtId="0" fontId="0" fillId="0" borderId="12" xfId="0" applyBorder="1" applyAlignment="1">
      <alignment horizontal="center" vertical="center"/>
    </xf>
    <xf numFmtId="0" fontId="0" fillId="0" borderId="41" xfId="0" applyBorder="1" applyAlignment="1">
      <alignment horizontal="center" vertical="center"/>
    </xf>
    <xf numFmtId="0" fontId="0" fillId="0" borderId="8" xfId="0" applyBorder="1" applyAlignment="1">
      <alignment horizontal="center" vertical="center"/>
    </xf>
    <xf numFmtId="0" fontId="0" fillId="0" borderId="5" xfId="0" applyBorder="1" applyAlignment="1">
      <alignment horizontal="center" vertical="center"/>
    </xf>
    <xf numFmtId="0" fontId="0" fillId="0" borderId="38" xfId="0" applyBorder="1" applyAlignment="1">
      <alignment horizontal="center" vertical="center"/>
    </xf>
    <xf numFmtId="0" fontId="0" fillId="0" borderId="53" xfId="0" applyBorder="1" applyAlignment="1">
      <alignment horizontal="center" vertical="center"/>
    </xf>
    <xf numFmtId="0" fontId="0" fillId="0" borderId="46" xfId="0" applyBorder="1" applyAlignment="1">
      <alignment horizontal="center" vertical="center"/>
    </xf>
    <xf numFmtId="0" fontId="0" fillId="0" borderId="48" xfId="0" applyBorder="1" applyAlignment="1">
      <alignment horizontal="center" vertical="center"/>
    </xf>
    <xf numFmtId="0" fontId="0" fillId="0" borderId="30" xfId="0" applyBorder="1" applyAlignment="1">
      <alignment horizontal="center" vertical="center"/>
    </xf>
    <xf numFmtId="0" fontId="0" fillId="0" borderId="97" xfId="0" applyBorder="1" applyAlignment="1">
      <alignment horizontal="center" vertical="center"/>
    </xf>
    <xf numFmtId="0" fontId="0" fillId="0" borderId="80" xfId="0" applyBorder="1" applyAlignment="1">
      <alignment horizontal="center" vertical="center"/>
    </xf>
    <xf numFmtId="0" fontId="0" fillId="0" borderId="27" xfId="0" applyBorder="1" applyAlignment="1">
      <alignment horizontal="center" vertical="center"/>
    </xf>
    <xf numFmtId="0" fontId="0" fillId="0" borderId="7" xfId="0" applyBorder="1" applyAlignment="1">
      <alignment horizontal="center" vertical="center"/>
    </xf>
    <xf numFmtId="0" fontId="0" fillId="0" borderId="14" xfId="0" applyBorder="1" applyAlignment="1">
      <alignment horizontal="center" vertical="center"/>
    </xf>
    <xf numFmtId="0" fontId="0" fillId="0" borderId="56" xfId="0" applyBorder="1" applyAlignment="1">
      <alignment horizontal="center" vertical="center"/>
    </xf>
    <xf numFmtId="0" fontId="0" fillId="0" borderId="71" xfId="0" applyBorder="1" applyAlignment="1">
      <alignment horizontal="center" vertical="center"/>
    </xf>
    <xf numFmtId="183" fontId="5" fillId="0" borderId="0" xfId="0" applyNumberFormat="1" applyFont="1" applyAlignment="1">
      <alignment horizontal="left" vertical="center" shrinkToFit="1"/>
    </xf>
  </cellXfs>
  <cellStyles count="5">
    <cellStyle name="桁区切り" xfId="1" builtinId="6"/>
    <cellStyle name="桁区切り 2" xfId="4"/>
    <cellStyle name="標準" xfId="0" builtinId="0"/>
    <cellStyle name="標準 2" xfId="3"/>
    <cellStyle name="標準_Sheet1" xfId="2"/>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6"/>
  </sheetPr>
  <dimension ref="A1:M41"/>
  <sheetViews>
    <sheetView zoomScaleNormal="100" workbookViewId="0">
      <pane xSplit="5" ySplit="8" topLeftCell="F9" activePane="bottomRight" state="frozen"/>
      <selection activeCell="F37" sqref="F37"/>
      <selection pane="topRight" activeCell="F37" sqref="F37"/>
      <selection pane="bottomLeft" activeCell="F37" sqref="F37"/>
      <selection pane="bottomRight" activeCell="E1" sqref="E1:H1"/>
    </sheetView>
  </sheetViews>
  <sheetFormatPr defaultColWidth="9" defaultRowHeight="13.2" x14ac:dyDescent="0.2"/>
  <cols>
    <col min="1" max="1" width="3.88671875" style="1" customWidth="1"/>
    <col min="2" max="2" width="3.109375" style="1" customWidth="1"/>
    <col min="3" max="3" width="3" style="1" customWidth="1"/>
    <col min="4" max="4" width="6.77734375" style="1" customWidth="1"/>
    <col min="5" max="5" width="10.77734375" style="1" customWidth="1"/>
    <col min="6" max="6" width="13.109375" style="1" customWidth="1"/>
    <col min="7" max="9" width="12.44140625" style="1" customWidth="1"/>
    <col min="10" max="10" width="9.77734375" style="1" customWidth="1"/>
    <col min="11" max="16384" width="9" style="1"/>
  </cols>
  <sheetData>
    <row r="1" spans="1:13" ht="24" customHeight="1" x14ac:dyDescent="0.2">
      <c r="B1" s="2"/>
      <c r="C1" s="2"/>
      <c r="D1" s="2"/>
      <c r="E1" s="478" t="s">
        <v>0</v>
      </c>
      <c r="F1" s="478"/>
      <c r="G1" s="478"/>
      <c r="H1" s="478"/>
      <c r="I1" s="2"/>
      <c r="J1" s="2"/>
      <c r="K1" s="2"/>
      <c r="L1" s="2"/>
    </row>
    <row r="2" spans="1:13" ht="24" customHeight="1" x14ac:dyDescent="0.2">
      <c r="A2" s="2"/>
      <c r="B2" s="2"/>
      <c r="C2" s="2"/>
      <c r="D2" s="2"/>
      <c r="E2" s="2"/>
      <c r="F2" s="340">
        <v>5</v>
      </c>
      <c r="G2" s="233">
        <v>12</v>
      </c>
      <c r="H2" s="2"/>
      <c r="I2" s="2"/>
      <c r="J2" s="2"/>
      <c r="K2" s="2"/>
      <c r="L2" s="2"/>
      <c r="M2" s="2"/>
    </row>
    <row r="3" spans="1:13" ht="24" customHeight="1" x14ac:dyDescent="0.2"/>
    <row r="4" spans="1:13" ht="20.25" customHeight="1" x14ac:dyDescent="0.2">
      <c r="D4" s="3"/>
      <c r="E4" s="4" t="s">
        <v>1</v>
      </c>
      <c r="F4" s="3"/>
      <c r="H4" s="240">
        <f>G2</f>
        <v>12</v>
      </c>
    </row>
    <row r="5" spans="1:13" ht="10.5" customHeight="1" thickBot="1" x14ac:dyDescent="0.25">
      <c r="E5" s="5"/>
    </row>
    <row r="6" spans="1:13" ht="21" customHeight="1" x14ac:dyDescent="0.2">
      <c r="E6" s="320"/>
      <c r="F6" s="479" t="s">
        <v>2</v>
      </c>
      <c r="G6" s="480"/>
      <c r="H6" s="480"/>
      <c r="I6" s="481"/>
    </row>
    <row r="7" spans="1:13" ht="21" customHeight="1" x14ac:dyDescent="0.2">
      <c r="E7" s="7"/>
      <c r="F7" s="8"/>
      <c r="G7" s="9" t="s">
        <v>3</v>
      </c>
      <c r="H7" s="322" t="s">
        <v>148</v>
      </c>
      <c r="I7" s="323" t="s">
        <v>147</v>
      </c>
    </row>
    <row r="8" spans="1:13" ht="21" customHeight="1" x14ac:dyDescent="0.2">
      <c r="E8" s="474" t="s">
        <v>4</v>
      </c>
      <c r="F8" s="347">
        <v>2350261</v>
      </c>
      <c r="G8" s="347">
        <v>1017809</v>
      </c>
      <c r="H8" s="347">
        <v>924769</v>
      </c>
      <c r="I8" s="348">
        <v>407683</v>
      </c>
    </row>
    <row r="9" spans="1:13" ht="21" customHeight="1" x14ac:dyDescent="0.2">
      <c r="E9" s="475" t="s">
        <v>5</v>
      </c>
      <c r="F9" s="349">
        <v>938483</v>
      </c>
      <c r="G9" s="349">
        <v>405270</v>
      </c>
      <c r="H9" s="349">
        <v>364322</v>
      </c>
      <c r="I9" s="350">
        <v>168891</v>
      </c>
    </row>
    <row r="10" spans="1:13" ht="21" customHeight="1" x14ac:dyDescent="0.2">
      <c r="E10" s="475" t="s">
        <v>6</v>
      </c>
      <c r="F10" s="349">
        <v>309154</v>
      </c>
      <c r="G10" s="349">
        <v>140221</v>
      </c>
      <c r="H10" s="349">
        <v>115817</v>
      </c>
      <c r="I10" s="350">
        <v>53116</v>
      </c>
    </row>
    <row r="11" spans="1:13" ht="21" customHeight="1" x14ac:dyDescent="0.2">
      <c r="E11" s="475" t="s">
        <v>14</v>
      </c>
      <c r="F11" s="349">
        <v>188834</v>
      </c>
      <c r="G11" s="349">
        <v>82627</v>
      </c>
      <c r="H11" s="349">
        <v>76723</v>
      </c>
      <c r="I11" s="350">
        <v>29484</v>
      </c>
    </row>
    <row r="12" spans="1:13" ht="21" customHeight="1" x14ac:dyDescent="0.2">
      <c r="E12" s="475" t="s">
        <v>7</v>
      </c>
      <c r="F12" s="349">
        <v>125087</v>
      </c>
      <c r="G12" s="349">
        <v>51262</v>
      </c>
      <c r="H12" s="349">
        <v>51140</v>
      </c>
      <c r="I12" s="350">
        <v>22685</v>
      </c>
    </row>
    <row r="13" spans="1:13" ht="21" customHeight="1" x14ac:dyDescent="0.2">
      <c r="E13" s="475" t="s">
        <v>8</v>
      </c>
      <c r="F13" s="349">
        <v>73751</v>
      </c>
      <c r="G13" s="349">
        <v>32593</v>
      </c>
      <c r="H13" s="349">
        <v>29194</v>
      </c>
      <c r="I13" s="350">
        <v>11964</v>
      </c>
    </row>
    <row r="14" spans="1:13" ht="21" customHeight="1" x14ac:dyDescent="0.2">
      <c r="E14" s="475" t="s">
        <v>9</v>
      </c>
      <c r="F14" s="349">
        <v>53529</v>
      </c>
      <c r="G14" s="349">
        <v>20130</v>
      </c>
      <c r="H14" s="349">
        <v>21533</v>
      </c>
      <c r="I14" s="350">
        <v>11866</v>
      </c>
    </row>
    <row r="15" spans="1:13" ht="21" customHeight="1" x14ac:dyDescent="0.2">
      <c r="E15" s="475" t="s">
        <v>10</v>
      </c>
      <c r="F15" s="349">
        <v>108833</v>
      </c>
      <c r="G15" s="349">
        <v>46049</v>
      </c>
      <c r="H15" s="349">
        <v>43155</v>
      </c>
      <c r="I15" s="350">
        <v>19629</v>
      </c>
    </row>
    <row r="16" spans="1:13" ht="21" customHeight="1" x14ac:dyDescent="0.2">
      <c r="E16" s="475" t="s">
        <v>11</v>
      </c>
      <c r="F16" s="349">
        <v>57499</v>
      </c>
      <c r="G16" s="349">
        <v>25087</v>
      </c>
      <c r="H16" s="349">
        <v>22217</v>
      </c>
      <c r="I16" s="350">
        <v>10195</v>
      </c>
    </row>
    <row r="17" spans="5:13" ht="21" customHeight="1" x14ac:dyDescent="0.2">
      <c r="E17" s="475" t="s">
        <v>12</v>
      </c>
      <c r="F17" s="349">
        <v>66053</v>
      </c>
      <c r="G17" s="349">
        <v>27956</v>
      </c>
      <c r="H17" s="349">
        <v>26193</v>
      </c>
      <c r="I17" s="350">
        <v>11904</v>
      </c>
    </row>
    <row r="18" spans="5:13" ht="21" customHeight="1" x14ac:dyDescent="0.2">
      <c r="E18" s="475" t="s">
        <v>13</v>
      </c>
      <c r="F18" s="349">
        <v>18504</v>
      </c>
      <c r="G18" s="349">
        <v>6956</v>
      </c>
      <c r="H18" s="349">
        <v>7478</v>
      </c>
      <c r="I18" s="350">
        <v>4070</v>
      </c>
      <c r="M18" s="1" t="s">
        <v>87</v>
      </c>
    </row>
    <row r="19" spans="5:13" ht="21" customHeight="1" x14ac:dyDescent="0.2">
      <c r="E19" s="475" t="s">
        <v>15</v>
      </c>
      <c r="F19" s="349">
        <v>16056</v>
      </c>
      <c r="G19" s="349">
        <v>6897</v>
      </c>
      <c r="H19" s="349">
        <v>6300</v>
      </c>
      <c r="I19" s="350">
        <v>2859</v>
      </c>
    </row>
    <row r="20" spans="5:13" ht="21" customHeight="1" x14ac:dyDescent="0.2">
      <c r="E20" s="475" t="s">
        <v>16</v>
      </c>
      <c r="F20" s="349">
        <v>49566</v>
      </c>
      <c r="G20" s="349">
        <v>22550</v>
      </c>
      <c r="H20" s="349">
        <v>19863</v>
      </c>
      <c r="I20" s="350">
        <v>7153</v>
      </c>
    </row>
    <row r="21" spans="5:13" ht="21" customHeight="1" x14ac:dyDescent="0.2">
      <c r="E21" s="475" t="s">
        <v>17</v>
      </c>
      <c r="F21" s="349">
        <v>58909</v>
      </c>
      <c r="G21" s="349">
        <v>26613</v>
      </c>
      <c r="H21" s="349">
        <v>23952</v>
      </c>
      <c r="I21" s="350">
        <v>8344</v>
      </c>
    </row>
    <row r="22" spans="5:13" ht="21" customHeight="1" x14ac:dyDescent="0.2">
      <c r="E22" s="475" t="s">
        <v>18</v>
      </c>
      <c r="F22" s="349">
        <v>58434</v>
      </c>
      <c r="G22" s="349">
        <v>25373</v>
      </c>
      <c r="H22" s="349">
        <v>23884</v>
      </c>
      <c r="I22" s="350">
        <v>9177</v>
      </c>
    </row>
    <row r="23" spans="5:13" ht="21" customHeight="1" x14ac:dyDescent="0.2">
      <c r="E23" s="475" t="s">
        <v>19</v>
      </c>
      <c r="F23" s="349">
        <v>26737</v>
      </c>
      <c r="G23" s="349">
        <v>11704</v>
      </c>
      <c r="H23" s="349">
        <v>10819</v>
      </c>
      <c r="I23" s="350">
        <v>4214</v>
      </c>
    </row>
    <row r="24" spans="5:13" ht="21" customHeight="1" x14ac:dyDescent="0.2">
      <c r="E24" s="475" t="s">
        <v>20</v>
      </c>
      <c r="F24" s="349">
        <v>34257</v>
      </c>
      <c r="G24" s="349">
        <v>15217</v>
      </c>
      <c r="H24" s="349">
        <v>13989</v>
      </c>
      <c r="I24" s="350">
        <v>5051</v>
      </c>
    </row>
    <row r="25" spans="5:13" ht="21" customHeight="1" x14ac:dyDescent="0.2">
      <c r="E25" s="475" t="s">
        <v>21</v>
      </c>
      <c r="F25" s="349">
        <v>34514</v>
      </c>
      <c r="G25" s="349">
        <v>15276</v>
      </c>
      <c r="H25" s="349">
        <v>13999</v>
      </c>
      <c r="I25" s="350">
        <v>5239</v>
      </c>
    </row>
    <row r="26" spans="5:13" ht="21" customHeight="1" x14ac:dyDescent="0.2">
      <c r="E26" s="475" t="s">
        <v>22</v>
      </c>
      <c r="F26" s="349">
        <v>13658</v>
      </c>
      <c r="G26" s="349">
        <v>5680</v>
      </c>
      <c r="H26" s="349">
        <v>5556</v>
      </c>
      <c r="I26" s="350">
        <v>2422</v>
      </c>
    </row>
    <row r="27" spans="5:13" ht="21" customHeight="1" x14ac:dyDescent="0.2">
      <c r="E27" s="475" t="s">
        <v>23</v>
      </c>
      <c r="F27" s="349">
        <v>22737</v>
      </c>
      <c r="G27" s="349">
        <v>9338</v>
      </c>
      <c r="H27" s="349">
        <v>10069</v>
      </c>
      <c r="I27" s="350">
        <v>3330</v>
      </c>
    </row>
    <row r="28" spans="5:13" ht="21" customHeight="1" x14ac:dyDescent="0.2">
      <c r="E28" s="475" t="s">
        <v>24</v>
      </c>
      <c r="F28" s="349">
        <v>10138</v>
      </c>
      <c r="G28" s="349">
        <v>3779</v>
      </c>
      <c r="H28" s="349">
        <v>4273</v>
      </c>
      <c r="I28" s="350">
        <v>2086</v>
      </c>
    </row>
    <row r="29" spans="5:13" ht="21" customHeight="1" x14ac:dyDescent="0.2">
      <c r="E29" s="475" t="s">
        <v>25</v>
      </c>
      <c r="F29" s="349">
        <v>13488</v>
      </c>
      <c r="G29" s="349">
        <v>6166</v>
      </c>
      <c r="H29" s="349">
        <v>5444</v>
      </c>
      <c r="I29" s="350">
        <v>1878</v>
      </c>
    </row>
    <row r="30" spans="5:13" ht="21" customHeight="1" x14ac:dyDescent="0.2">
      <c r="E30" s="475" t="s">
        <v>26</v>
      </c>
      <c r="F30" s="349">
        <v>11106</v>
      </c>
      <c r="G30" s="349">
        <v>4554</v>
      </c>
      <c r="H30" s="349">
        <v>4601</v>
      </c>
      <c r="I30" s="350">
        <v>1951</v>
      </c>
    </row>
    <row r="31" spans="5:13" ht="21" customHeight="1" x14ac:dyDescent="0.2">
      <c r="E31" s="475" t="s">
        <v>27</v>
      </c>
      <c r="F31" s="349">
        <v>9849</v>
      </c>
      <c r="G31" s="349">
        <v>3857</v>
      </c>
      <c r="H31" s="349">
        <v>4055</v>
      </c>
      <c r="I31" s="350">
        <v>1937</v>
      </c>
    </row>
    <row r="32" spans="5:13" ht="21" customHeight="1" x14ac:dyDescent="0.2">
      <c r="E32" s="475" t="s">
        <v>28</v>
      </c>
      <c r="F32" s="349">
        <v>3220</v>
      </c>
      <c r="G32" s="349">
        <v>1462</v>
      </c>
      <c r="H32" s="349">
        <v>1317</v>
      </c>
      <c r="I32" s="350">
        <v>441</v>
      </c>
    </row>
    <row r="33" spans="5:9" ht="21" customHeight="1" x14ac:dyDescent="0.2">
      <c r="E33" s="475" t="s">
        <v>29</v>
      </c>
      <c r="F33" s="349">
        <v>4997</v>
      </c>
      <c r="G33" s="349">
        <v>2174</v>
      </c>
      <c r="H33" s="349">
        <v>2061</v>
      </c>
      <c r="I33" s="350">
        <v>762</v>
      </c>
    </row>
    <row r="34" spans="5:9" ht="21" customHeight="1" x14ac:dyDescent="0.2">
      <c r="E34" s="475" t="s">
        <v>30</v>
      </c>
      <c r="F34" s="349">
        <v>3724</v>
      </c>
      <c r="G34" s="349">
        <v>1573</v>
      </c>
      <c r="H34" s="349">
        <v>1434</v>
      </c>
      <c r="I34" s="350">
        <v>717</v>
      </c>
    </row>
    <row r="35" spans="5:9" ht="21" customHeight="1" x14ac:dyDescent="0.2">
      <c r="E35" s="475" t="s">
        <v>31</v>
      </c>
      <c r="F35" s="349">
        <v>4017</v>
      </c>
      <c r="G35" s="349">
        <v>1852</v>
      </c>
      <c r="H35" s="349">
        <v>1414</v>
      </c>
      <c r="I35" s="350">
        <v>751</v>
      </c>
    </row>
    <row r="36" spans="5:9" ht="21" customHeight="1" x14ac:dyDescent="0.2">
      <c r="E36" s="475" t="s">
        <v>32</v>
      </c>
      <c r="F36" s="349">
        <v>4685</v>
      </c>
      <c r="G36" s="349">
        <v>2063</v>
      </c>
      <c r="H36" s="349">
        <v>1835</v>
      </c>
      <c r="I36" s="350">
        <v>787</v>
      </c>
    </row>
    <row r="37" spans="5:9" ht="21" customHeight="1" x14ac:dyDescent="0.2">
      <c r="E37" s="475" t="s">
        <v>33</v>
      </c>
      <c r="F37" s="349">
        <v>4139</v>
      </c>
      <c r="G37" s="349">
        <v>1791</v>
      </c>
      <c r="H37" s="349">
        <v>1637</v>
      </c>
      <c r="I37" s="350">
        <v>711</v>
      </c>
    </row>
    <row r="38" spans="5:9" ht="21" customHeight="1" x14ac:dyDescent="0.2">
      <c r="E38" s="475" t="s">
        <v>34</v>
      </c>
      <c r="F38" s="349">
        <v>3022</v>
      </c>
      <c r="G38" s="349">
        <v>1262</v>
      </c>
      <c r="H38" s="349">
        <v>1216</v>
      </c>
      <c r="I38" s="350">
        <v>544</v>
      </c>
    </row>
    <row r="39" spans="5:9" ht="21" customHeight="1" x14ac:dyDescent="0.2">
      <c r="E39" s="475" t="s">
        <v>35</v>
      </c>
      <c r="F39" s="349">
        <v>9804</v>
      </c>
      <c r="G39" s="349">
        <v>4043</v>
      </c>
      <c r="H39" s="349">
        <v>3970</v>
      </c>
      <c r="I39" s="350">
        <v>1791</v>
      </c>
    </row>
    <row r="40" spans="5:9" ht="21" customHeight="1" x14ac:dyDescent="0.2">
      <c r="E40" s="475" t="s">
        <v>36</v>
      </c>
      <c r="F40" s="349">
        <v>12408</v>
      </c>
      <c r="G40" s="349">
        <v>5916</v>
      </c>
      <c r="H40" s="349">
        <v>4916</v>
      </c>
      <c r="I40" s="350">
        <v>1576</v>
      </c>
    </row>
    <row r="41" spans="5:9" ht="21" customHeight="1" thickBot="1" x14ac:dyDescent="0.25">
      <c r="E41" s="476" t="s">
        <v>37</v>
      </c>
      <c r="F41" s="351">
        <v>1069</v>
      </c>
      <c r="G41" s="351">
        <v>518</v>
      </c>
      <c r="H41" s="351">
        <v>393</v>
      </c>
      <c r="I41" s="352">
        <v>158</v>
      </c>
    </row>
  </sheetData>
  <mergeCells count="2">
    <mergeCell ref="E1:H1"/>
    <mergeCell ref="F6:I6"/>
  </mergeCells>
  <phoneticPr fontId="4"/>
  <pageMargins left="0.78740157480314965" right="0.78740157480314965" top="0.98425196850393704" bottom="0.98425196850393704" header="0.51181102362204722" footer="0.51181102362204722"/>
  <pageSetup paperSize="9" scale="87" orientation="portrait" r:id="rId1"/>
  <headerFooter alignWithMargins="0">
    <oddFooter>&amp;L&amp;A</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0">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42" customWidth="1"/>
    <col min="3" max="5" width="9" style="242"/>
    <col min="6" max="6" width="7.77734375" style="242" customWidth="1"/>
    <col min="7" max="7" width="9" style="242"/>
    <col min="8" max="8" width="10.6640625" style="242" customWidth="1"/>
    <col min="9" max="16" width="9" style="242"/>
    <col min="17" max="17" width="7.88671875" style="242" customWidth="1"/>
    <col min="18" max="27" width="9" style="242"/>
    <col min="28" max="28" width="7.77734375" style="242" customWidth="1"/>
    <col min="29" max="38" width="9" style="242"/>
    <col min="39" max="39" width="6.77734375" style="242" customWidth="1"/>
    <col min="40" max="49" width="9" style="242"/>
    <col min="50" max="50" width="7.77734375" style="242" customWidth="1"/>
    <col min="51" max="60" width="9" style="242"/>
    <col min="61" max="61" width="7.44140625" style="242" customWidth="1"/>
    <col min="62" max="71" width="9" style="242"/>
    <col min="72" max="72" width="7.33203125" style="242" customWidth="1"/>
    <col min="73" max="82" width="9" style="242"/>
    <col min="83" max="83" width="7.44140625" style="242" customWidth="1"/>
    <col min="84" max="93" width="9" style="242"/>
    <col min="94" max="94" width="7.6640625" style="242" customWidth="1"/>
    <col min="95" max="16384" width="9" style="242"/>
  </cols>
  <sheetData>
    <row r="1" spans="2:112" ht="24" customHeight="1" x14ac:dyDescent="0.2">
      <c r="B1" s="271" t="s">
        <v>122</v>
      </c>
      <c r="J1" s="500">
        <f>第１表!F2</f>
        <v>5</v>
      </c>
      <c r="K1" s="500"/>
      <c r="L1" s="235">
        <f>第１表!G2</f>
        <v>12</v>
      </c>
      <c r="M1" s="505">
        <f>IF(L1&lt;3,L1+12-2,L1-2)</f>
        <v>10</v>
      </c>
      <c r="N1" s="505"/>
    </row>
    <row r="2" spans="2:112" ht="24" customHeight="1" thickBot="1" x14ac:dyDescent="0.25">
      <c r="B2" s="271" t="s">
        <v>129</v>
      </c>
    </row>
    <row r="3" spans="2:112" ht="21" customHeight="1" thickBot="1" x14ac:dyDescent="0.25">
      <c r="B3" s="525"/>
      <c r="C3" s="528" t="s">
        <v>112</v>
      </c>
      <c r="D3" s="528"/>
      <c r="E3" s="528"/>
      <c r="F3" s="528"/>
      <c r="G3" s="528"/>
      <c r="H3" s="528"/>
      <c r="I3" s="528"/>
      <c r="J3" s="528"/>
      <c r="K3" s="528"/>
      <c r="L3" s="528"/>
      <c r="M3" s="529"/>
      <c r="N3" s="523" t="s">
        <v>111</v>
      </c>
      <c r="O3" s="523"/>
      <c r="P3" s="523"/>
      <c r="Q3" s="523"/>
      <c r="R3" s="523"/>
      <c r="S3" s="523"/>
      <c r="T3" s="523"/>
      <c r="U3" s="523"/>
      <c r="V3" s="523"/>
      <c r="W3" s="523"/>
      <c r="X3" s="524"/>
      <c r="Y3" s="522" t="s">
        <v>110</v>
      </c>
      <c r="Z3" s="523"/>
      <c r="AA3" s="523"/>
      <c r="AB3" s="523"/>
      <c r="AC3" s="523"/>
      <c r="AD3" s="523"/>
      <c r="AE3" s="523"/>
      <c r="AF3" s="523"/>
      <c r="AG3" s="523"/>
      <c r="AH3" s="523"/>
      <c r="AI3" s="524"/>
      <c r="AJ3" s="522" t="s">
        <v>109</v>
      </c>
      <c r="AK3" s="523"/>
      <c r="AL3" s="523"/>
      <c r="AM3" s="523"/>
      <c r="AN3" s="523"/>
      <c r="AO3" s="523"/>
      <c r="AP3" s="523"/>
      <c r="AQ3" s="523"/>
      <c r="AR3" s="523"/>
      <c r="AS3" s="523"/>
      <c r="AT3" s="524"/>
      <c r="AU3" s="522" t="s">
        <v>108</v>
      </c>
      <c r="AV3" s="523"/>
      <c r="AW3" s="523"/>
      <c r="AX3" s="523"/>
      <c r="AY3" s="523"/>
      <c r="AZ3" s="523"/>
      <c r="BA3" s="523"/>
      <c r="BB3" s="523"/>
      <c r="BC3" s="523"/>
      <c r="BD3" s="523"/>
      <c r="BE3" s="524"/>
      <c r="BF3" s="522" t="s">
        <v>107</v>
      </c>
      <c r="BG3" s="523"/>
      <c r="BH3" s="523"/>
      <c r="BI3" s="523"/>
      <c r="BJ3" s="523"/>
      <c r="BK3" s="523"/>
      <c r="BL3" s="523"/>
      <c r="BM3" s="523"/>
      <c r="BN3" s="523"/>
      <c r="BO3" s="523"/>
      <c r="BP3" s="524"/>
      <c r="BQ3" s="522" t="s">
        <v>106</v>
      </c>
      <c r="BR3" s="523"/>
      <c r="BS3" s="523"/>
      <c r="BT3" s="523"/>
      <c r="BU3" s="523"/>
      <c r="BV3" s="523"/>
      <c r="BW3" s="523"/>
      <c r="BX3" s="523"/>
      <c r="BY3" s="523"/>
      <c r="BZ3" s="523"/>
      <c r="CA3" s="524"/>
      <c r="CB3" s="522" t="s">
        <v>126</v>
      </c>
      <c r="CC3" s="523"/>
      <c r="CD3" s="523"/>
      <c r="CE3" s="523"/>
      <c r="CF3" s="523"/>
      <c r="CG3" s="523"/>
      <c r="CH3" s="523"/>
      <c r="CI3" s="523"/>
      <c r="CJ3" s="523"/>
      <c r="CK3" s="523"/>
      <c r="CL3" s="524"/>
      <c r="CM3" s="522" t="s">
        <v>159</v>
      </c>
      <c r="CN3" s="523"/>
      <c r="CO3" s="523"/>
      <c r="CP3" s="523"/>
      <c r="CQ3" s="523"/>
      <c r="CR3" s="523"/>
      <c r="CS3" s="523"/>
      <c r="CT3" s="523"/>
      <c r="CU3" s="523"/>
      <c r="CV3" s="523"/>
      <c r="CW3" s="524"/>
      <c r="CX3" s="522" t="s">
        <v>155</v>
      </c>
      <c r="CY3" s="523"/>
      <c r="CZ3" s="523"/>
      <c r="DA3" s="523"/>
      <c r="DB3" s="523"/>
      <c r="DC3" s="523"/>
      <c r="DD3" s="523"/>
      <c r="DE3" s="523"/>
      <c r="DF3" s="523"/>
      <c r="DG3" s="523"/>
      <c r="DH3" s="524"/>
    </row>
    <row r="4" spans="2:112" ht="21" customHeight="1" x14ac:dyDescent="0.2">
      <c r="B4" s="526"/>
      <c r="C4" s="530" t="s">
        <v>61</v>
      </c>
      <c r="D4" s="509"/>
      <c r="E4" s="510"/>
      <c r="F4" s="511" t="s">
        <v>62</v>
      </c>
      <c r="G4" s="509"/>
      <c r="H4" s="509"/>
      <c r="I4" s="509"/>
      <c r="J4" s="509"/>
      <c r="K4" s="509"/>
      <c r="L4" s="512"/>
      <c r="M4" s="506" t="s">
        <v>52</v>
      </c>
      <c r="N4" s="530" t="s">
        <v>61</v>
      </c>
      <c r="O4" s="509"/>
      <c r="P4" s="510"/>
      <c r="Q4" s="511" t="s">
        <v>62</v>
      </c>
      <c r="R4" s="509"/>
      <c r="S4" s="509"/>
      <c r="T4" s="509"/>
      <c r="U4" s="509"/>
      <c r="V4" s="509"/>
      <c r="W4" s="510"/>
      <c r="X4" s="506" t="s">
        <v>52</v>
      </c>
      <c r="Y4" s="508" t="s">
        <v>61</v>
      </c>
      <c r="Z4" s="509"/>
      <c r="AA4" s="512"/>
      <c r="AB4" s="511" t="s">
        <v>62</v>
      </c>
      <c r="AC4" s="509"/>
      <c r="AD4" s="509"/>
      <c r="AE4" s="509"/>
      <c r="AF4" s="509"/>
      <c r="AG4" s="509"/>
      <c r="AH4" s="510"/>
      <c r="AI4" s="506" t="s">
        <v>52</v>
      </c>
      <c r="AJ4" s="508" t="s">
        <v>61</v>
      </c>
      <c r="AK4" s="509"/>
      <c r="AL4" s="510"/>
      <c r="AM4" s="511" t="s">
        <v>62</v>
      </c>
      <c r="AN4" s="509"/>
      <c r="AO4" s="509"/>
      <c r="AP4" s="509"/>
      <c r="AQ4" s="509"/>
      <c r="AR4" s="509"/>
      <c r="AS4" s="510"/>
      <c r="AT4" s="506" t="s">
        <v>52</v>
      </c>
      <c r="AU4" s="508" t="s">
        <v>61</v>
      </c>
      <c r="AV4" s="509"/>
      <c r="AW4" s="512"/>
      <c r="AX4" s="511" t="s">
        <v>62</v>
      </c>
      <c r="AY4" s="509"/>
      <c r="AZ4" s="509"/>
      <c r="BA4" s="509"/>
      <c r="BB4" s="509"/>
      <c r="BC4" s="509"/>
      <c r="BD4" s="512"/>
      <c r="BE4" s="506" t="s">
        <v>52</v>
      </c>
      <c r="BF4" s="508" t="s">
        <v>61</v>
      </c>
      <c r="BG4" s="509"/>
      <c r="BH4" s="510"/>
      <c r="BI4" s="511" t="s">
        <v>62</v>
      </c>
      <c r="BJ4" s="509"/>
      <c r="BK4" s="509"/>
      <c r="BL4" s="509"/>
      <c r="BM4" s="509"/>
      <c r="BN4" s="509"/>
      <c r="BO4" s="510"/>
      <c r="BP4" s="506" t="s">
        <v>52</v>
      </c>
      <c r="BQ4" s="508" t="s">
        <v>61</v>
      </c>
      <c r="BR4" s="509"/>
      <c r="BS4" s="510"/>
      <c r="BT4" s="511" t="s">
        <v>62</v>
      </c>
      <c r="BU4" s="509"/>
      <c r="BV4" s="509"/>
      <c r="BW4" s="509"/>
      <c r="BX4" s="509"/>
      <c r="BY4" s="509"/>
      <c r="BZ4" s="510"/>
      <c r="CA4" s="506" t="s">
        <v>52</v>
      </c>
      <c r="CB4" s="508" t="s">
        <v>61</v>
      </c>
      <c r="CC4" s="509"/>
      <c r="CD4" s="510"/>
      <c r="CE4" s="511" t="s">
        <v>62</v>
      </c>
      <c r="CF4" s="509"/>
      <c r="CG4" s="509"/>
      <c r="CH4" s="509"/>
      <c r="CI4" s="509"/>
      <c r="CJ4" s="509"/>
      <c r="CK4" s="510"/>
      <c r="CL4" s="506" t="s">
        <v>52</v>
      </c>
      <c r="CM4" s="508" t="s">
        <v>61</v>
      </c>
      <c r="CN4" s="509"/>
      <c r="CO4" s="510"/>
      <c r="CP4" s="511" t="s">
        <v>62</v>
      </c>
      <c r="CQ4" s="509"/>
      <c r="CR4" s="509"/>
      <c r="CS4" s="509"/>
      <c r="CT4" s="509"/>
      <c r="CU4" s="509"/>
      <c r="CV4" s="510"/>
      <c r="CW4" s="506" t="s">
        <v>52</v>
      </c>
      <c r="CX4" s="508" t="s">
        <v>61</v>
      </c>
      <c r="CY4" s="509"/>
      <c r="CZ4" s="510"/>
      <c r="DA4" s="511" t="s">
        <v>62</v>
      </c>
      <c r="DB4" s="509"/>
      <c r="DC4" s="509"/>
      <c r="DD4" s="509"/>
      <c r="DE4" s="509"/>
      <c r="DF4" s="509"/>
      <c r="DG4" s="510"/>
      <c r="DH4" s="506" t="s">
        <v>52</v>
      </c>
    </row>
    <row r="5" spans="2:112" ht="30" customHeight="1" thickBot="1" x14ac:dyDescent="0.25">
      <c r="B5" s="527"/>
      <c r="C5" s="245" t="s">
        <v>43</v>
      </c>
      <c r="D5" s="243" t="s">
        <v>44</v>
      </c>
      <c r="E5" s="356" t="s">
        <v>45</v>
      </c>
      <c r="F5" s="248" t="s">
        <v>83</v>
      </c>
      <c r="G5" s="243" t="s">
        <v>47</v>
      </c>
      <c r="H5" s="243" t="s">
        <v>48</v>
      </c>
      <c r="I5" s="243" t="s">
        <v>49</v>
      </c>
      <c r="J5" s="243" t="s">
        <v>50</v>
      </c>
      <c r="K5" s="243" t="s">
        <v>51</v>
      </c>
      <c r="L5" s="249" t="s">
        <v>45</v>
      </c>
      <c r="M5" s="507"/>
      <c r="N5" s="245" t="s">
        <v>43</v>
      </c>
      <c r="O5" s="243" t="s">
        <v>44</v>
      </c>
      <c r="P5" s="246" t="s">
        <v>45</v>
      </c>
      <c r="Q5" s="248" t="s">
        <v>83</v>
      </c>
      <c r="R5" s="243" t="s">
        <v>47</v>
      </c>
      <c r="S5" s="243" t="s">
        <v>48</v>
      </c>
      <c r="T5" s="243" t="s">
        <v>49</v>
      </c>
      <c r="U5" s="243" t="s">
        <v>50</v>
      </c>
      <c r="V5" s="243" t="s">
        <v>51</v>
      </c>
      <c r="W5" s="246" t="s">
        <v>45</v>
      </c>
      <c r="X5" s="507"/>
      <c r="Y5" s="301" t="s">
        <v>43</v>
      </c>
      <c r="Z5" s="243" t="s">
        <v>44</v>
      </c>
      <c r="AA5" s="249" t="s">
        <v>45</v>
      </c>
      <c r="AB5" s="248" t="s">
        <v>83</v>
      </c>
      <c r="AC5" s="243" t="s">
        <v>47</v>
      </c>
      <c r="AD5" s="243" t="s">
        <v>48</v>
      </c>
      <c r="AE5" s="243" t="s">
        <v>49</v>
      </c>
      <c r="AF5" s="243" t="s">
        <v>50</v>
      </c>
      <c r="AG5" s="243" t="s">
        <v>51</v>
      </c>
      <c r="AH5" s="246" t="s">
        <v>45</v>
      </c>
      <c r="AI5" s="507"/>
      <c r="AJ5" s="301" t="s">
        <v>43</v>
      </c>
      <c r="AK5" s="243" t="s">
        <v>44</v>
      </c>
      <c r="AL5" s="246" t="s">
        <v>45</v>
      </c>
      <c r="AM5" s="248" t="s">
        <v>83</v>
      </c>
      <c r="AN5" s="243" t="s">
        <v>47</v>
      </c>
      <c r="AO5" s="243" t="s">
        <v>48</v>
      </c>
      <c r="AP5" s="243" t="s">
        <v>49</v>
      </c>
      <c r="AQ5" s="243" t="s">
        <v>50</v>
      </c>
      <c r="AR5" s="243" t="s">
        <v>51</v>
      </c>
      <c r="AS5" s="246" t="s">
        <v>45</v>
      </c>
      <c r="AT5" s="507"/>
      <c r="AU5" s="301" t="s">
        <v>43</v>
      </c>
      <c r="AV5" s="243" t="s">
        <v>44</v>
      </c>
      <c r="AW5" s="249" t="s">
        <v>45</v>
      </c>
      <c r="AX5" s="248" t="s">
        <v>83</v>
      </c>
      <c r="AY5" s="243" t="s">
        <v>47</v>
      </c>
      <c r="AZ5" s="243" t="s">
        <v>48</v>
      </c>
      <c r="BA5" s="243" t="s">
        <v>49</v>
      </c>
      <c r="BB5" s="243" t="s">
        <v>50</v>
      </c>
      <c r="BC5" s="243" t="s">
        <v>51</v>
      </c>
      <c r="BD5" s="249" t="s">
        <v>45</v>
      </c>
      <c r="BE5" s="507"/>
      <c r="BF5" s="301" t="s">
        <v>43</v>
      </c>
      <c r="BG5" s="243" t="s">
        <v>44</v>
      </c>
      <c r="BH5" s="246" t="s">
        <v>45</v>
      </c>
      <c r="BI5" s="248" t="s">
        <v>83</v>
      </c>
      <c r="BJ5" s="243" t="s">
        <v>47</v>
      </c>
      <c r="BK5" s="243" t="s">
        <v>48</v>
      </c>
      <c r="BL5" s="243" t="s">
        <v>49</v>
      </c>
      <c r="BM5" s="243" t="s">
        <v>50</v>
      </c>
      <c r="BN5" s="243" t="s">
        <v>51</v>
      </c>
      <c r="BO5" s="246" t="s">
        <v>45</v>
      </c>
      <c r="BP5" s="507"/>
      <c r="BQ5" s="301" t="s">
        <v>43</v>
      </c>
      <c r="BR5" s="243" t="s">
        <v>44</v>
      </c>
      <c r="BS5" s="246" t="s">
        <v>45</v>
      </c>
      <c r="BT5" s="248" t="s">
        <v>83</v>
      </c>
      <c r="BU5" s="243" t="s">
        <v>47</v>
      </c>
      <c r="BV5" s="243" t="s">
        <v>48</v>
      </c>
      <c r="BW5" s="243" t="s">
        <v>49</v>
      </c>
      <c r="BX5" s="243" t="s">
        <v>50</v>
      </c>
      <c r="BY5" s="243" t="s">
        <v>51</v>
      </c>
      <c r="BZ5" s="246" t="s">
        <v>45</v>
      </c>
      <c r="CA5" s="507"/>
      <c r="CB5" s="301" t="s">
        <v>43</v>
      </c>
      <c r="CC5" s="243" t="s">
        <v>44</v>
      </c>
      <c r="CD5" s="246" t="s">
        <v>45</v>
      </c>
      <c r="CE5" s="248" t="s">
        <v>83</v>
      </c>
      <c r="CF5" s="243" t="s">
        <v>47</v>
      </c>
      <c r="CG5" s="243" t="s">
        <v>48</v>
      </c>
      <c r="CH5" s="243" t="s">
        <v>49</v>
      </c>
      <c r="CI5" s="243" t="s">
        <v>50</v>
      </c>
      <c r="CJ5" s="243" t="s">
        <v>51</v>
      </c>
      <c r="CK5" s="246" t="s">
        <v>45</v>
      </c>
      <c r="CL5" s="507"/>
      <c r="CM5" s="301" t="s">
        <v>43</v>
      </c>
      <c r="CN5" s="243" t="s">
        <v>44</v>
      </c>
      <c r="CO5" s="246" t="s">
        <v>45</v>
      </c>
      <c r="CP5" s="248" t="s">
        <v>83</v>
      </c>
      <c r="CQ5" s="243" t="s">
        <v>47</v>
      </c>
      <c r="CR5" s="243" t="s">
        <v>48</v>
      </c>
      <c r="CS5" s="243" t="s">
        <v>49</v>
      </c>
      <c r="CT5" s="243" t="s">
        <v>50</v>
      </c>
      <c r="CU5" s="243" t="s">
        <v>51</v>
      </c>
      <c r="CV5" s="246" t="s">
        <v>45</v>
      </c>
      <c r="CW5" s="507"/>
      <c r="CX5" s="339" t="s">
        <v>43</v>
      </c>
      <c r="CY5" s="243" t="s">
        <v>44</v>
      </c>
      <c r="CZ5" s="246" t="s">
        <v>45</v>
      </c>
      <c r="DA5" s="248" t="s">
        <v>83</v>
      </c>
      <c r="DB5" s="243" t="s">
        <v>47</v>
      </c>
      <c r="DC5" s="243" t="s">
        <v>48</v>
      </c>
      <c r="DD5" s="243" t="s">
        <v>49</v>
      </c>
      <c r="DE5" s="243" t="s">
        <v>50</v>
      </c>
      <c r="DF5" s="243" t="s">
        <v>51</v>
      </c>
      <c r="DG5" s="246" t="s">
        <v>45</v>
      </c>
      <c r="DH5" s="507"/>
    </row>
    <row r="6" spans="2:112" ht="21" customHeight="1" x14ac:dyDescent="0.2">
      <c r="B6" s="470" t="s">
        <v>4</v>
      </c>
      <c r="C6" s="250">
        <v>0</v>
      </c>
      <c r="D6" s="254">
        <v>0</v>
      </c>
      <c r="E6" s="357">
        <v>0</v>
      </c>
      <c r="F6" s="253">
        <v>0</v>
      </c>
      <c r="G6" s="254">
        <v>13845</v>
      </c>
      <c r="H6" s="254">
        <v>18717</v>
      </c>
      <c r="I6" s="254">
        <v>19580</v>
      </c>
      <c r="J6" s="254">
        <v>23552</v>
      </c>
      <c r="K6" s="254">
        <v>20380</v>
      </c>
      <c r="L6" s="255">
        <v>96074</v>
      </c>
      <c r="M6" s="256">
        <v>96074</v>
      </c>
      <c r="N6" s="250">
        <v>0</v>
      </c>
      <c r="O6" s="254">
        <v>2</v>
      </c>
      <c r="P6" s="251">
        <v>2</v>
      </c>
      <c r="Q6" s="253">
        <v>0</v>
      </c>
      <c r="R6" s="254">
        <v>29</v>
      </c>
      <c r="S6" s="254">
        <v>102</v>
      </c>
      <c r="T6" s="254">
        <v>278</v>
      </c>
      <c r="U6" s="254">
        <v>593</v>
      </c>
      <c r="V6" s="254">
        <v>1035</v>
      </c>
      <c r="W6" s="251">
        <v>2037</v>
      </c>
      <c r="X6" s="256">
        <v>2039</v>
      </c>
      <c r="Y6" s="250">
        <v>1271</v>
      </c>
      <c r="Z6" s="254">
        <v>2611</v>
      </c>
      <c r="AA6" s="251">
        <v>3882</v>
      </c>
      <c r="AB6" s="253">
        <v>0</v>
      </c>
      <c r="AC6" s="254">
        <v>8799</v>
      </c>
      <c r="AD6" s="254">
        <v>13512</v>
      </c>
      <c r="AE6" s="254">
        <v>8406</v>
      </c>
      <c r="AF6" s="254">
        <v>6863</v>
      </c>
      <c r="AG6" s="254">
        <v>4729</v>
      </c>
      <c r="AH6" s="251">
        <v>42309</v>
      </c>
      <c r="AI6" s="256">
        <v>46191</v>
      </c>
      <c r="AJ6" s="250">
        <v>227</v>
      </c>
      <c r="AK6" s="254">
        <v>757</v>
      </c>
      <c r="AL6" s="251">
        <v>984</v>
      </c>
      <c r="AM6" s="253">
        <v>0</v>
      </c>
      <c r="AN6" s="254">
        <v>959</v>
      </c>
      <c r="AO6" s="254">
        <v>1330</v>
      </c>
      <c r="AP6" s="254">
        <v>1118</v>
      </c>
      <c r="AQ6" s="254">
        <v>1014</v>
      </c>
      <c r="AR6" s="254">
        <v>486</v>
      </c>
      <c r="AS6" s="251">
        <v>4907</v>
      </c>
      <c r="AT6" s="256">
        <v>5891</v>
      </c>
      <c r="AU6" s="250">
        <v>0</v>
      </c>
      <c r="AV6" s="254">
        <v>0</v>
      </c>
      <c r="AW6" s="251">
        <v>0</v>
      </c>
      <c r="AX6" s="253">
        <v>0</v>
      </c>
      <c r="AY6" s="254">
        <v>12901</v>
      </c>
      <c r="AZ6" s="254">
        <v>12325</v>
      </c>
      <c r="BA6" s="254">
        <v>7133</v>
      </c>
      <c r="BB6" s="254">
        <v>3490</v>
      </c>
      <c r="BC6" s="254">
        <v>1479</v>
      </c>
      <c r="BD6" s="255">
        <v>37328</v>
      </c>
      <c r="BE6" s="256">
        <v>37328</v>
      </c>
      <c r="BF6" s="250">
        <v>0</v>
      </c>
      <c r="BG6" s="254">
        <v>0</v>
      </c>
      <c r="BH6" s="251">
        <v>0</v>
      </c>
      <c r="BI6" s="253">
        <v>0</v>
      </c>
      <c r="BJ6" s="254">
        <v>2362</v>
      </c>
      <c r="BK6" s="254">
        <v>3808</v>
      </c>
      <c r="BL6" s="254">
        <v>2468</v>
      </c>
      <c r="BM6" s="254">
        <v>1383</v>
      </c>
      <c r="BN6" s="254">
        <v>357</v>
      </c>
      <c r="BO6" s="251">
        <v>10378</v>
      </c>
      <c r="BP6" s="256">
        <v>10378</v>
      </c>
      <c r="BQ6" s="250">
        <v>22</v>
      </c>
      <c r="BR6" s="254">
        <v>114</v>
      </c>
      <c r="BS6" s="251">
        <v>136</v>
      </c>
      <c r="BT6" s="253">
        <v>0</v>
      </c>
      <c r="BU6" s="254">
        <v>1141</v>
      </c>
      <c r="BV6" s="254">
        <v>2116</v>
      </c>
      <c r="BW6" s="254">
        <v>3087</v>
      </c>
      <c r="BX6" s="254">
        <v>2617</v>
      </c>
      <c r="BY6" s="254">
        <v>1119</v>
      </c>
      <c r="BZ6" s="251">
        <v>10080</v>
      </c>
      <c r="CA6" s="256">
        <v>10216</v>
      </c>
      <c r="CB6" s="250">
        <v>2</v>
      </c>
      <c r="CC6" s="254">
        <v>3</v>
      </c>
      <c r="CD6" s="251">
        <v>5</v>
      </c>
      <c r="CE6" s="253">
        <v>0</v>
      </c>
      <c r="CF6" s="254">
        <v>97</v>
      </c>
      <c r="CG6" s="254">
        <v>316</v>
      </c>
      <c r="CH6" s="254">
        <v>515</v>
      </c>
      <c r="CI6" s="254">
        <v>378</v>
      </c>
      <c r="CJ6" s="254">
        <v>170</v>
      </c>
      <c r="CK6" s="251">
        <v>1476</v>
      </c>
      <c r="CL6" s="256">
        <v>1481</v>
      </c>
      <c r="CM6" s="250">
        <v>0</v>
      </c>
      <c r="CN6" s="254">
        <v>0</v>
      </c>
      <c r="CO6" s="251">
        <v>0</v>
      </c>
      <c r="CP6" s="253">
        <v>0</v>
      </c>
      <c r="CQ6" s="254">
        <v>0</v>
      </c>
      <c r="CR6" s="254">
        <v>0</v>
      </c>
      <c r="CS6" s="254">
        <v>0</v>
      </c>
      <c r="CT6" s="254">
        <v>0</v>
      </c>
      <c r="CU6" s="254">
        <v>0</v>
      </c>
      <c r="CV6" s="251">
        <v>0</v>
      </c>
      <c r="CW6" s="256">
        <v>0</v>
      </c>
      <c r="CX6" s="250">
        <v>0</v>
      </c>
      <c r="CY6" s="254">
        <v>0</v>
      </c>
      <c r="CZ6" s="251">
        <v>0</v>
      </c>
      <c r="DA6" s="253">
        <v>0</v>
      </c>
      <c r="DB6" s="254">
        <v>0</v>
      </c>
      <c r="DC6" s="254">
        <v>0</v>
      </c>
      <c r="DD6" s="254">
        <v>0</v>
      </c>
      <c r="DE6" s="254">
        <v>0</v>
      </c>
      <c r="DF6" s="254">
        <v>0</v>
      </c>
      <c r="DG6" s="251">
        <v>0</v>
      </c>
      <c r="DH6" s="256">
        <v>0</v>
      </c>
    </row>
    <row r="7" spans="2:112" ht="21" customHeight="1" x14ac:dyDescent="0.2">
      <c r="B7" s="471" t="s">
        <v>5</v>
      </c>
      <c r="C7" s="257">
        <v>0</v>
      </c>
      <c r="D7" s="261">
        <v>0</v>
      </c>
      <c r="E7" s="358">
        <v>0</v>
      </c>
      <c r="F7" s="260">
        <v>0</v>
      </c>
      <c r="G7" s="261">
        <v>5317</v>
      </c>
      <c r="H7" s="261">
        <v>8316</v>
      </c>
      <c r="I7" s="261">
        <v>8729</v>
      </c>
      <c r="J7" s="261">
        <v>9103</v>
      </c>
      <c r="K7" s="261">
        <v>8234</v>
      </c>
      <c r="L7" s="262">
        <v>39699</v>
      </c>
      <c r="M7" s="263">
        <v>39699</v>
      </c>
      <c r="N7" s="257">
        <v>0</v>
      </c>
      <c r="O7" s="261">
        <v>2</v>
      </c>
      <c r="P7" s="258">
        <v>2</v>
      </c>
      <c r="Q7" s="260">
        <v>0</v>
      </c>
      <c r="R7" s="261">
        <v>0</v>
      </c>
      <c r="S7" s="261">
        <v>32</v>
      </c>
      <c r="T7" s="261">
        <v>111</v>
      </c>
      <c r="U7" s="261">
        <v>264</v>
      </c>
      <c r="V7" s="261">
        <v>539</v>
      </c>
      <c r="W7" s="258">
        <v>946</v>
      </c>
      <c r="X7" s="263">
        <v>948</v>
      </c>
      <c r="Y7" s="257">
        <v>650</v>
      </c>
      <c r="Z7" s="261">
        <v>1490</v>
      </c>
      <c r="AA7" s="258">
        <v>2140</v>
      </c>
      <c r="AB7" s="260">
        <v>0</v>
      </c>
      <c r="AC7" s="261">
        <v>3716</v>
      </c>
      <c r="AD7" s="261">
        <v>7397</v>
      </c>
      <c r="AE7" s="261">
        <v>4493</v>
      </c>
      <c r="AF7" s="261">
        <v>3647</v>
      </c>
      <c r="AG7" s="261">
        <v>2038</v>
      </c>
      <c r="AH7" s="258">
        <v>21291</v>
      </c>
      <c r="AI7" s="263">
        <v>23431</v>
      </c>
      <c r="AJ7" s="257">
        <v>85</v>
      </c>
      <c r="AK7" s="261">
        <v>381</v>
      </c>
      <c r="AL7" s="258">
        <v>466</v>
      </c>
      <c r="AM7" s="260">
        <v>0</v>
      </c>
      <c r="AN7" s="261">
        <v>313</v>
      </c>
      <c r="AO7" s="261">
        <v>505</v>
      </c>
      <c r="AP7" s="261">
        <v>441</v>
      </c>
      <c r="AQ7" s="261">
        <v>365</v>
      </c>
      <c r="AR7" s="261">
        <v>231</v>
      </c>
      <c r="AS7" s="258">
        <v>1855</v>
      </c>
      <c r="AT7" s="263">
        <v>2321</v>
      </c>
      <c r="AU7" s="257">
        <v>0</v>
      </c>
      <c r="AV7" s="261">
        <v>0</v>
      </c>
      <c r="AW7" s="258">
        <v>0</v>
      </c>
      <c r="AX7" s="260">
        <v>0</v>
      </c>
      <c r="AY7" s="261">
        <v>4458</v>
      </c>
      <c r="AZ7" s="261">
        <v>5275</v>
      </c>
      <c r="BA7" s="261">
        <v>2772</v>
      </c>
      <c r="BB7" s="261">
        <v>1139</v>
      </c>
      <c r="BC7" s="261">
        <v>678</v>
      </c>
      <c r="BD7" s="262">
        <v>14322</v>
      </c>
      <c r="BE7" s="263">
        <v>14322</v>
      </c>
      <c r="BF7" s="257">
        <v>0</v>
      </c>
      <c r="BG7" s="261">
        <v>0</v>
      </c>
      <c r="BH7" s="258">
        <v>0</v>
      </c>
      <c r="BI7" s="260">
        <v>0</v>
      </c>
      <c r="BJ7" s="261">
        <v>825</v>
      </c>
      <c r="BK7" s="261">
        <v>1790</v>
      </c>
      <c r="BL7" s="261">
        <v>1169</v>
      </c>
      <c r="BM7" s="261">
        <v>700</v>
      </c>
      <c r="BN7" s="261">
        <v>137</v>
      </c>
      <c r="BO7" s="258">
        <v>4621</v>
      </c>
      <c r="BP7" s="263">
        <v>4621</v>
      </c>
      <c r="BQ7" s="257">
        <v>12</v>
      </c>
      <c r="BR7" s="261">
        <v>66</v>
      </c>
      <c r="BS7" s="258">
        <v>78</v>
      </c>
      <c r="BT7" s="260">
        <v>0</v>
      </c>
      <c r="BU7" s="261">
        <v>453</v>
      </c>
      <c r="BV7" s="261">
        <v>761</v>
      </c>
      <c r="BW7" s="261">
        <v>1478</v>
      </c>
      <c r="BX7" s="261">
        <v>927</v>
      </c>
      <c r="BY7" s="261">
        <v>408</v>
      </c>
      <c r="BZ7" s="258">
        <v>4027</v>
      </c>
      <c r="CA7" s="263">
        <v>4105</v>
      </c>
      <c r="CB7" s="257">
        <v>2</v>
      </c>
      <c r="CC7" s="261">
        <v>3</v>
      </c>
      <c r="CD7" s="258">
        <v>5</v>
      </c>
      <c r="CE7" s="260">
        <v>0</v>
      </c>
      <c r="CF7" s="261">
        <v>54</v>
      </c>
      <c r="CG7" s="261">
        <v>216</v>
      </c>
      <c r="CH7" s="261">
        <v>317</v>
      </c>
      <c r="CI7" s="261">
        <v>227</v>
      </c>
      <c r="CJ7" s="261">
        <v>103</v>
      </c>
      <c r="CK7" s="258">
        <v>917</v>
      </c>
      <c r="CL7" s="263">
        <v>922</v>
      </c>
      <c r="CM7" s="257">
        <v>0</v>
      </c>
      <c r="CN7" s="261">
        <v>0</v>
      </c>
      <c r="CO7" s="258">
        <v>0</v>
      </c>
      <c r="CP7" s="260">
        <v>0</v>
      </c>
      <c r="CQ7" s="261">
        <v>0</v>
      </c>
      <c r="CR7" s="261">
        <v>0</v>
      </c>
      <c r="CS7" s="261">
        <v>0</v>
      </c>
      <c r="CT7" s="261">
        <v>0</v>
      </c>
      <c r="CU7" s="261">
        <v>0</v>
      </c>
      <c r="CV7" s="258">
        <v>0</v>
      </c>
      <c r="CW7" s="263">
        <v>0</v>
      </c>
      <c r="CX7" s="257">
        <v>0</v>
      </c>
      <c r="CY7" s="261">
        <v>0</v>
      </c>
      <c r="CZ7" s="258">
        <v>0</v>
      </c>
      <c r="DA7" s="260">
        <v>0</v>
      </c>
      <c r="DB7" s="261">
        <v>0</v>
      </c>
      <c r="DC7" s="261">
        <v>0</v>
      </c>
      <c r="DD7" s="261">
        <v>0</v>
      </c>
      <c r="DE7" s="261">
        <v>0</v>
      </c>
      <c r="DF7" s="261">
        <v>0</v>
      </c>
      <c r="DG7" s="258">
        <v>0</v>
      </c>
      <c r="DH7" s="263">
        <v>0</v>
      </c>
    </row>
    <row r="8" spans="2:112" ht="21" customHeight="1" x14ac:dyDescent="0.2">
      <c r="B8" s="472" t="s">
        <v>6</v>
      </c>
      <c r="C8" s="257">
        <v>0</v>
      </c>
      <c r="D8" s="261">
        <v>0</v>
      </c>
      <c r="E8" s="358">
        <v>0</v>
      </c>
      <c r="F8" s="260">
        <v>0</v>
      </c>
      <c r="G8" s="261">
        <v>1940</v>
      </c>
      <c r="H8" s="261">
        <v>1868</v>
      </c>
      <c r="I8" s="261">
        <v>1608</v>
      </c>
      <c r="J8" s="261">
        <v>2445</v>
      </c>
      <c r="K8" s="261">
        <v>2964</v>
      </c>
      <c r="L8" s="262">
        <v>10825</v>
      </c>
      <c r="M8" s="263">
        <v>10825</v>
      </c>
      <c r="N8" s="257">
        <v>0</v>
      </c>
      <c r="O8" s="261">
        <v>0</v>
      </c>
      <c r="P8" s="258">
        <v>0</v>
      </c>
      <c r="Q8" s="260">
        <v>0</v>
      </c>
      <c r="R8" s="261">
        <v>13</v>
      </c>
      <c r="S8" s="261">
        <v>6</v>
      </c>
      <c r="T8" s="261">
        <v>27</v>
      </c>
      <c r="U8" s="261">
        <v>41</v>
      </c>
      <c r="V8" s="261">
        <v>123</v>
      </c>
      <c r="W8" s="258">
        <v>210</v>
      </c>
      <c r="X8" s="263">
        <v>210</v>
      </c>
      <c r="Y8" s="257">
        <v>119</v>
      </c>
      <c r="Z8" s="261">
        <v>308</v>
      </c>
      <c r="AA8" s="258">
        <v>427</v>
      </c>
      <c r="AB8" s="260">
        <v>0</v>
      </c>
      <c r="AC8" s="261">
        <v>1529</v>
      </c>
      <c r="AD8" s="261">
        <v>1924</v>
      </c>
      <c r="AE8" s="261">
        <v>821</v>
      </c>
      <c r="AF8" s="261">
        <v>994</v>
      </c>
      <c r="AG8" s="261">
        <v>765</v>
      </c>
      <c r="AH8" s="258">
        <v>6033</v>
      </c>
      <c r="AI8" s="263">
        <v>6460</v>
      </c>
      <c r="AJ8" s="257">
        <v>30</v>
      </c>
      <c r="AK8" s="261">
        <v>53</v>
      </c>
      <c r="AL8" s="258">
        <v>83</v>
      </c>
      <c r="AM8" s="260">
        <v>0</v>
      </c>
      <c r="AN8" s="261">
        <v>245</v>
      </c>
      <c r="AO8" s="261">
        <v>185</v>
      </c>
      <c r="AP8" s="261">
        <v>162</v>
      </c>
      <c r="AQ8" s="261">
        <v>130</v>
      </c>
      <c r="AR8" s="261">
        <v>76</v>
      </c>
      <c r="AS8" s="258">
        <v>798</v>
      </c>
      <c r="AT8" s="263">
        <v>881</v>
      </c>
      <c r="AU8" s="257">
        <v>0</v>
      </c>
      <c r="AV8" s="261">
        <v>0</v>
      </c>
      <c r="AW8" s="258">
        <v>0</v>
      </c>
      <c r="AX8" s="260">
        <v>0</v>
      </c>
      <c r="AY8" s="261">
        <v>1871</v>
      </c>
      <c r="AZ8" s="261">
        <v>1619</v>
      </c>
      <c r="BA8" s="261">
        <v>689</v>
      </c>
      <c r="BB8" s="261">
        <v>480</v>
      </c>
      <c r="BC8" s="261">
        <v>224</v>
      </c>
      <c r="BD8" s="262">
        <v>4883</v>
      </c>
      <c r="BE8" s="263">
        <v>4883</v>
      </c>
      <c r="BF8" s="257">
        <v>0</v>
      </c>
      <c r="BG8" s="261">
        <v>0</v>
      </c>
      <c r="BH8" s="258">
        <v>0</v>
      </c>
      <c r="BI8" s="260">
        <v>0</v>
      </c>
      <c r="BJ8" s="261">
        <v>262</v>
      </c>
      <c r="BK8" s="261">
        <v>413</v>
      </c>
      <c r="BL8" s="261">
        <v>309</v>
      </c>
      <c r="BM8" s="261">
        <v>162</v>
      </c>
      <c r="BN8" s="261">
        <v>51</v>
      </c>
      <c r="BO8" s="258">
        <v>1197</v>
      </c>
      <c r="BP8" s="263">
        <v>1197</v>
      </c>
      <c r="BQ8" s="257">
        <v>0</v>
      </c>
      <c r="BR8" s="261">
        <v>13</v>
      </c>
      <c r="BS8" s="258">
        <v>13</v>
      </c>
      <c r="BT8" s="260">
        <v>0</v>
      </c>
      <c r="BU8" s="261">
        <v>103</v>
      </c>
      <c r="BV8" s="261">
        <v>187</v>
      </c>
      <c r="BW8" s="261">
        <v>218</v>
      </c>
      <c r="BX8" s="261">
        <v>287</v>
      </c>
      <c r="BY8" s="261">
        <v>156</v>
      </c>
      <c r="BZ8" s="258">
        <v>951</v>
      </c>
      <c r="CA8" s="263">
        <v>964</v>
      </c>
      <c r="CB8" s="257">
        <v>0</v>
      </c>
      <c r="CC8" s="261">
        <v>0</v>
      </c>
      <c r="CD8" s="258">
        <v>0</v>
      </c>
      <c r="CE8" s="260">
        <v>0</v>
      </c>
      <c r="CF8" s="261">
        <v>6</v>
      </c>
      <c r="CG8" s="261">
        <v>36</v>
      </c>
      <c r="CH8" s="261">
        <v>30</v>
      </c>
      <c r="CI8" s="261">
        <v>55</v>
      </c>
      <c r="CJ8" s="261">
        <v>14</v>
      </c>
      <c r="CK8" s="258">
        <v>141</v>
      </c>
      <c r="CL8" s="263">
        <v>141</v>
      </c>
      <c r="CM8" s="257">
        <v>0</v>
      </c>
      <c r="CN8" s="261">
        <v>0</v>
      </c>
      <c r="CO8" s="258">
        <v>0</v>
      </c>
      <c r="CP8" s="260">
        <v>0</v>
      </c>
      <c r="CQ8" s="261">
        <v>0</v>
      </c>
      <c r="CR8" s="261">
        <v>0</v>
      </c>
      <c r="CS8" s="261">
        <v>0</v>
      </c>
      <c r="CT8" s="261">
        <v>0</v>
      </c>
      <c r="CU8" s="261">
        <v>0</v>
      </c>
      <c r="CV8" s="258">
        <v>0</v>
      </c>
      <c r="CW8" s="263">
        <v>0</v>
      </c>
      <c r="CX8" s="257">
        <v>0</v>
      </c>
      <c r="CY8" s="261">
        <v>0</v>
      </c>
      <c r="CZ8" s="258">
        <v>0</v>
      </c>
      <c r="DA8" s="260">
        <v>0</v>
      </c>
      <c r="DB8" s="261">
        <v>0</v>
      </c>
      <c r="DC8" s="261">
        <v>0</v>
      </c>
      <c r="DD8" s="261">
        <v>0</v>
      </c>
      <c r="DE8" s="261">
        <v>0</v>
      </c>
      <c r="DF8" s="261">
        <v>0</v>
      </c>
      <c r="DG8" s="258">
        <v>0</v>
      </c>
      <c r="DH8" s="263">
        <v>0</v>
      </c>
    </row>
    <row r="9" spans="2:112" ht="21" customHeight="1" x14ac:dyDescent="0.2">
      <c r="B9" s="472" t="s">
        <v>14</v>
      </c>
      <c r="C9" s="257">
        <v>0</v>
      </c>
      <c r="D9" s="261">
        <v>0</v>
      </c>
      <c r="E9" s="358">
        <v>0</v>
      </c>
      <c r="F9" s="260">
        <v>0</v>
      </c>
      <c r="G9" s="261">
        <v>562</v>
      </c>
      <c r="H9" s="261">
        <v>1513</v>
      </c>
      <c r="I9" s="261">
        <v>1367</v>
      </c>
      <c r="J9" s="261">
        <v>1755</v>
      </c>
      <c r="K9" s="261">
        <v>1366</v>
      </c>
      <c r="L9" s="262">
        <v>6563</v>
      </c>
      <c r="M9" s="263">
        <v>6563</v>
      </c>
      <c r="N9" s="257">
        <v>0</v>
      </c>
      <c r="O9" s="261">
        <v>0</v>
      </c>
      <c r="P9" s="258">
        <v>0</v>
      </c>
      <c r="Q9" s="260">
        <v>0</v>
      </c>
      <c r="R9" s="261">
        <v>0</v>
      </c>
      <c r="S9" s="261">
        <v>4</v>
      </c>
      <c r="T9" s="261">
        <v>19</v>
      </c>
      <c r="U9" s="261">
        <v>31</v>
      </c>
      <c r="V9" s="261">
        <v>44</v>
      </c>
      <c r="W9" s="258">
        <v>98</v>
      </c>
      <c r="X9" s="263">
        <v>98</v>
      </c>
      <c r="Y9" s="257">
        <v>69</v>
      </c>
      <c r="Z9" s="261">
        <v>162</v>
      </c>
      <c r="AA9" s="258">
        <v>231</v>
      </c>
      <c r="AB9" s="260">
        <v>0</v>
      </c>
      <c r="AC9" s="261">
        <v>363</v>
      </c>
      <c r="AD9" s="261">
        <v>841</v>
      </c>
      <c r="AE9" s="261">
        <v>713</v>
      </c>
      <c r="AF9" s="261">
        <v>447</v>
      </c>
      <c r="AG9" s="261">
        <v>392</v>
      </c>
      <c r="AH9" s="258">
        <v>2756</v>
      </c>
      <c r="AI9" s="263">
        <v>2987</v>
      </c>
      <c r="AJ9" s="257">
        <v>9</v>
      </c>
      <c r="AK9" s="261">
        <v>38</v>
      </c>
      <c r="AL9" s="258">
        <v>47</v>
      </c>
      <c r="AM9" s="260">
        <v>0</v>
      </c>
      <c r="AN9" s="261">
        <v>0</v>
      </c>
      <c r="AO9" s="261">
        <v>24</v>
      </c>
      <c r="AP9" s="261">
        <v>62</v>
      </c>
      <c r="AQ9" s="261">
        <v>53</v>
      </c>
      <c r="AR9" s="261">
        <v>26</v>
      </c>
      <c r="AS9" s="258">
        <v>165</v>
      </c>
      <c r="AT9" s="263">
        <v>212</v>
      </c>
      <c r="AU9" s="257">
        <v>0</v>
      </c>
      <c r="AV9" s="261">
        <v>0</v>
      </c>
      <c r="AW9" s="258">
        <v>0</v>
      </c>
      <c r="AX9" s="260">
        <v>0</v>
      </c>
      <c r="AY9" s="261">
        <v>959</v>
      </c>
      <c r="AZ9" s="261">
        <v>1016</v>
      </c>
      <c r="BA9" s="261">
        <v>916</v>
      </c>
      <c r="BB9" s="261">
        <v>392</v>
      </c>
      <c r="BC9" s="261">
        <v>137</v>
      </c>
      <c r="BD9" s="262">
        <v>3420</v>
      </c>
      <c r="BE9" s="263">
        <v>3420</v>
      </c>
      <c r="BF9" s="257">
        <v>0</v>
      </c>
      <c r="BG9" s="261">
        <v>0</v>
      </c>
      <c r="BH9" s="258">
        <v>0</v>
      </c>
      <c r="BI9" s="260">
        <v>0</v>
      </c>
      <c r="BJ9" s="261">
        <v>93</v>
      </c>
      <c r="BK9" s="261">
        <v>254</v>
      </c>
      <c r="BL9" s="261">
        <v>104</v>
      </c>
      <c r="BM9" s="261">
        <v>68</v>
      </c>
      <c r="BN9" s="261">
        <v>0</v>
      </c>
      <c r="BO9" s="258">
        <v>519</v>
      </c>
      <c r="BP9" s="263">
        <v>519</v>
      </c>
      <c r="BQ9" s="257">
        <v>0</v>
      </c>
      <c r="BR9" s="261">
        <v>0</v>
      </c>
      <c r="BS9" s="258">
        <v>0</v>
      </c>
      <c r="BT9" s="260">
        <v>0</v>
      </c>
      <c r="BU9" s="261">
        <v>74</v>
      </c>
      <c r="BV9" s="261">
        <v>194</v>
      </c>
      <c r="BW9" s="261">
        <v>312</v>
      </c>
      <c r="BX9" s="261">
        <v>133</v>
      </c>
      <c r="BY9" s="261">
        <v>171</v>
      </c>
      <c r="BZ9" s="258">
        <v>884</v>
      </c>
      <c r="CA9" s="263">
        <v>884</v>
      </c>
      <c r="CB9" s="257">
        <v>0</v>
      </c>
      <c r="CC9" s="261">
        <v>0</v>
      </c>
      <c r="CD9" s="258">
        <v>0</v>
      </c>
      <c r="CE9" s="260">
        <v>0</v>
      </c>
      <c r="CF9" s="261">
        <v>0</v>
      </c>
      <c r="CG9" s="261">
        <v>8</v>
      </c>
      <c r="CH9" s="261">
        <v>30</v>
      </c>
      <c r="CI9" s="261">
        <v>21</v>
      </c>
      <c r="CJ9" s="261">
        <v>0</v>
      </c>
      <c r="CK9" s="258">
        <v>59</v>
      </c>
      <c r="CL9" s="263">
        <v>59</v>
      </c>
      <c r="CM9" s="257">
        <v>0</v>
      </c>
      <c r="CN9" s="261">
        <v>0</v>
      </c>
      <c r="CO9" s="258">
        <v>0</v>
      </c>
      <c r="CP9" s="260">
        <v>0</v>
      </c>
      <c r="CQ9" s="261">
        <v>0</v>
      </c>
      <c r="CR9" s="261">
        <v>0</v>
      </c>
      <c r="CS9" s="261">
        <v>0</v>
      </c>
      <c r="CT9" s="261">
        <v>0</v>
      </c>
      <c r="CU9" s="261">
        <v>0</v>
      </c>
      <c r="CV9" s="258">
        <v>0</v>
      </c>
      <c r="CW9" s="263">
        <v>0</v>
      </c>
      <c r="CX9" s="257">
        <v>0</v>
      </c>
      <c r="CY9" s="261">
        <v>0</v>
      </c>
      <c r="CZ9" s="258">
        <v>0</v>
      </c>
      <c r="DA9" s="260">
        <v>0</v>
      </c>
      <c r="DB9" s="261">
        <v>0</v>
      </c>
      <c r="DC9" s="261">
        <v>0</v>
      </c>
      <c r="DD9" s="261">
        <v>0</v>
      </c>
      <c r="DE9" s="261">
        <v>0</v>
      </c>
      <c r="DF9" s="261">
        <v>0</v>
      </c>
      <c r="DG9" s="258">
        <v>0</v>
      </c>
      <c r="DH9" s="263">
        <v>0</v>
      </c>
    </row>
    <row r="10" spans="2:112" ht="21" customHeight="1" x14ac:dyDescent="0.2">
      <c r="B10" s="472" t="s">
        <v>7</v>
      </c>
      <c r="C10" s="257">
        <v>0</v>
      </c>
      <c r="D10" s="261">
        <v>0</v>
      </c>
      <c r="E10" s="358">
        <v>0</v>
      </c>
      <c r="F10" s="260">
        <v>0</v>
      </c>
      <c r="G10" s="261">
        <v>1477</v>
      </c>
      <c r="H10" s="261">
        <v>1537</v>
      </c>
      <c r="I10" s="261">
        <v>1301</v>
      </c>
      <c r="J10" s="261">
        <v>1871</v>
      </c>
      <c r="K10" s="261">
        <v>1292</v>
      </c>
      <c r="L10" s="262">
        <v>7478</v>
      </c>
      <c r="M10" s="263">
        <v>7478</v>
      </c>
      <c r="N10" s="257">
        <v>0</v>
      </c>
      <c r="O10" s="261">
        <v>0</v>
      </c>
      <c r="P10" s="258">
        <v>0</v>
      </c>
      <c r="Q10" s="260">
        <v>0</v>
      </c>
      <c r="R10" s="261">
        <v>0</v>
      </c>
      <c r="S10" s="261">
        <v>12</v>
      </c>
      <c r="T10" s="261">
        <v>35</v>
      </c>
      <c r="U10" s="261">
        <v>60</v>
      </c>
      <c r="V10" s="261">
        <v>68</v>
      </c>
      <c r="W10" s="258">
        <v>175</v>
      </c>
      <c r="X10" s="263">
        <v>175</v>
      </c>
      <c r="Y10" s="257">
        <v>26</v>
      </c>
      <c r="Z10" s="261">
        <v>22</v>
      </c>
      <c r="AA10" s="258">
        <v>48</v>
      </c>
      <c r="AB10" s="260">
        <v>0</v>
      </c>
      <c r="AC10" s="261">
        <v>420</v>
      </c>
      <c r="AD10" s="261">
        <v>444</v>
      </c>
      <c r="AE10" s="261">
        <v>318</v>
      </c>
      <c r="AF10" s="261">
        <v>211</v>
      </c>
      <c r="AG10" s="261">
        <v>263</v>
      </c>
      <c r="AH10" s="258">
        <v>1656</v>
      </c>
      <c r="AI10" s="263">
        <v>1704</v>
      </c>
      <c r="AJ10" s="257">
        <v>16</v>
      </c>
      <c r="AK10" s="261">
        <v>0</v>
      </c>
      <c r="AL10" s="258">
        <v>16</v>
      </c>
      <c r="AM10" s="260">
        <v>0</v>
      </c>
      <c r="AN10" s="261">
        <v>82</v>
      </c>
      <c r="AO10" s="261">
        <v>38</v>
      </c>
      <c r="AP10" s="261">
        <v>123</v>
      </c>
      <c r="AQ10" s="261">
        <v>80</v>
      </c>
      <c r="AR10" s="261">
        <v>0</v>
      </c>
      <c r="AS10" s="258">
        <v>323</v>
      </c>
      <c r="AT10" s="263">
        <v>339</v>
      </c>
      <c r="AU10" s="257">
        <v>0</v>
      </c>
      <c r="AV10" s="261">
        <v>0</v>
      </c>
      <c r="AW10" s="258">
        <v>0</v>
      </c>
      <c r="AX10" s="260">
        <v>0</v>
      </c>
      <c r="AY10" s="261">
        <v>1241</v>
      </c>
      <c r="AZ10" s="261">
        <v>733</v>
      </c>
      <c r="BA10" s="261">
        <v>299</v>
      </c>
      <c r="BB10" s="261">
        <v>194</v>
      </c>
      <c r="BC10" s="261">
        <v>125</v>
      </c>
      <c r="BD10" s="262">
        <v>2592</v>
      </c>
      <c r="BE10" s="263">
        <v>2592</v>
      </c>
      <c r="BF10" s="257">
        <v>0</v>
      </c>
      <c r="BG10" s="261">
        <v>0</v>
      </c>
      <c r="BH10" s="258">
        <v>0</v>
      </c>
      <c r="BI10" s="260">
        <v>0</v>
      </c>
      <c r="BJ10" s="261">
        <v>134</v>
      </c>
      <c r="BK10" s="261">
        <v>184</v>
      </c>
      <c r="BL10" s="261">
        <v>59</v>
      </c>
      <c r="BM10" s="261">
        <v>38</v>
      </c>
      <c r="BN10" s="261">
        <v>13</v>
      </c>
      <c r="BO10" s="258">
        <v>428</v>
      </c>
      <c r="BP10" s="263">
        <v>428</v>
      </c>
      <c r="BQ10" s="257">
        <v>0</v>
      </c>
      <c r="BR10" s="261">
        <v>11</v>
      </c>
      <c r="BS10" s="258">
        <v>11</v>
      </c>
      <c r="BT10" s="260">
        <v>0</v>
      </c>
      <c r="BU10" s="261">
        <v>106</v>
      </c>
      <c r="BV10" s="261">
        <v>331</v>
      </c>
      <c r="BW10" s="261">
        <v>253</v>
      </c>
      <c r="BX10" s="261">
        <v>228</v>
      </c>
      <c r="BY10" s="261">
        <v>66</v>
      </c>
      <c r="BZ10" s="258">
        <v>984</v>
      </c>
      <c r="CA10" s="263">
        <v>995</v>
      </c>
      <c r="CB10" s="257">
        <v>0</v>
      </c>
      <c r="CC10" s="261">
        <v>0</v>
      </c>
      <c r="CD10" s="258">
        <v>0</v>
      </c>
      <c r="CE10" s="260">
        <v>0</v>
      </c>
      <c r="CF10" s="261">
        <v>5</v>
      </c>
      <c r="CG10" s="261">
        <v>5</v>
      </c>
      <c r="CH10" s="261">
        <v>0</v>
      </c>
      <c r="CI10" s="261">
        <v>14</v>
      </c>
      <c r="CJ10" s="261">
        <v>0</v>
      </c>
      <c r="CK10" s="258">
        <v>24</v>
      </c>
      <c r="CL10" s="263">
        <v>24</v>
      </c>
      <c r="CM10" s="257">
        <v>0</v>
      </c>
      <c r="CN10" s="261">
        <v>0</v>
      </c>
      <c r="CO10" s="258">
        <v>0</v>
      </c>
      <c r="CP10" s="260">
        <v>0</v>
      </c>
      <c r="CQ10" s="261">
        <v>0</v>
      </c>
      <c r="CR10" s="261">
        <v>0</v>
      </c>
      <c r="CS10" s="261">
        <v>0</v>
      </c>
      <c r="CT10" s="261">
        <v>0</v>
      </c>
      <c r="CU10" s="261">
        <v>0</v>
      </c>
      <c r="CV10" s="258">
        <v>0</v>
      </c>
      <c r="CW10" s="263">
        <v>0</v>
      </c>
      <c r="CX10" s="257">
        <v>0</v>
      </c>
      <c r="CY10" s="261">
        <v>0</v>
      </c>
      <c r="CZ10" s="258">
        <v>0</v>
      </c>
      <c r="DA10" s="260">
        <v>0</v>
      </c>
      <c r="DB10" s="261">
        <v>0</v>
      </c>
      <c r="DC10" s="261">
        <v>0</v>
      </c>
      <c r="DD10" s="261">
        <v>0</v>
      </c>
      <c r="DE10" s="261">
        <v>0</v>
      </c>
      <c r="DF10" s="261">
        <v>0</v>
      </c>
      <c r="DG10" s="258">
        <v>0</v>
      </c>
      <c r="DH10" s="263">
        <v>0</v>
      </c>
    </row>
    <row r="11" spans="2:112" ht="21" customHeight="1" x14ac:dyDescent="0.2">
      <c r="B11" s="472" t="s">
        <v>8</v>
      </c>
      <c r="C11" s="257">
        <v>0</v>
      </c>
      <c r="D11" s="261">
        <v>0</v>
      </c>
      <c r="E11" s="358">
        <v>0</v>
      </c>
      <c r="F11" s="260">
        <v>0</v>
      </c>
      <c r="G11" s="261">
        <v>302</v>
      </c>
      <c r="H11" s="261">
        <v>684</v>
      </c>
      <c r="I11" s="261">
        <v>924</v>
      </c>
      <c r="J11" s="261">
        <v>317</v>
      </c>
      <c r="K11" s="261">
        <v>638</v>
      </c>
      <c r="L11" s="262">
        <v>2865</v>
      </c>
      <c r="M11" s="263">
        <v>2865</v>
      </c>
      <c r="N11" s="257">
        <v>0</v>
      </c>
      <c r="O11" s="261">
        <v>0</v>
      </c>
      <c r="P11" s="258">
        <v>0</v>
      </c>
      <c r="Q11" s="260">
        <v>0</v>
      </c>
      <c r="R11" s="261">
        <v>0</v>
      </c>
      <c r="S11" s="261">
        <v>0</v>
      </c>
      <c r="T11" s="261">
        <v>9</v>
      </c>
      <c r="U11" s="261">
        <v>0</v>
      </c>
      <c r="V11" s="261">
        <v>32</v>
      </c>
      <c r="W11" s="258">
        <v>41</v>
      </c>
      <c r="X11" s="263">
        <v>41</v>
      </c>
      <c r="Y11" s="257">
        <v>9</v>
      </c>
      <c r="Z11" s="261">
        <v>9</v>
      </c>
      <c r="AA11" s="258">
        <v>18</v>
      </c>
      <c r="AB11" s="260">
        <v>0</v>
      </c>
      <c r="AC11" s="261">
        <v>139</v>
      </c>
      <c r="AD11" s="261">
        <v>216</v>
      </c>
      <c r="AE11" s="261">
        <v>212</v>
      </c>
      <c r="AF11" s="261">
        <v>64</v>
      </c>
      <c r="AG11" s="261">
        <v>61</v>
      </c>
      <c r="AH11" s="258">
        <v>692</v>
      </c>
      <c r="AI11" s="263">
        <v>710</v>
      </c>
      <c r="AJ11" s="257">
        <v>0</v>
      </c>
      <c r="AK11" s="261">
        <v>0</v>
      </c>
      <c r="AL11" s="258">
        <v>0</v>
      </c>
      <c r="AM11" s="260">
        <v>0</v>
      </c>
      <c r="AN11" s="261">
        <v>16</v>
      </c>
      <c r="AO11" s="261">
        <v>30</v>
      </c>
      <c r="AP11" s="261">
        <v>66</v>
      </c>
      <c r="AQ11" s="261">
        <v>43</v>
      </c>
      <c r="AR11" s="261">
        <v>0</v>
      </c>
      <c r="AS11" s="258">
        <v>155</v>
      </c>
      <c r="AT11" s="263">
        <v>155</v>
      </c>
      <c r="AU11" s="257">
        <v>0</v>
      </c>
      <c r="AV11" s="261">
        <v>0</v>
      </c>
      <c r="AW11" s="258">
        <v>0</v>
      </c>
      <c r="AX11" s="260">
        <v>0</v>
      </c>
      <c r="AY11" s="261">
        <v>298</v>
      </c>
      <c r="AZ11" s="261">
        <v>317</v>
      </c>
      <c r="BA11" s="261">
        <v>228</v>
      </c>
      <c r="BB11" s="261">
        <v>110</v>
      </c>
      <c r="BC11" s="261">
        <v>80</v>
      </c>
      <c r="BD11" s="262">
        <v>1033</v>
      </c>
      <c r="BE11" s="263">
        <v>1033</v>
      </c>
      <c r="BF11" s="257">
        <v>0</v>
      </c>
      <c r="BG11" s="261">
        <v>0</v>
      </c>
      <c r="BH11" s="258">
        <v>0</v>
      </c>
      <c r="BI11" s="260">
        <v>0</v>
      </c>
      <c r="BJ11" s="261">
        <v>82</v>
      </c>
      <c r="BK11" s="261">
        <v>45</v>
      </c>
      <c r="BL11" s="261">
        <v>48</v>
      </c>
      <c r="BM11" s="261">
        <v>51</v>
      </c>
      <c r="BN11" s="261">
        <v>0</v>
      </c>
      <c r="BO11" s="258">
        <v>226</v>
      </c>
      <c r="BP11" s="263">
        <v>226</v>
      </c>
      <c r="BQ11" s="257">
        <v>6</v>
      </c>
      <c r="BR11" s="261">
        <v>11</v>
      </c>
      <c r="BS11" s="258">
        <v>17</v>
      </c>
      <c r="BT11" s="260">
        <v>0</v>
      </c>
      <c r="BU11" s="261">
        <v>23</v>
      </c>
      <c r="BV11" s="261">
        <v>30</v>
      </c>
      <c r="BW11" s="261">
        <v>144</v>
      </c>
      <c r="BX11" s="261">
        <v>37</v>
      </c>
      <c r="BY11" s="261">
        <v>37</v>
      </c>
      <c r="BZ11" s="258">
        <v>271</v>
      </c>
      <c r="CA11" s="263">
        <v>288</v>
      </c>
      <c r="CB11" s="257">
        <v>0</v>
      </c>
      <c r="CC11" s="261">
        <v>0</v>
      </c>
      <c r="CD11" s="258">
        <v>0</v>
      </c>
      <c r="CE11" s="260">
        <v>0</v>
      </c>
      <c r="CF11" s="261">
        <v>0</v>
      </c>
      <c r="CG11" s="261">
        <v>0</v>
      </c>
      <c r="CH11" s="261">
        <v>7</v>
      </c>
      <c r="CI11" s="261">
        <v>0</v>
      </c>
      <c r="CJ11" s="261">
        <v>0</v>
      </c>
      <c r="CK11" s="258">
        <v>7</v>
      </c>
      <c r="CL11" s="263">
        <v>7</v>
      </c>
      <c r="CM11" s="257">
        <v>0</v>
      </c>
      <c r="CN11" s="261">
        <v>0</v>
      </c>
      <c r="CO11" s="258">
        <v>0</v>
      </c>
      <c r="CP11" s="260">
        <v>0</v>
      </c>
      <c r="CQ11" s="261">
        <v>0</v>
      </c>
      <c r="CR11" s="261">
        <v>0</v>
      </c>
      <c r="CS11" s="261">
        <v>0</v>
      </c>
      <c r="CT11" s="261">
        <v>0</v>
      </c>
      <c r="CU11" s="261">
        <v>0</v>
      </c>
      <c r="CV11" s="258">
        <v>0</v>
      </c>
      <c r="CW11" s="263">
        <v>0</v>
      </c>
      <c r="CX11" s="257">
        <v>0</v>
      </c>
      <c r="CY11" s="261">
        <v>0</v>
      </c>
      <c r="CZ11" s="258">
        <v>0</v>
      </c>
      <c r="DA11" s="260">
        <v>0</v>
      </c>
      <c r="DB11" s="261">
        <v>0</v>
      </c>
      <c r="DC11" s="261">
        <v>0</v>
      </c>
      <c r="DD11" s="261">
        <v>0</v>
      </c>
      <c r="DE11" s="261">
        <v>0</v>
      </c>
      <c r="DF11" s="261">
        <v>0</v>
      </c>
      <c r="DG11" s="258">
        <v>0</v>
      </c>
      <c r="DH11" s="263">
        <v>0</v>
      </c>
    </row>
    <row r="12" spans="2:112" ht="21" customHeight="1" x14ac:dyDescent="0.2">
      <c r="B12" s="472" t="s">
        <v>9</v>
      </c>
      <c r="C12" s="257">
        <v>0</v>
      </c>
      <c r="D12" s="261">
        <v>0</v>
      </c>
      <c r="E12" s="358">
        <v>0</v>
      </c>
      <c r="F12" s="260">
        <v>0</v>
      </c>
      <c r="G12" s="261">
        <v>639</v>
      </c>
      <c r="H12" s="261">
        <v>542</v>
      </c>
      <c r="I12" s="261">
        <v>1140</v>
      </c>
      <c r="J12" s="261">
        <v>1179</v>
      </c>
      <c r="K12" s="261">
        <v>953</v>
      </c>
      <c r="L12" s="262">
        <v>4453</v>
      </c>
      <c r="M12" s="263">
        <v>4453</v>
      </c>
      <c r="N12" s="257">
        <v>0</v>
      </c>
      <c r="O12" s="261">
        <v>0</v>
      </c>
      <c r="P12" s="258">
        <v>0</v>
      </c>
      <c r="Q12" s="260">
        <v>0</v>
      </c>
      <c r="R12" s="261">
        <v>0</v>
      </c>
      <c r="S12" s="261">
        <v>6</v>
      </c>
      <c r="T12" s="261">
        <v>11</v>
      </c>
      <c r="U12" s="261">
        <v>5</v>
      </c>
      <c r="V12" s="261">
        <v>18</v>
      </c>
      <c r="W12" s="258">
        <v>40</v>
      </c>
      <c r="X12" s="263">
        <v>40</v>
      </c>
      <c r="Y12" s="257">
        <v>50</v>
      </c>
      <c r="Z12" s="261">
        <v>63</v>
      </c>
      <c r="AA12" s="258">
        <v>113</v>
      </c>
      <c r="AB12" s="260">
        <v>0</v>
      </c>
      <c r="AC12" s="261">
        <v>464</v>
      </c>
      <c r="AD12" s="261">
        <v>328</v>
      </c>
      <c r="AE12" s="261">
        <v>350</v>
      </c>
      <c r="AF12" s="261">
        <v>179</v>
      </c>
      <c r="AG12" s="261">
        <v>201</v>
      </c>
      <c r="AH12" s="258">
        <v>1522</v>
      </c>
      <c r="AI12" s="263">
        <v>1635</v>
      </c>
      <c r="AJ12" s="257">
        <v>0</v>
      </c>
      <c r="AK12" s="261">
        <v>18</v>
      </c>
      <c r="AL12" s="258">
        <v>18</v>
      </c>
      <c r="AM12" s="260">
        <v>0</v>
      </c>
      <c r="AN12" s="261">
        <v>21</v>
      </c>
      <c r="AO12" s="261">
        <v>55</v>
      </c>
      <c r="AP12" s="261">
        <v>37</v>
      </c>
      <c r="AQ12" s="261">
        <v>43</v>
      </c>
      <c r="AR12" s="261">
        <v>8</v>
      </c>
      <c r="AS12" s="258">
        <v>164</v>
      </c>
      <c r="AT12" s="263">
        <v>182</v>
      </c>
      <c r="AU12" s="257">
        <v>0</v>
      </c>
      <c r="AV12" s="261">
        <v>0</v>
      </c>
      <c r="AW12" s="258">
        <v>0</v>
      </c>
      <c r="AX12" s="260">
        <v>0</v>
      </c>
      <c r="AY12" s="261">
        <v>362</v>
      </c>
      <c r="AZ12" s="261">
        <v>260</v>
      </c>
      <c r="BA12" s="261">
        <v>231</v>
      </c>
      <c r="BB12" s="261">
        <v>160</v>
      </c>
      <c r="BC12" s="261">
        <v>18</v>
      </c>
      <c r="BD12" s="262">
        <v>1031</v>
      </c>
      <c r="BE12" s="263">
        <v>1031</v>
      </c>
      <c r="BF12" s="257">
        <v>0</v>
      </c>
      <c r="BG12" s="261">
        <v>0</v>
      </c>
      <c r="BH12" s="258">
        <v>0</v>
      </c>
      <c r="BI12" s="260">
        <v>0</v>
      </c>
      <c r="BJ12" s="261">
        <v>115</v>
      </c>
      <c r="BK12" s="261">
        <v>95</v>
      </c>
      <c r="BL12" s="261">
        <v>102</v>
      </c>
      <c r="BM12" s="261">
        <v>39</v>
      </c>
      <c r="BN12" s="261">
        <v>15</v>
      </c>
      <c r="BO12" s="258">
        <v>366</v>
      </c>
      <c r="BP12" s="263">
        <v>366</v>
      </c>
      <c r="BQ12" s="257">
        <v>0</v>
      </c>
      <c r="BR12" s="261">
        <v>0</v>
      </c>
      <c r="BS12" s="258">
        <v>0</v>
      </c>
      <c r="BT12" s="260">
        <v>0</v>
      </c>
      <c r="BU12" s="261">
        <v>40</v>
      </c>
      <c r="BV12" s="261">
        <v>69</v>
      </c>
      <c r="BW12" s="261">
        <v>100</v>
      </c>
      <c r="BX12" s="261">
        <v>141</v>
      </c>
      <c r="BY12" s="261">
        <v>28</v>
      </c>
      <c r="BZ12" s="258">
        <v>378</v>
      </c>
      <c r="CA12" s="263">
        <v>378</v>
      </c>
      <c r="CB12" s="257">
        <v>0</v>
      </c>
      <c r="CC12" s="261">
        <v>0</v>
      </c>
      <c r="CD12" s="258">
        <v>0</v>
      </c>
      <c r="CE12" s="260">
        <v>0</v>
      </c>
      <c r="CF12" s="261">
        <v>0</v>
      </c>
      <c r="CG12" s="261">
        <v>27</v>
      </c>
      <c r="CH12" s="261">
        <v>53</v>
      </c>
      <c r="CI12" s="261">
        <v>9</v>
      </c>
      <c r="CJ12" s="261">
        <v>0</v>
      </c>
      <c r="CK12" s="258">
        <v>89</v>
      </c>
      <c r="CL12" s="263">
        <v>89</v>
      </c>
      <c r="CM12" s="257">
        <v>0</v>
      </c>
      <c r="CN12" s="261">
        <v>0</v>
      </c>
      <c r="CO12" s="258">
        <v>0</v>
      </c>
      <c r="CP12" s="260">
        <v>0</v>
      </c>
      <c r="CQ12" s="261">
        <v>0</v>
      </c>
      <c r="CR12" s="261">
        <v>0</v>
      </c>
      <c r="CS12" s="261">
        <v>0</v>
      </c>
      <c r="CT12" s="261">
        <v>0</v>
      </c>
      <c r="CU12" s="261">
        <v>0</v>
      </c>
      <c r="CV12" s="258">
        <v>0</v>
      </c>
      <c r="CW12" s="263">
        <v>0</v>
      </c>
      <c r="CX12" s="257">
        <v>0</v>
      </c>
      <c r="CY12" s="261">
        <v>0</v>
      </c>
      <c r="CZ12" s="258">
        <v>0</v>
      </c>
      <c r="DA12" s="260">
        <v>0</v>
      </c>
      <c r="DB12" s="261">
        <v>0</v>
      </c>
      <c r="DC12" s="261">
        <v>0</v>
      </c>
      <c r="DD12" s="261">
        <v>0</v>
      </c>
      <c r="DE12" s="261">
        <v>0</v>
      </c>
      <c r="DF12" s="261">
        <v>0</v>
      </c>
      <c r="DG12" s="258">
        <v>0</v>
      </c>
      <c r="DH12" s="263">
        <v>0</v>
      </c>
    </row>
    <row r="13" spans="2:112" ht="21" customHeight="1" x14ac:dyDescent="0.2">
      <c r="B13" s="472" t="s">
        <v>10</v>
      </c>
      <c r="C13" s="257">
        <v>0</v>
      </c>
      <c r="D13" s="261">
        <v>0</v>
      </c>
      <c r="E13" s="358">
        <v>0</v>
      </c>
      <c r="F13" s="260">
        <v>0</v>
      </c>
      <c r="G13" s="261">
        <v>1019</v>
      </c>
      <c r="H13" s="261">
        <v>1026</v>
      </c>
      <c r="I13" s="261">
        <v>668</v>
      </c>
      <c r="J13" s="261">
        <v>1767</v>
      </c>
      <c r="K13" s="261">
        <v>1192</v>
      </c>
      <c r="L13" s="262">
        <v>5672</v>
      </c>
      <c r="M13" s="263">
        <v>5672</v>
      </c>
      <c r="N13" s="257">
        <v>0</v>
      </c>
      <c r="O13" s="261">
        <v>0</v>
      </c>
      <c r="P13" s="258">
        <v>0</v>
      </c>
      <c r="Q13" s="260">
        <v>0</v>
      </c>
      <c r="R13" s="261">
        <v>4</v>
      </c>
      <c r="S13" s="261">
        <v>6</v>
      </c>
      <c r="T13" s="261">
        <v>6</v>
      </c>
      <c r="U13" s="261">
        <v>56</v>
      </c>
      <c r="V13" s="261">
        <v>57</v>
      </c>
      <c r="W13" s="258">
        <v>129</v>
      </c>
      <c r="X13" s="263">
        <v>129</v>
      </c>
      <c r="Y13" s="257">
        <v>85</v>
      </c>
      <c r="Z13" s="261">
        <v>109</v>
      </c>
      <c r="AA13" s="258">
        <v>194</v>
      </c>
      <c r="AB13" s="260">
        <v>0</v>
      </c>
      <c r="AC13" s="261">
        <v>611</v>
      </c>
      <c r="AD13" s="261">
        <v>300</v>
      </c>
      <c r="AE13" s="261">
        <v>272</v>
      </c>
      <c r="AF13" s="261">
        <v>409</v>
      </c>
      <c r="AG13" s="261">
        <v>303</v>
      </c>
      <c r="AH13" s="258">
        <v>1895</v>
      </c>
      <c r="AI13" s="263">
        <v>2089</v>
      </c>
      <c r="AJ13" s="257">
        <v>22</v>
      </c>
      <c r="AK13" s="261">
        <v>47</v>
      </c>
      <c r="AL13" s="258">
        <v>69</v>
      </c>
      <c r="AM13" s="260">
        <v>0</v>
      </c>
      <c r="AN13" s="261">
        <v>59</v>
      </c>
      <c r="AO13" s="261">
        <v>54</v>
      </c>
      <c r="AP13" s="261">
        <v>34</v>
      </c>
      <c r="AQ13" s="261">
        <v>57</v>
      </c>
      <c r="AR13" s="261">
        <v>68</v>
      </c>
      <c r="AS13" s="258">
        <v>272</v>
      </c>
      <c r="AT13" s="263">
        <v>341</v>
      </c>
      <c r="AU13" s="257">
        <v>0</v>
      </c>
      <c r="AV13" s="261">
        <v>0</v>
      </c>
      <c r="AW13" s="258">
        <v>0</v>
      </c>
      <c r="AX13" s="260">
        <v>0</v>
      </c>
      <c r="AY13" s="261">
        <v>955</v>
      </c>
      <c r="AZ13" s="261">
        <v>532</v>
      </c>
      <c r="BA13" s="261">
        <v>379</v>
      </c>
      <c r="BB13" s="261">
        <v>224</v>
      </c>
      <c r="BC13" s="261">
        <v>54</v>
      </c>
      <c r="BD13" s="262">
        <v>2144</v>
      </c>
      <c r="BE13" s="263">
        <v>2144</v>
      </c>
      <c r="BF13" s="257">
        <v>0</v>
      </c>
      <c r="BG13" s="261">
        <v>0</v>
      </c>
      <c r="BH13" s="258">
        <v>0</v>
      </c>
      <c r="BI13" s="260">
        <v>0</v>
      </c>
      <c r="BJ13" s="261">
        <v>143</v>
      </c>
      <c r="BK13" s="261">
        <v>78</v>
      </c>
      <c r="BL13" s="261">
        <v>36</v>
      </c>
      <c r="BM13" s="261">
        <v>41</v>
      </c>
      <c r="BN13" s="261">
        <v>31</v>
      </c>
      <c r="BO13" s="258">
        <v>329</v>
      </c>
      <c r="BP13" s="263">
        <v>329</v>
      </c>
      <c r="BQ13" s="257">
        <v>0</v>
      </c>
      <c r="BR13" s="261">
        <v>0</v>
      </c>
      <c r="BS13" s="258">
        <v>0</v>
      </c>
      <c r="BT13" s="260">
        <v>0</v>
      </c>
      <c r="BU13" s="261">
        <v>56</v>
      </c>
      <c r="BV13" s="261">
        <v>99</v>
      </c>
      <c r="BW13" s="261">
        <v>147</v>
      </c>
      <c r="BX13" s="261">
        <v>112</v>
      </c>
      <c r="BY13" s="261">
        <v>33</v>
      </c>
      <c r="BZ13" s="258">
        <v>447</v>
      </c>
      <c r="CA13" s="263">
        <v>447</v>
      </c>
      <c r="CB13" s="257">
        <v>0</v>
      </c>
      <c r="CC13" s="261">
        <v>0</v>
      </c>
      <c r="CD13" s="258">
        <v>0</v>
      </c>
      <c r="CE13" s="260">
        <v>0</v>
      </c>
      <c r="CF13" s="261">
        <v>10</v>
      </c>
      <c r="CG13" s="261">
        <v>8</v>
      </c>
      <c r="CH13" s="261">
        <v>18</v>
      </c>
      <c r="CI13" s="261">
        <v>20</v>
      </c>
      <c r="CJ13" s="261">
        <v>7</v>
      </c>
      <c r="CK13" s="258">
        <v>63</v>
      </c>
      <c r="CL13" s="263">
        <v>63</v>
      </c>
      <c r="CM13" s="257">
        <v>0</v>
      </c>
      <c r="CN13" s="261">
        <v>0</v>
      </c>
      <c r="CO13" s="258">
        <v>0</v>
      </c>
      <c r="CP13" s="260">
        <v>0</v>
      </c>
      <c r="CQ13" s="261">
        <v>0</v>
      </c>
      <c r="CR13" s="261">
        <v>0</v>
      </c>
      <c r="CS13" s="261">
        <v>0</v>
      </c>
      <c r="CT13" s="261">
        <v>0</v>
      </c>
      <c r="CU13" s="261">
        <v>0</v>
      </c>
      <c r="CV13" s="258">
        <v>0</v>
      </c>
      <c r="CW13" s="263">
        <v>0</v>
      </c>
      <c r="CX13" s="257">
        <v>0</v>
      </c>
      <c r="CY13" s="261">
        <v>0</v>
      </c>
      <c r="CZ13" s="258">
        <v>0</v>
      </c>
      <c r="DA13" s="260">
        <v>0</v>
      </c>
      <c r="DB13" s="261">
        <v>0</v>
      </c>
      <c r="DC13" s="261">
        <v>0</v>
      </c>
      <c r="DD13" s="261">
        <v>0</v>
      </c>
      <c r="DE13" s="261">
        <v>0</v>
      </c>
      <c r="DF13" s="261">
        <v>0</v>
      </c>
      <c r="DG13" s="258">
        <v>0</v>
      </c>
      <c r="DH13" s="263">
        <v>0</v>
      </c>
    </row>
    <row r="14" spans="2:112" ht="21" customHeight="1" x14ac:dyDescent="0.2">
      <c r="B14" s="472" t="s">
        <v>11</v>
      </c>
      <c r="C14" s="257">
        <v>0</v>
      </c>
      <c r="D14" s="261">
        <v>0</v>
      </c>
      <c r="E14" s="358">
        <v>0</v>
      </c>
      <c r="F14" s="260">
        <v>0</v>
      </c>
      <c r="G14" s="261">
        <v>126</v>
      </c>
      <c r="H14" s="261">
        <v>305</v>
      </c>
      <c r="I14" s="261">
        <v>350</v>
      </c>
      <c r="J14" s="261">
        <v>689</v>
      </c>
      <c r="K14" s="261">
        <v>583</v>
      </c>
      <c r="L14" s="262">
        <v>2053</v>
      </c>
      <c r="M14" s="263">
        <v>2053</v>
      </c>
      <c r="N14" s="257">
        <v>0</v>
      </c>
      <c r="O14" s="261">
        <v>0</v>
      </c>
      <c r="P14" s="258">
        <v>0</v>
      </c>
      <c r="Q14" s="260">
        <v>0</v>
      </c>
      <c r="R14" s="261">
        <v>0</v>
      </c>
      <c r="S14" s="261">
        <v>17</v>
      </c>
      <c r="T14" s="261">
        <v>6</v>
      </c>
      <c r="U14" s="261">
        <v>16</v>
      </c>
      <c r="V14" s="261">
        <v>18</v>
      </c>
      <c r="W14" s="258">
        <v>57</v>
      </c>
      <c r="X14" s="263">
        <v>57</v>
      </c>
      <c r="Y14" s="257">
        <v>23</v>
      </c>
      <c r="Z14" s="261">
        <v>30</v>
      </c>
      <c r="AA14" s="258">
        <v>53</v>
      </c>
      <c r="AB14" s="260">
        <v>0</v>
      </c>
      <c r="AC14" s="261">
        <v>179</v>
      </c>
      <c r="AD14" s="261">
        <v>91</v>
      </c>
      <c r="AE14" s="261">
        <v>138</v>
      </c>
      <c r="AF14" s="261">
        <v>118</v>
      </c>
      <c r="AG14" s="261">
        <v>84</v>
      </c>
      <c r="AH14" s="258">
        <v>610</v>
      </c>
      <c r="AI14" s="263">
        <v>663</v>
      </c>
      <c r="AJ14" s="257">
        <v>0</v>
      </c>
      <c r="AK14" s="261">
        <v>19</v>
      </c>
      <c r="AL14" s="258">
        <v>19</v>
      </c>
      <c r="AM14" s="260">
        <v>0</v>
      </c>
      <c r="AN14" s="261">
        <v>35</v>
      </c>
      <c r="AO14" s="261">
        <v>0</v>
      </c>
      <c r="AP14" s="261">
        <v>15</v>
      </c>
      <c r="AQ14" s="261">
        <v>54</v>
      </c>
      <c r="AR14" s="261">
        <v>16</v>
      </c>
      <c r="AS14" s="258">
        <v>120</v>
      </c>
      <c r="AT14" s="263">
        <v>139</v>
      </c>
      <c r="AU14" s="257">
        <v>0</v>
      </c>
      <c r="AV14" s="261">
        <v>0</v>
      </c>
      <c r="AW14" s="258">
        <v>0</v>
      </c>
      <c r="AX14" s="260">
        <v>0</v>
      </c>
      <c r="AY14" s="261">
        <v>348</v>
      </c>
      <c r="AZ14" s="261">
        <v>194</v>
      </c>
      <c r="BA14" s="261">
        <v>125</v>
      </c>
      <c r="BB14" s="261">
        <v>138</v>
      </c>
      <c r="BC14" s="261">
        <v>9</v>
      </c>
      <c r="BD14" s="262">
        <v>814</v>
      </c>
      <c r="BE14" s="263">
        <v>814</v>
      </c>
      <c r="BF14" s="257">
        <v>0</v>
      </c>
      <c r="BG14" s="261">
        <v>0</v>
      </c>
      <c r="BH14" s="258">
        <v>0</v>
      </c>
      <c r="BI14" s="260">
        <v>0</v>
      </c>
      <c r="BJ14" s="261">
        <v>98</v>
      </c>
      <c r="BK14" s="261">
        <v>82</v>
      </c>
      <c r="BL14" s="261">
        <v>44</v>
      </c>
      <c r="BM14" s="261">
        <v>72</v>
      </c>
      <c r="BN14" s="261">
        <v>4</v>
      </c>
      <c r="BO14" s="258">
        <v>300</v>
      </c>
      <c r="BP14" s="263">
        <v>300</v>
      </c>
      <c r="BQ14" s="257">
        <v>4</v>
      </c>
      <c r="BR14" s="261">
        <v>0</v>
      </c>
      <c r="BS14" s="258">
        <v>4</v>
      </c>
      <c r="BT14" s="260">
        <v>0</v>
      </c>
      <c r="BU14" s="261">
        <v>49</v>
      </c>
      <c r="BV14" s="261">
        <v>55</v>
      </c>
      <c r="BW14" s="261">
        <v>0</v>
      </c>
      <c r="BX14" s="261">
        <v>102</v>
      </c>
      <c r="BY14" s="261">
        <v>2</v>
      </c>
      <c r="BZ14" s="258">
        <v>208</v>
      </c>
      <c r="CA14" s="263">
        <v>212</v>
      </c>
      <c r="CB14" s="257">
        <v>0</v>
      </c>
      <c r="CC14" s="261">
        <v>0</v>
      </c>
      <c r="CD14" s="258">
        <v>0</v>
      </c>
      <c r="CE14" s="260">
        <v>0</v>
      </c>
      <c r="CF14" s="261">
        <v>8</v>
      </c>
      <c r="CG14" s="261">
        <v>9</v>
      </c>
      <c r="CH14" s="261">
        <v>0</v>
      </c>
      <c r="CI14" s="261">
        <v>8</v>
      </c>
      <c r="CJ14" s="261">
        <v>0</v>
      </c>
      <c r="CK14" s="258">
        <v>25</v>
      </c>
      <c r="CL14" s="263">
        <v>25</v>
      </c>
      <c r="CM14" s="257">
        <v>0</v>
      </c>
      <c r="CN14" s="261">
        <v>0</v>
      </c>
      <c r="CO14" s="258">
        <v>0</v>
      </c>
      <c r="CP14" s="260">
        <v>0</v>
      </c>
      <c r="CQ14" s="261">
        <v>0</v>
      </c>
      <c r="CR14" s="261">
        <v>0</v>
      </c>
      <c r="CS14" s="261">
        <v>0</v>
      </c>
      <c r="CT14" s="261">
        <v>0</v>
      </c>
      <c r="CU14" s="261">
        <v>0</v>
      </c>
      <c r="CV14" s="258">
        <v>0</v>
      </c>
      <c r="CW14" s="263">
        <v>0</v>
      </c>
      <c r="CX14" s="257">
        <v>0</v>
      </c>
      <c r="CY14" s="261">
        <v>0</v>
      </c>
      <c r="CZ14" s="258">
        <v>0</v>
      </c>
      <c r="DA14" s="260">
        <v>0</v>
      </c>
      <c r="DB14" s="261">
        <v>0</v>
      </c>
      <c r="DC14" s="261">
        <v>0</v>
      </c>
      <c r="DD14" s="261">
        <v>0</v>
      </c>
      <c r="DE14" s="261">
        <v>0</v>
      </c>
      <c r="DF14" s="261">
        <v>0</v>
      </c>
      <c r="DG14" s="258">
        <v>0</v>
      </c>
      <c r="DH14" s="263">
        <v>0</v>
      </c>
    </row>
    <row r="15" spans="2:112" ht="21" customHeight="1" x14ac:dyDescent="0.2">
      <c r="B15" s="472" t="s">
        <v>12</v>
      </c>
      <c r="C15" s="257">
        <v>0</v>
      </c>
      <c r="D15" s="261">
        <v>0</v>
      </c>
      <c r="E15" s="358">
        <v>0</v>
      </c>
      <c r="F15" s="260">
        <v>0</v>
      </c>
      <c r="G15" s="261">
        <v>396</v>
      </c>
      <c r="H15" s="261">
        <v>693</v>
      </c>
      <c r="I15" s="261">
        <v>737</v>
      </c>
      <c r="J15" s="261">
        <v>1240</v>
      </c>
      <c r="K15" s="261">
        <v>261</v>
      </c>
      <c r="L15" s="262">
        <v>3327</v>
      </c>
      <c r="M15" s="263">
        <v>3327</v>
      </c>
      <c r="N15" s="257">
        <v>0</v>
      </c>
      <c r="O15" s="261">
        <v>0</v>
      </c>
      <c r="P15" s="258">
        <v>0</v>
      </c>
      <c r="Q15" s="260">
        <v>0</v>
      </c>
      <c r="R15" s="261">
        <v>0</v>
      </c>
      <c r="S15" s="261">
        <v>0</v>
      </c>
      <c r="T15" s="261">
        <v>5</v>
      </c>
      <c r="U15" s="261">
        <v>27</v>
      </c>
      <c r="V15" s="261">
        <v>12</v>
      </c>
      <c r="W15" s="258">
        <v>44</v>
      </c>
      <c r="X15" s="263">
        <v>44</v>
      </c>
      <c r="Y15" s="257">
        <v>78</v>
      </c>
      <c r="Z15" s="261">
        <v>154</v>
      </c>
      <c r="AA15" s="258">
        <v>232</v>
      </c>
      <c r="AB15" s="260">
        <v>0</v>
      </c>
      <c r="AC15" s="261">
        <v>139</v>
      </c>
      <c r="AD15" s="261">
        <v>259</v>
      </c>
      <c r="AE15" s="261">
        <v>155</v>
      </c>
      <c r="AF15" s="261">
        <v>146</v>
      </c>
      <c r="AG15" s="261">
        <v>69</v>
      </c>
      <c r="AH15" s="258">
        <v>768</v>
      </c>
      <c r="AI15" s="263">
        <v>1000</v>
      </c>
      <c r="AJ15" s="257">
        <v>0</v>
      </c>
      <c r="AK15" s="261">
        <v>22</v>
      </c>
      <c r="AL15" s="258">
        <v>22</v>
      </c>
      <c r="AM15" s="260">
        <v>0</v>
      </c>
      <c r="AN15" s="261">
        <v>16</v>
      </c>
      <c r="AO15" s="261">
        <v>54</v>
      </c>
      <c r="AP15" s="261">
        <v>21</v>
      </c>
      <c r="AQ15" s="261">
        <v>12</v>
      </c>
      <c r="AR15" s="261">
        <v>0</v>
      </c>
      <c r="AS15" s="258">
        <v>103</v>
      </c>
      <c r="AT15" s="263">
        <v>125</v>
      </c>
      <c r="AU15" s="257">
        <v>0</v>
      </c>
      <c r="AV15" s="261">
        <v>0</v>
      </c>
      <c r="AW15" s="258">
        <v>0</v>
      </c>
      <c r="AX15" s="260">
        <v>0</v>
      </c>
      <c r="AY15" s="261">
        <v>420</v>
      </c>
      <c r="AZ15" s="261">
        <v>253</v>
      </c>
      <c r="BA15" s="261">
        <v>237</v>
      </c>
      <c r="BB15" s="261">
        <v>157</v>
      </c>
      <c r="BC15" s="261">
        <v>26</v>
      </c>
      <c r="BD15" s="262">
        <v>1093</v>
      </c>
      <c r="BE15" s="263">
        <v>1093</v>
      </c>
      <c r="BF15" s="257">
        <v>0</v>
      </c>
      <c r="BG15" s="261">
        <v>0</v>
      </c>
      <c r="BH15" s="258">
        <v>0</v>
      </c>
      <c r="BI15" s="260">
        <v>0</v>
      </c>
      <c r="BJ15" s="261">
        <v>57</v>
      </c>
      <c r="BK15" s="261">
        <v>113</v>
      </c>
      <c r="BL15" s="261">
        <v>105</v>
      </c>
      <c r="BM15" s="261">
        <v>45</v>
      </c>
      <c r="BN15" s="261">
        <v>0</v>
      </c>
      <c r="BO15" s="258">
        <v>320</v>
      </c>
      <c r="BP15" s="263">
        <v>320</v>
      </c>
      <c r="BQ15" s="257">
        <v>0</v>
      </c>
      <c r="BR15" s="261">
        <v>6</v>
      </c>
      <c r="BS15" s="258">
        <v>6</v>
      </c>
      <c r="BT15" s="260">
        <v>0</v>
      </c>
      <c r="BU15" s="261">
        <v>58</v>
      </c>
      <c r="BV15" s="261">
        <v>100</v>
      </c>
      <c r="BW15" s="261">
        <v>45</v>
      </c>
      <c r="BX15" s="261">
        <v>115</v>
      </c>
      <c r="BY15" s="261">
        <v>0</v>
      </c>
      <c r="BZ15" s="258">
        <v>318</v>
      </c>
      <c r="CA15" s="263">
        <v>324</v>
      </c>
      <c r="CB15" s="257">
        <v>0</v>
      </c>
      <c r="CC15" s="261">
        <v>0</v>
      </c>
      <c r="CD15" s="258">
        <v>0</v>
      </c>
      <c r="CE15" s="260">
        <v>0</v>
      </c>
      <c r="CF15" s="261">
        <v>0</v>
      </c>
      <c r="CG15" s="261">
        <v>0</v>
      </c>
      <c r="CH15" s="261">
        <v>4</v>
      </c>
      <c r="CI15" s="261">
        <v>4</v>
      </c>
      <c r="CJ15" s="261">
        <v>0</v>
      </c>
      <c r="CK15" s="258">
        <v>8</v>
      </c>
      <c r="CL15" s="263">
        <v>8</v>
      </c>
      <c r="CM15" s="257">
        <v>0</v>
      </c>
      <c r="CN15" s="261">
        <v>0</v>
      </c>
      <c r="CO15" s="258">
        <v>0</v>
      </c>
      <c r="CP15" s="260">
        <v>0</v>
      </c>
      <c r="CQ15" s="261">
        <v>0</v>
      </c>
      <c r="CR15" s="261">
        <v>0</v>
      </c>
      <c r="CS15" s="261">
        <v>0</v>
      </c>
      <c r="CT15" s="261">
        <v>0</v>
      </c>
      <c r="CU15" s="261">
        <v>0</v>
      </c>
      <c r="CV15" s="258">
        <v>0</v>
      </c>
      <c r="CW15" s="263">
        <v>0</v>
      </c>
      <c r="CX15" s="257">
        <v>0</v>
      </c>
      <c r="CY15" s="261">
        <v>0</v>
      </c>
      <c r="CZ15" s="258">
        <v>0</v>
      </c>
      <c r="DA15" s="260">
        <v>0</v>
      </c>
      <c r="DB15" s="261">
        <v>0</v>
      </c>
      <c r="DC15" s="261">
        <v>0</v>
      </c>
      <c r="DD15" s="261">
        <v>0</v>
      </c>
      <c r="DE15" s="261">
        <v>0</v>
      </c>
      <c r="DF15" s="261">
        <v>0</v>
      </c>
      <c r="DG15" s="258">
        <v>0</v>
      </c>
      <c r="DH15" s="263">
        <v>0</v>
      </c>
    </row>
    <row r="16" spans="2:112" ht="21" customHeight="1" x14ac:dyDescent="0.2">
      <c r="B16" s="472" t="s">
        <v>13</v>
      </c>
      <c r="C16" s="257">
        <v>0</v>
      </c>
      <c r="D16" s="261">
        <v>0</v>
      </c>
      <c r="E16" s="358">
        <v>0</v>
      </c>
      <c r="F16" s="260">
        <v>0</v>
      </c>
      <c r="G16" s="261">
        <v>146</v>
      </c>
      <c r="H16" s="261">
        <v>158</v>
      </c>
      <c r="I16" s="261">
        <v>351</v>
      </c>
      <c r="J16" s="261">
        <v>702</v>
      </c>
      <c r="K16" s="261">
        <v>345</v>
      </c>
      <c r="L16" s="262">
        <v>1702</v>
      </c>
      <c r="M16" s="263">
        <v>1702</v>
      </c>
      <c r="N16" s="257">
        <v>0</v>
      </c>
      <c r="O16" s="261">
        <v>0</v>
      </c>
      <c r="P16" s="258">
        <v>0</v>
      </c>
      <c r="Q16" s="260">
        <v>0</v>
      </c>
      <c r="R16" s="261">
        <v>0</v>
      </c>
      <c r="S16" s="261">
        <v>4</v>
      </c>
      <c r="T16" s="261">
        <v>2</v>
      </c>
      <c r="U16" s="261">
        <v>10</v>
      </c>
      <c r="V16" s="261">
        <v>15</v>
      </c>
      <c r="W16" s="258">
        <v>31</v>
      </c>
      <c r="X16" s="263">
        <v>31</v>
      </c>
      <c r="Y16" s="257">
        <v>0</v>
      </c>
      <c r="Z16" s="261">
        <v>12</v>
      </c>
      <c r="AA16" s="258">
        <v>12</v>
      </c>
      <c r="AB16" s="260">
        <v>0</v>
      </c>
      <c r="AC16" s="261">
        <v>78</v>
      </c>
      <c r="AD16" s="261">
        <v>202</v>
      </c>
      <c r="AE16" s="261">
        <v>97</v>
      </c>
      <c r="AF16" s="261">
        <v>105</v>
      </c>
      <c r="AG16" s="261">
        <v>106</v>
      </c>
      <c r="AH16" s="258">
        <v>588</v>
      </c>
      <c r="AI16" s="263">
        <v>600</v>
      </c>
      <c r="AJ16" s="257">
        <v>6</v>
      </c>
      <c r="AK16" s="261">
        <v>0</v>
      </c>
      <c r="AL16" s="258">
        <v>6</v>
      </c>
      <c r="AM16" s="260">
        <v>0</v>
      </c>
      <c r="AN16" s="261">
        <v>18</v>
      </c>
      <c r="AO16" s="261">
        <v>12</v>
      </c>
      <c r="AP16" s="261">
        <v>8</v>
      </c>
      <c r="AQ16" s="261">
        <v>32</v>
      </c>
      <c r="AR16" s="261">
        <v>8</v>
      </c>
      <c r="AS16" s="258">
        <v>78</v>
      </c>
      <c r="AT16" s="263">
        <v>84</v>
      </c>
      <c r="AU16" s="257">
        <v>0</v>
      </c>
      <c r="AV16" s="261">
        <v>0</v>
      </c>
      <c r="AW16" s="258">
        <v>0</v>
      </c>
      <c r="AX16" s="260">
        <v>0</v>
      </c>
      <c r="AY16" s="261">
        <v>91</v>
      </c>
      <c r="AZ16" s="261">
        <v>143</v>
      </c>
      <c r="BA16" s="261">
        <v>135</v>
      </c>
      <c r="BB16" s="261">
        <v>76</v>
      </c>
      <c r="BC16" s="261">
        <v>4</v>
      </c>
      <c r="BD16" s="262">
        <v>449</v>
      </c>
      <c r="BE16" s="263">
        <v>449</v>
      </c>
      <c r="BF16" s="257">
        <v>0</v>
      </c>
      <c r="BG16" s="261">
        <v>0</v>
      </c>
      <c r="BH16" s="258">
        <v>0</v>
      </c>
      <c r="BI16" s="260">
        <v>0</v>
      </c>
      <c r="BJ16" s="261">
        <v>20</v>
      </c>
      <c r="BK16" s="261">
        <v>19</v>
      </c>
      <c r="BL16" s="261">
        <v>20</v>
      </c>
      <c r="BM16" s="261">
        <v>13</v>
      </c>
      <c r="BN16" s="261">
        <v>26</v>
      </c>
      <c r="BO16" s="258">
        <v>98</v>
      </c>
      <c r="BP16" s="263">
        <v>98</v>
      </c>
      <c r="BQ16" s="257">
        <v>0</v>
      </c>
      <c r="BR16" s="261">
        <v>0</v>
      </c>
      <c r="BS16" s="258">
        <v>0</v>
      </c>
      <c r="BT16" s="260">
        <v>0</v>
      </c>
      <c r="BU16" s="261">
        <v>7</v>
      </c>
      <c r="BV16" s="261">
        <v>22</v>
      </c>
      <c r="BW16" s="261">
        <v>14</v>
      </c>
      <c r="BX16" s="261">
        <v>51</v>
      </c>
      <c r="BY16" s="261">
        <v>7</v>
      </c>
      <c r="BZ16" s="258">
        <v>101</v>
      </c>
      <c r="CA16" s="263">
        <v>101</v>
      </c>
      <c r="CB16" s="257">
        <v>0</v>
      </c>
      <c r="CC16" s="261">
        <v>0</v>
      </c>
      <c r="CD16" s="258">
        <v>0</v>
      </c>
      <c r="CE16" s="260">
        <v>0</v>
      </c>
      <c r="CF16" s="261">
        <v>0</v>
      </c>
      <c r="CG16" s="261">
        <v>0</v>
      </c>
      <c r="CH16" s="261">
        <v>0</v>
      </c>
      <c r="CI16" s="261">
        <v>0</v>
      </c>
      <c r="CJ16" s="261">
        <v>2</v>
      </c>
      <c r="CK16" s="258">
        <v>2</v>
      </c>
      <c r="CL16" s="263">
        <v>2</v>
      </c>
      <c r="CM16" s="257">
        <v>0</v>
      </c>
      <c r="CN16" s="261">
        <v>0</v>
      </c>
      <c r="CO16" s="258">
        <v>0</v>
      </c>
      <c r="CP16" s="260">
        <v>0</v>
      </c>
      <c r="CQ16" s="261">
        <v>0</v>
      </c>
      <c r="CR16" s="261">
        <v>0</v>
      </c>
      <c r="CS16" s="261">
        <v>0</v>
      </c>
      <c r="CT16" s="261">
        <v>0</v>
      </c>
      <c r="CU16" s="261">
        <v>0</v>
      </c>
      <c r="CV16" s="258">
        <v>0</v>
      </c>
      <c r="CW16" s="263">
        <v>0</v>
      </c>
      <c r="CX16" s="257">
        <v>0</v>
      </c>
      <c r="CY16" s="261">
        <v>0</v>
      </c>
      <c r="CZ16" s="258">
        <v>0</v>
      </c>
      <c r="DA16" s="260">
        <v>0</v>
      </c>
      <c r="DB16" s="261">
        <v>0</v>
      </c>
      <c r="DC16" s="261">
        <v>0</v>
      </c>
      <c r="DD16" s="261">
        <v>0</v>
      </c>
      <c r="DE16" s="261">
        <v>0</v>
      </c>
      <c r="DF16" s="261">
        <v>0</v>
      </c>
      <c r="DG16" s="258">
        <v>0</v>
      </c>
      <c r="DH16" s="263">
        <v>0</v>
      </c>
    </row>
    <row r="17" spans="2:112" ht="21" customHeight="1" x14ac:dyDescent="0.2">
      <c r="B17" s="472" t="s">
        <v>15</v>
      </c>
      <c r="C17" s="257">
        <v>0</v>
      </c>
      <c r="D17" s="261">
        <v>0</v>
      </c>
      <c r="E17" s="358">
        <v>0</v>
      </c>
      <c r="F17" s="260">
        <v>0</v>
      </c>
      <c r="G17" s="261">
        <v>98</v>
      </c>
      <c r="H17" s="261">
        <v>69</v>
      </c>
      <c r="I17" s="261">
        <v>154</v>
      </c>
      <c r="J17" s="261">
        <v>428</v>
      </c>
      <c r="K17" s="261">
        <v>106</v>
      </c>
      <c r="L17" s="262">
        <v>855</v>
      </c>
      <c r="M17" s="263">
        <v>855</v>
      </c>
      <c r="N17" s="257">
        <v>0</v>
      </c>
      <c r="O17" s="261">
        <v>0</v>
      </c>
      <c r="P17" s="258">
        <v>0</v>
      </c>
      <c r="Q17" s="260">
        <v>0</v>
      </c>
      <c r="R17" s="261">
        <v>0</v>
      </c>
      <c r="S17" s="261">
        <v>6</v>
      </c>
      <c r="T17" s="261">
        <v>0</v>
      </c>
      <c r="U17" s="261">
        <v>1</v>
      </c>
      <c r="V17" s="261">
        <v>0</v>
      </c>
      <c r="W17" s="258">
        <v>7</v>
      </c>
      <c r="X17" s="263">
        <v>7</v>
      </c>
      <c r="Y17" s="257">
        <v>0</v>
      </c>
      <c r="Z17" s="261">
        <v>9</v>
      </c>
      <c r="AA17" s="258">
        <v>9</v>
      </c>
      <c r="AB17" s="260">
        <v>0</v>
      </c>
      <c r="AC17" s="261">
        <v>54</v>
      </c>
      <c r="AD17" s="261">
        <v>49</v>
      </c>
      <c r="AE17" s="261">
        <v>57</v>
      </c>
      <c r="AF17" s="261">
        <v>13</v>
      </c>
      <c r="AG17" s="261">
        <v>0</v>
      </c>
      <c r="AH17" s="258">
        <v>173</v>
      </c>
      <c r="AI17" s="263">
        <v>182</v>
      </c>
      <c r="AJ17" s="257">
        <v>0</v>
      </c>
      <c r="AK17" s="261">
        <v>0</v>
      </c>
      <c r="AL17" s="258">
        <v>0</v>
      </c>
      <c r="AM17" s="260">
        <v>0</v>
      </c>
      <c r="AN17" s="261">
        <v>13</v>
      </c>
      <c r="AO17" s="261">
        <v>12</v>
      </c>
      <c r="AP17" s="261">
        <v>0</v>
      </c>
      <c r="AQ17" s="261">
        <v>0</v>
      </c>
      <c r="AR17" s="261">
        <v>0</v>
      </c>
      <c r="AS17" s="258">
        <v>25</v>
      </c>
      <c r="AT17" s="263">
        <v>25</v>
      </c>
      <c r="AU17" s="257">
        <v>0</v>
      </c>
      <c r="AV17" s="261">
        <v>0</v>
      </c>
      <c r="AW17" s="258">
        <v>0</v>
      </c>
      <c r="AX17" s="260">
        <v>0</v>
      </c>
      <c r="AY17" s="261">
        <v>6</v>
      </c>
      <c r="AZ17" s="261">
        <v>38</v>
      </c>
      <c r="BA17" s="261">
        <v>34</v>
      </c>
      <c r="BB17" s="261">
        <v>30</v>
      </c>
      <c r="BC17" s="261">
        <v>0</v>
      </c>
      <c r="BD17" s="262">
        <v>108</v>
      </c>
      <c r="BE17" s="263">
        <v>108</v>
      </c>
      <c r="BF17" s="257">
        <v>0</v>
      </c>
      <c r="BG17" s="261">
        <v>0</v>
      </c>
      <c r="BH17" s="258">
        <v>0</v>
      </c>
      <c r="BI17" s="260">
        <v>0</v>
      </c>
      <c r="BJ17" s="261">
        <v>8</v>
      </c>
      <c r="BK17" s="261">
        <v>26</v>
      </c>
      <c r="BL17" s="261">
        <v>31</v>
      </c>
      <c r="BM17" s="261">
        <v>0</v>
      </c>
      <c r="BN17" s="261">
        <v>0</v>
      </c>
      <c r="BO17" s="258">
        <v>65</v>
      </c>
      <c r="BP17" s="263">
        <v>65</v>
      </c>
      <c r="BQ17" s="257">
        <v>0</v>
      </c>
      <c r="BR17" s="261">
        <v>0</v>
      </c>
      <c r="BS17" s="258">
        <v>0</v>
      </c>
      <c r="BT17" s="260">
        <v>0</v>
      </c>
      <c r="BU17" s="261">
        <v>5</v>
      </c>
      <c r="BV17" s="261">
        <v>12</v>
      </c>
      <c r="BW17" s="261">
        <v>5</v>
      </c>
      <c r="BX17" s="261">
        <v>42</v>
      </c>
      <c r="BY17" s="261">
        <v>0</v>
      </c>
      <c r="BZ17" s="258">
        <v>64</v>
      </c>
      <c r="CA17" s="263">
        <v>64</v>
      </c>
      <c r="CB17" s="257">
        <v>0</v>
      </c>
      <c r="CC17" s="261">
        <v>0</v>
      </c>
      <c r="CD17" s="258">
        <v>0</v>
      </c>
      <c r="CE17" s="260">
        <v>0</v>
      </c>
      <c r="CF17" s="261">
        <v>0</v>
      </c>
      <c r="CG17" s="261">
        <v>0</v>
      </c>
      <c r="CH17" s="261">
        <v>3</v>
      </c>
      <c r="CI17" s="261">
        <v>0</v>
      </c>
      <c r="CJ17" s="261">
        <v>0</v>
      </c>
      <c r="CK17" s="258">
        <v>3</v>
      </c>
      <c r="CL17" s="263">
        <v>3</v>
      </c>
      <c r="CM17" s="257">
        <v>0</v>
      </c>
      <c r="CN17" s="261">
        <v>0</v>
      </c>
      <c r="CO17" s="258">
        <v>0</v>
      </c>
      <c r="CP17" s="260">
        <v>0</v>
      </c>
      <c r="CQ17" s="261">
        <v>0</v>
      </c>
      <c r="CR17" s="261">
        <v>0</v>
      </c>
      <c r="CS17" s="261">
        <v>0</v>
      </c>
      <c r="CT17" s="261">
        <v>0</v>
      </c>
      <c r="CU17" s="261">
        <v>0</v>
      </c>
      <c r="CV17" s="258">
        <v>0</v>
      </c>
      <c r="CW17" s="263">
        <v>0</v>
      </c>
      <c r="CX17" s="257">
        <v>0</v>
      </c>
      <c r="CY17" s="261">
        <v>0</v>
      </c>
      <c r="CZ17" s="258">
        <v>0</v>
      </c>
      <c r="DA17" s="260">
        <v>0</v>
      </c>
      <c r="DB17" s="261">
        <v>0</v>
      </c>
      <c r="DC17" s="261">
        <v>0</v>
      </c>
      <c r="DD17" s="261">
        <v>0</v>
      </c>
      <c r="DE17" s="261">
        <v>0</v>
      </c>
      <c r="DF17" s="261">
        <v>0</v>
      </c>
      <c r="DG17" s="258">
        <v>0</v>
      </c>
      <c r="DH17" s="263">
        <v>0</v>
      </c>
    </row>
    <row r="18" spans="2:112" ht="21" customHeight="1" x14ac:dyDescent="0.2">
      <c r="B18" s="472" t="s">
        <v>16</v>
      </c>
      <c r="C18" s="257">
        <v>0</v>
      </c>
      <c r="D18" s="261">
        <v>0</v>
      </c>
      <c r="E18" s="358">
        <v>0</v>
      </c>
      <c r="F18" s="260">
        <v>0</v>
      </c>
      <c r="G18" s="261">
        <v>131</v>
      </c>
      <c r="H18" s="261">
        <v>138</v>
      </c>
      <c r="I18" s="261">
        <v>143</v>
      </c>
      <c r="J18" s="261">
        <v>22</v>
      </c>
      <c r="K18" s="261">
        <v>67</v>
      </c>
      <c r="L18" s="262">
        <v>501</v>
      </c>
      <c r="M18" s="263">
        <v>501</v>
      </c>
      <c r="N18" s="257">
        <v>0</v>
      </c>
      <c r="O18" s="261">
        <v>0</v>
      </c>
      <c r="P18" s="258">
        <v>0</v>
      </c>
      <c r="Q18" s="260">
        <v>0</v>
      </c>
      <c r="R18" s="261">
        <v>0</v>
      </c>
      <c r="S18" s="261">
        <v>1</v>
      </c>
      <c r="T18" s="261">
        <v>0</v>
      </c>
      <c r="U18" s="261">
        <v>6</v>
      </c>
      <c r="V18" s="261">
        <v>17</v>
      </c>
      <c r="W18" s="258">
        <v>24</v>
      </c>
      <c r="X18" s="263">
        <v>24</v>
      </c>
      <c r="Y18" s="257">
        <v>22</v>
      </c>
      <c r="Z18" s="261">
        <v>15</v>
      </c>
      <c r="AA18" s="258">
        <v>37</v>
      </c>
      <c r="AB18" s="260">
        <v>0</v>
      </c>
      <c r="AC18" s="261">
        <v>159</v>
      </c>
      <c r="AD18" s="261">
        <v>198</v>
      </c>
      <c r="AE18" s="261">
        <v>63</v>
      </c>
      <c r="AF18" s="261">
        <v>51</v>
      </c>
      <c r="AG18" s="261">
        <v>11</v>
      </c>
      <c r="AH18" s="258">
        <v>482</v>
      </c>
      <c r="AI18" s="263">
        <v>519</v>
      </c>
      <c r="AJ18" s="257">
        <v>0</v>
      </c>
      <c r="AK18" s="261">
        <v>18</v>
      </c>
      <c r="AL18" s="258">
        <v>18</v>
      </c>
      <c r="AM18" s="260">
        <v>0</v>
      </c>
      <c r="AN18" s="261">
        <v>12</v>
      </c>
      <c r="AO18" s="261">
        <v>31</v>
      </c>
      <c r="AP18" s="261">
        <v>0</v>
      </c>
      <c r="AQ18" s="261">
        <v>0</v>
      </c>
      <c r="AR18" s="261">
        <v>0</v>
      </c>
      <c r="AS18" s="258">
        <v>43</v>
      </c>
      <c r="AT18" s="263">
        <v>61</v>
      </c>
      <c r="AU18" s="257">
        <v>0</v>
      </c>
      <c r="AV18" s="261">
        <v>0</v>
      </c>
      <c r="AW18" s="258">
        <v>0</v>
      </c>
      <c r="AX18" s="260">
        <v>0</v>
      </c>
      <c r="AY18" s="261">
        <v>161</v>
      </c>
      <c r="AZ18" s="261">
        <v>248</v>
      </c>
      <c r="BA18" s="261">
        <v>143</v>
      </c>
      <c r="BB18" s="261">
        <v>52</v>
      </c>
      <c r="BC18" s="261">
        <v>4</v>
      </c>
      <c r="BD18" s="262">
        <v>608</v>
      </c>
      <c r="BE18" s="263">
        <v>608</v>
      </c>
      <c r="BF18" s="257">
        <v>0</v>
      </c>
      <c r="BG18" s="261">
        <v>0</v>
      </c>
      <c r="BH18" s="258">
        <v>0</v>
      </c>
      <c r="BI18" s="260">
        <v>0</v>
      </c>
      <c r="BJ18" s="261">
        <v>80</v>
      </c>
      <c r="BK18" s="261">
        <v>191</v>
      </c>
      <c r="BL18" s="261">
        <v>99</v>
      </c>
      <c r="BM18" s="261">
        <v>18</v>
      </c>
      <c r="BN18" s="261">
        <v>0</v>
      </c>
      <c r="BO18" s="258">
        <v>388</v>
      </c>
      <c r="BP18" s="263">
        <v>388</v>
      </c>
      <c r="BQ18" s="257">
        <v>0</v>
      </c>
      <c r="BR18" s="261">
        <v>2</v>
      </c>
      <c r="BS18" s="258">
        <v>2</v>
      </c>
      <c r="BT18" s="260">
        <v>0</v>
      </c>
      <c r="BU18" s="261">
        <v>0</v>
      </c>
      <c r="BV18" s="261">
        <v>22</v>
      </c>
      <c r="BW18" s="261">
        <v>33</v>
      </c>
      <c r="BX18" s="261">
        <v>40</v>
      </c>
      <c r="BY18" s="261">
        <v>0</v>
      </c>
      <c r="BZ18" s="258">
        <v>95</v>
      </c>
      <c r="CA18" s="263">
        <v>97</v>
      </c>
      <c r="CB18" s="257">
        <v>0</v>
      </c>
      <c r="CC18" s="261">
        <v>0</v>
      </c>
      <c r="CD18" s="258">
        <v>0</v>
      </c>
      <c r="CE18" s="260">
        <v>0</v>
      </c>
      <c r="CF18" s="261">
        <v>1</v>
      </c>
      <c r="CG18" s="261">
        <v>2</v>
      </c>
      <c r="CH18" s="261">
        <v>8</v>
      </c>
      <c r="CI18" s="261">
        <v>0</v>
      </c>
      <c r="CJ18" s="261">
        <v>0</v>
      </c>
      <c r="CK18" s="258">
        <v>11</v>
      </c>
      <c r="CL18" s="263">
        <v>11</v>
      </c>
      <c r="CM18" s="257">
        <v>0</v>
      </c>
      <c r="CN18" s="261">
        <v>0</v>
      </c>
      <c r="CO18" s="258">
        <v>0</v>
      </c>
      <c r="CP18" s="260">
        <v>0</v>
      </c>
      <c r="CQ18" s="261">
        <v>0</v>
      </c>
      <c r="CR18" s="261">
        <v>0</v>
      </c>
      <c r="CS18" s="261">
        <v>0</v>
      </c>
      <c r="CT18" s="261">
        <v>0</v>
      </c>
      <c r="CU18" s="261">
        <v>0</v>
      </c>
      <c r="CV18" s="258">
        <v>0</v>
      </c>
      <c r="CW18" s="263">
        <v>0</v>
      </c>
      <c r="CX18" s="257">
        <v>0</v>
      </c>
      <c r="CY18" s="261">
        <v>0</v>
      </c>
      <c r="CZ18" s="258">
        <v>0</v>
      </c>
      <c r="DA18" s="260">
        <v>0</v>
      </c>
      <c r="DB18" s="261">
        <v>0</v>
      </c>
      <c r="DC18" s="261">
        <v>0</v>
      </c>
      <c r="DD18" s="261">
        <v>0</v>
      </c>
      <c r="DE18" s="261">
        <v>0</v>
      </c>
      <c r="DF18" s="261">
        <v>0</v>
      </c>
      <c r="DG18" s="258">
        <v>0</v>
      </c>
      <c r="DH18" s="263">
        <v>0</v>
      </c>
    </row>
    <row r="19" spans="2:112" ht="21" customHeight="1" x14ac:dyDescent="0.2">
      <c r="B19" s="472" t="s">
        <v>17</v>
      </c>
      <c r="C19" s="257">
        <v>0</v>
      </c>
      <c r="D19" s="261">
        <v>0</v>
      </c>
      <c r="E19" s="358">
        <v>0</v>
      </c>
      <c r="F19" s="260">
        <v>0</v>
      </c>
      <c r="G19" s="261">
        <v>100</v>
      </c>
      <c r="H19" s="261">
        <v>263</v>
      </c>
      <c r="I19" s="261">
        <v>301</v>
      </c>
      <c r="J19" s="261">
        <v>4</v>
      </c>
      <c r="K19" s="261">
        <v>403</v>
      </c>
      <c r="L19" s="262">
        <v>1071</v>
      </c>
      <c r="M19" s="263">
        <v>1071</v>
      </c>
      <c r="N19" s="257">
        <v>0</v>
      </c>
      <c r="O19" s="261">
        <v>0</v>
      </c>
      <c r="P19" s="258">
        <v>0</v>
      </c>
      <c r="Q19" s="260">
        <v>0</v>
      </c>
      <c r="R19" s="261">
        <v>0</v>
      </c>
      <c r="S19" s="261">
        <v>0</v>
      </c>
      <c r="T19" s="261">
        <v>4</v>
      </c>
      <c r="U19" s="261">
        <v>6</v>
      </c>
      <c r="V19" s="261">
        <v>13</v>
      </c>
      <c r="W19" s="258">
        <v>23</v>
      </c>
      <c r="X19" s="263">
        <v>23</v>
      </c>
      <c r="Y19" s="257">
        <v>0</v>
      </c>
      <c r="Z19" s="261">
        <v>10</v>
      </c>
      <c r="AA19" s="258">
        <v>10</v>
      </c>
      <c r="AB19" s="260">
        <v>0</v>
      </c>
      <c r="AC19" s="261">
        <v>107</v>
      </c>
      <c r="AD19" s="261">
        <v>116</v>
      </c>
      <c r="AE19" s="261">
        <v>123</v>
      </c>
      <c r="AF19" s="261">
        <v>14</v>
      </c>
      <c r="AG19" s="261">
        <v>42</v>
      </c>
      <c r="AH19" s="258">
        <v>402</v>
      </c>
      <c r="AI19" s="263">
        <v>412</v>
      </c>
      <c r="AJ19" s="257">
        <v>0</v>
      </c>
      <c r="AK19" s="261">
        <v>9</v>
      </c>
      <c r="AL19" s="258">
        <v>9</v>
      </c>
      <c r="AM19" s="260">
        <v>0</v>
      </c>
      <c r="AN19" s="261">
        <v>0</v>
      </c>
      <c r="AO19" s="261">
        <v>12</v>
      </c>
      <c r="AP19" s="261">
        <v>24</v>
      </c>
      <c r="AQ19" s="261">
        <v>0</v>
      </c>
      <c r="AR19" s="261">
        <v>0</v>
      </c>
      <c r="AS19" s="258">
        <v>36</v>
      </c>
      <c r="AT19" s="263">
        <v>45</v>
      </c>
      <c r="AU19" s="257">
        <v>0</v>
      </c>
      <c r="AV19" s="261">
        <v>0</v>
      </c>
      <c r="AW19" s="258">
        <v>0</v>
      </c>
      <c r="AX19" s="260">
        <v>0</v>
      </c>
      <c r="AY19" s="261">
        <v>162</v>
      </c>
      <c r="AZ19" s="261">
        <v>254</v>
      </c>
      <c r="BA19" s="261">
        <v>61</v>
      </c>
      <c r="BB19" s="261">
        <v>40</v>
      </c>
      <c r="BC19" s="261">
        <v>25</v>
      </c>
      <c r="BD19" s="262">
        <v>542</v>
      </c>
      <c r="BE19" s="263">
        <v>542</v>
      </c>
      <c r="BF19" s="257">
        <v>0</v>
      </c>
      <c r="BG19" s="261">
        <v>0</v>
      </c>
      <c r="BH19" s="258">
        <v>0</v>
      </c>
      <c r="BI19" s="260">
        <v>0</v>
      </c>
      <c r="BJ19" s="261">
        <v>12</v>
      </c>
      <c r="BK19" s="261">
        <v>83</v>
      </c>
      <c r="BL19" s="261">
        <v>40</v>
      </c>
      <c r="BM19" s="261">
        <v>9</v>
      </c>
      <c r="BN19" s="261">
        <v>21</v>
      </c>
      <c r="BO19" s="258">
        <v>165</v>
      </c>
      <c r="BP19" s="263">
        <v>165</v>
      </c>
      <c r="BQ19" s="257">
        <v>0</v>
      </c>
      <c r="BR19" s="261">
        <v>0</v>
      </c>
      <c r="BS19" s="258">
        <v>0</v>
      </c>
      <c r="BT19" s="260">
        <v>0</v>
      </c>
      <c r="BU19" s="261">
        <v>25</v>
      </c>
      <c r="BV19" s="261">
        <v>80</v>
      </c>
      <c r="BW19" s="261">
        <v>36</v>
      </c>
      <c r="BX19" s="261">
        <v>95</v>
      </c>
      <c r="BY19" s="261">
        <v>44</v>
      </c>
      <c r="BZ19" s="258">
        <v>280</v>
      </c>
      <c r="CA19" s="263">
        <v>280</v>
      </c>
      <c r="CB19" s="257">
        <v>0</v>
      </c>
      <c r="CC19" s="261">
        <v>0</v>
      </c>
      <c r="CD19" s="258">
        <v>0</v>
      </c>
      <c r="CE19" s="260">
        <v>0</v>
      </c>
      <c r="CF19" s="261">
        <v>0</v>
      </c>
      <c r="CG19" s="261">
        <v>2</v>
      </c>
      <c r="CH19" s="261">
        <v>9</v>
      </c>
      <c r="CI19" s="261">
        <v>3</v>
      </c>
      <c r="CJ19" s="261">
        <v>0</v>
      </c>
      <c r="CK19" s="258">
        <v>14</v>
      </c>
      <c r="CL19" s="263">
        <v>14</v>
      </c>
      <c r="CM19" s="257">
        <v>0</v>
      </c>
      <c r="CN19" s="261">
        <v>0</v>
      </c>
      <c r="CO19" s="258">
        <v>0</v>
      </c>
      <c r="CP19" s="260">
        <v>0</v>
      </c>
      <c r="CQ19" s="261">
        <v>0</v>
      </c>
      <c r="CR19" s="261">
        <v>0</v>
      </c>
      <c r="CS19" s="261">
        <v>0</v>
      </c>
      <c r="CT19" s="261">
        <v>0</v>
      </c>
      <c r="CU19" s="261">
        <v>0</v>
      </c>
      <c r="CV19" s="258">
        <v>0</v>
      </c>
      <c r="CW19" s="263">
        <v>0</v>
      </c>
      <c r="CX19" s="257">
        <v>0</v>
      </c>
      <c r="CY19" s="261">
        <v>0</v>
      </c>
      <c r="CZ19" s="258">
        <v>0</v>
      </c>
      <c r="DA19" s="260">
        <v>0</v>
      </c>
      <c r="DB19" s="261">
        <v>0</v>
      </c>
      <c r="DC19" s="261">
        <v>0</v>
      </c>
      <c r="DD19" s="261">
        <v>0</v>
      </c>
      <c r="DE19" s="261">
        <v>0</v>
      </c>
      <c r="DF19" s="261">
        <v>0</v>
      </c>
      <c r="DG19" s="258">
        <v>0</v>
      </c>
      <c r="DH19" s="263">
        <v>0</v>
      </c>
    </row>
    <row r="20" spans="2:112" ht="21" customHeight="1" x14ac:dyDescent="0.2">
      <c r="B20" s="472" t="s">
        <v>18</v>
      </c>
      <c r="C20" s="257">
        <v>0</v>
      </c>
      <c r="D20" s="261">
        <v>0</v>
      </c>
      <c r="E20" s="358">
        <v>0</v>
      </c>
      <c r="F20" s="260">
        <v>0</v>
      </c>
      <c r="G20" s="261">
        <v>349</v>
      </c>
      <c r="H20" s="261">
        <v>348</v>
      </c>
      <c r="I20" s="261">
        <v>540</v>
      </c>
      <c r="J20" s="261">
        <v>691</v>
      </c>
      <c r="K20" s="261">
        <v>107</v>
      </c>
      <c r="L20" s="262">
        <v>2035</v>
      </c>
      <c r="M20" s="263">
        <v>2035</v>
      </c>
      <c r="N20" s="257">
        <v>0</v>
      </c>
      <c r="O20" s="261">
        <v>0</v>
      </c>
      <c r="P20" s="258">
        <v>0</v>
      </c>
      <c r="Q20" s="260">
        <v>0</v>
      </c>
      <c r="R20" s="261">
        <v>5</v>
      </c>
      <c r="S20" s="261">
        <v>0</v>
      </c>
      <c r="T20" s="261">
        <v>6</v>
      </c>
      <c r="U20" s="261">
        <v>0</v>
      </c>
      <c r="V20" s="261">
        <v>15</v>
      </c>
      <c r="W20" s="258">
        <v>26</v>
      </c>
      <c r="X20" s="263">
        <v>26</v>
      </c>
      <c r="Y20" s="257">
        <v>28</v>
      </c>
      <c r="Z20" s="261">
        <v>50</v>
      </c>
      <c r="AA20" s="258">
        <v>78</v>
      </c>
      <c r="AB20" s="260">
        <v>0</v>
      </c>
      <c r="AC20" s="261">
        <v>157</v>
      </c>
      <c r="AD20" s="261">
        <v>224</v>
      </c>
      <c r="AE20" s="261">
        <v>150</v>
      </c>
      <c r="AF20" s="261">
        <v>80</v>
      </c>
      <c r="AG20" s="261">
        <v>54</v>
      </c>
      <c r="AH20" s="258">
        <v>665</v>
      </c>
      <c r="AI20" s="263">
        <v>743</v>
      </c>
      <c r="AJ20" s="257">
        <v>0</v>
      </c>
      <c r="AK20" s="261">
        <v>21</v>
      </c>
      <c r="AL20" s="258">
        <v>21</v>
      </c>
      <c r="AM20" s="260">
        <v>0</v>
      </c>
      <c r="AN20" s="261">
        <v>44</v>
      </c>
      <c r="AO20" s="261">
        <v>42</v>
      </c>
      <c r="AP20" s="261">
        <v>0</v>
      </c>
      <c r="AQ20" s="261">
        <v>111</v>
      </c>
      <c r="AR20" s="261">
        <v>0</v>
      </c>
      <c r="AS20" s="258">
        <v>197</v>
      </c>
      <c r="AT20" s="263">
        <v>218</v>
      </c>
      <c r="AU20" s="257">
        <v>0</v>
      </c>
      <c r="AV20" s="261">
        <v>0</v>
      </c>
      <c r="AW20" s="258">
        <v>0</v>
      </c>
      <c r="AX20" s="260">
        <v>0</v>
      </c>
      <c r="AY20" s="261">
        <v>391</v>
      </c>
      <c r="AZ20" s="261">
        <v>404</v>
      </c>
      <c r="BA20" s="261">
        <v>220</v>
      </c>
      <c r="BB20" s="261">
        <v>87</v>
      </c>
      <c r="BC20" s="261">
        <v>8</v>
      </c>
      <c r="BD20" s="262">
        <v>1110</v>
      </c>
      <c r="BE20" s="263">
        <v>1110</v>
      </c>
      <c r="BF20" s="257">
        <v>0</v>
      </c>
      <c r="BG20" s="261">
        <v>0</v>
      </c>
      <c r="BH20" s="258">
        <v>0</v>
      </c>
      <c r="BI20" s="260">
        <v>0</v>
      </c>
      <c r="BJ20" s="261">
        <v>82</v>
      </c>
      <c r="BK20" s="261">
        <v>86</v>
      </c>
      <c r="BL20" s="261">
        <v>50</v>
      </c>
      <c r="BM20" s="261">
        <v>10</v>
      </c>
      <c r="BN20" s="261">
        <v>8</v>
      </c>
      <c r="BO20" s="258">
        <v>236</v>
      </c>
      <c r="BP20" s="263">
        <v>236</v>
      </c>
      <c r="BQ20" s="257">
        <v>0</v>
      </c>
      <c r="BR20" s="261">
        <v>3</v>
      </c>
      <c r="BS20" s="258">
        <v>3</v>
      </c>
      <c r="BT20" s="260">
        <v>0</v>
      </c>
      <c r="BU20" s="261">
        <v>14</v>
      </c>
      <c r="BV20" s="261">
        <v>62</v>
      </c>
      <c r="BW20" s="261">
        <v>120</v>
      </c>
      <c r="BX20" s="261">
        <v>150</v>
      </c>
      <c r="BY20" s="261">
        <v>27</v>
      </c>
      <c r="BZ20" s="258">
        <v>373</v>
      </c>
      <c r="CA20" s="263">
        <v>376</v>
      </c>
      <c r="CB20" s="257">
        <v>0</v>
      </c>
      <c r="CC20" s="261">
        <v>0</v>
      </c>
      <c r="CD20" s="258">
        <v>0</v>
      </c>
      <c r="CE20" s="260">
        <v>0</v>
      </c>
      <c r="CF20" s="261">
        <v>0</v>
      </c>
      <c r="CG20" s="261">
        <v>0</v>
      </c>
      <c r="CH20" s="261">
        <v>0</v>
      </c>
      <c r="CI20" s="261">
        <v>0</v>
      </c>
      <c r="CJ20" s="261">
        <v>0</v>
      </c>
      <c r="CK20" s="258">
        <v>0</v>
      </c>
      <c r="CL20" s="263">
        <v>0</v>
      </c>
      <c r="CM20" s="257">
        <v>0</v>
      </c>
      <c r="CN20" s="261">
        <v>0</v>
      </c>
      <c r="CO20" s="258">
        <v>0</v>
      </c>
      <c r="CP20" s="260">
        <v>0</v>
      </c>
      <c r="CQ20" s="261">
        <v>0</v>
      </c>
      <c r="CR20" s="261">
        <v>0</v>
      </c>
      <c r="CS20" s="261">
        <v>0</v>
      </c>
      <c r="CT20" s="261">
        <v>0</v>
      </c>
      <c r="CU20" s="261">
        <v>0</v>
      </c>
      <c r="CV20" s="258">
        <v>0</v>
      </c>
      <c r="CW20" s="263">
        <v>0</v>
      </c>
      <c r="CX20" s="257">
        <v>0</v>
      </c>
      <c r="CY20" s="261">
        <v>0</v>
      </c>
      <c r="CZ20" s="258">
        <v>0</v>
      </c>
      <c r="DA20" s="260">
        <v>0</v>
      </c>
      <c r="DB20" s="261">
        <v>0</v>
      </c>
      <c r="DC20" s="261">
        <v>0</v>
      </c>
      <c r="DD20" s="261">
        <v>0</v>
      </c>
      <c r="DE20" s="261">
        <v>0</v>
      </c>
      <c r="DF20" s="261">
        <v>0</v>
      </c>
      <c r="DG20" s="258">
        <v>0</v>
      </c>
      <c r="DH20" s="263">
        <v>0</v>
      </c>
    </row>
    <row r="21" spans="2:112" ht="21" customHeight="1" x14ac:dyDescent="0.2">
      <c r="B21" s="472" t="s">
        <v>19</v>
      </c>
      <c r="C21" s="257">
        <v>0</v>
      </c>
      <c r="D21" s="261">
        <v>0</v>
      </c>
      <c r="E21" s="358">
        <v>0</v>
      </c>
      <c r="F21" s="260">
        <v>0</v>
      </c>
      <c r="G21" s="261">
        <v>70</v>
      </c>
      <c r="H21" s="261">
        <v>139</v>
      </c>
      <c r="I21" s="261">
        <v>123</v>
      </c>
      <c r="J21" s="261">
        <v>120</v>
      </c>
      <c r="K21" s="261">
        <v>161</v>
      </c>
      <c r="L21" s="262">
        <v>613</v>
      </c>
      <c r="M21" s="263">
        <v>613</v>
      </c>
      <c r="N21" s="257">
        <v>0</v>
      </c>
      <c r="O21" s="261">
        <v>0</v>
      </c>
      <c r="P21" s="258">
        <v>0</v>
      </c>
      <c r="Q21" s="260">
        <v>0</v>
      </c>
      <c r="R21" s="261">
        <v>0</v>
      </c>
      <c r="S21" s="261">
        <v>4</v>
      </c>
      <c r="T21" s="261">
        <v>9</v>
      </c>
      <c r="U21" s="261">
        <v>12</v>
      </c>
      <c r="V21" s="261">
        <v>9</v>
      </c>
      <c r="W21" s="258">
        <v>34</v>
      </c>
      <c r="X21" s="263">
        <v>34</v>
      </c>
      <c r="Y21" s="257">
        <v>11</v>
      </c>
      <c r="Z21" s="261">
        <v>11</v>
      </c>
      <c r="AA21" s="258">
        <v>22</v>
      </c>
      <c r="AB21" s="260">
        <v>0</v>
      </c>
      <c r="AC21" s="261">
        <v>78</v>
      </c>
      <c r="AD21" s="261">
        <v>63</v>
      </c>
      <c r="AE21" s="261">
        <v>74</v>
      </c>
      <c r="AF21" s="261">
        <v>51</v>
      </c>
      <c r="AG21" s="261">
        <v>85</v>
      </c>
      <c r="AH21" s="258">
        <v>351</v>
      </c>
      <c r="AI21" s="263">
        <v>373</v>
      </c>
      <c r="AJ21" s="257">
        <v>0</v>
      </c>
      <c r="AK21" s="261">
        <v>15</v>
      </c>
      <c r="AL21" s="258">
        <v>15</v>
      </c>
      <c r="AM21" s="260">
        <v>0</v>
      </c>
      <c r="AN21" s="261">
        <v>9</v>
      </c>
      <c r="AO21" s="261">
        <v>15</v>
      </c>
      <c r="AP21" s="261">
        <v>0</v>
      </c>
      <c r="AQ21" s="261">
        <v>0</v>
      </c>
      <c r="AR21" s="261">
        <v>0</v>
      </c>
      <c r="AS21" s="258">
        <v>24</v>
      </c>
      <c r="AT21" s="263">
        <v>39</v>
      </c>
      <c r="AU21" s="257">
        <v>0</v>
      </c>
      <c r="AV21" s="261">
        <v>0</v>
      </c>
      <c r="AW21" s="258">
        <v>0</v>
      </c>
      <c r="AX21" s="260">
        <v>0</v>
      </c>
      <c r="AY21" s="261">
        <v>198</v>
      </c>
      <c r="AZ21" s="261">
        <v>116</v>
      </c>
      <c r="BA21" s="261">
        <v>69</v>
      </c>
      <c r="BB21" s="261">
        <v>12</v>
      </c>
      <c r="BC21" s="261">
        <v>2</v>
      </c>
      <c r="BD21" s="262">
        <v>397</v>
      </c>
      <c r="BE21" s="263">
        <v>397</v>
      </c>
      <c r="BF21" s="257">
        <v>0</v>
      </c>
      <c r="BG21" s="261">
        <v>0</v>
      </c>
      <c r="BH21" s="258">
        <v>0</v>
      </c>
      <c r="BI21" s="260">
        <v>0</v>
      </c>
      <c r="BJ21" s="261">
        <v>80</v>
      </c>
      <c r="BK21" s="261">
        <v>42</v>
      </c>
      <c r="BL21" s="261">
        <v>21</v>
      </c>
      <c r="BM21" s="261">
        <v>7</v>
      </c>
      <c r="BN21" s="261">
        <v>0</v>
      </c>
      <c r="BO21" s="258">
        <v>150</v>
      </c>
      <c r="BP21" s="263">
        <v>150</v>
      </c>
      <c r="BQ21" s="257">
        <v>0</v>
      </c>
      <c r="BR21" s="261">
        <v>0</v>
      </c>
      <c r="BS21" s="258">
        <v>0</v>
      </c>
      <c r="BT21" s="260">
        <v>0</v>
      </c>
      <c r="BU21" s="261">
        <v>8</v>
      </c>
      <c r="BV21" s="261">
        <v>0</v>
      </c>
      <c r="BW21" s="261">
        <v>16</v>
      </c>
      <c r="BX21" s="261">
        <v>4</v>
      </c>
      <c r="BY21" s="261">
        <v>30</v>
      </c>
      <c r="BZ21" s="258">
        <v>58</v>
      </c>
      <c r="CA21" s="263">
        <v>58</v>
      </c>
      <c r="CB21" s="257">
        <v>0</v>
      </c>
      <c r="CC21" s="261">
        <v>0</v>
      </c>
      <c r="CD21" s="258">
        <v>0</v>
      </c>
      <c r="CE21" s="260">
        <v>0</v>
      </c>
      <c r="CF21" s="261">
        <v>0</v>
      </c>
      <c r="CG21" s="261">
        <v>3</v>
      </c>
      <c r="CH21" s="261">
        <v>0</v>
      </c>
      <c r="CI21" s="261">
        <v>0</v>
      </c>
      <c r="CJ21" s="261">
        <v>0</v>
      </c>
      <c r="CK21" s="258">
        <v>3</v>
      </c>
      <c r="CL21" s="263">
        <v>3</v>
      </c>
      <c r="CM21" s="257">
        <v>0</v>
      </c>
      <c r="CN21" s="261">
        <v>0</v>
      </c>
      <c r="CO21" s="258">
        <v>0</v>
      </c>
      <c r="CP21" s="260">
        <v>0</v>
      </c>
      <c r="CQ21" s="261">
        <v>0</v>
      </c>
      <c r="CR21" s="261">
        <v>0</v>
      </c>
      <c r="CS21" s="261">
        <v>0</v>
      </c>
      <c r="CT21" s="261">
        <v>0</v>
      </c>
      <c r="CU21" s="261">
        <v>0</v>
      </c>
      <c r="CV21" s="258">
        <v>0</v>
      </c>
      <c r="CW21" s="263">
        <v>0</v>
      </c>
      <c r="CX21" s="257">
        <v>0</v>
      </c>
      <c r="CY21" s="261">
        <v>0</v>
      </c>
      <c r="CZ21" s="258">
        <v>0</v>
      </c>
      <c r="DA21" s="260">
        <v>0</v>
      </c>
      <c r="DB21" s="261">
        <v>0</v>
      </c>
      <c r="DC21" s="261">
        <v>0</v>
      </c>
      <c r="DD21" s="261">
        <v>0</v>
      </c>
      <c r="DE21" s="261">
        <v>0</v>
      </c>
      <c r="DF21" s="261">
        <v>0</v>
      </c>
      <c r="DG21" s="258">
        <v>0</v>
      </c>
      <c r="DH21" s="263">
        <v>0</v>
      </c>
    </row>
    <row r="22" spans="2:112" ht="21" customHeight="1" x14ac:dyDescent="0.2">
      <c r="B22" s="472" t="s">
        <v>20</v>
      </c>
      <c r="C22" s="257">
        <v>0</v>
      </c>
      <c r="D22" s="261">
        <v>0</v>
      </c>
      <c r="E22" s="358">
        <v>0</v>
      </c>
      <c r="F22" s="260">
        <v>0</v>
      </c>
      <c r="G22" s="261">
        <v>363</v>
      </c>
      <c r="H22" s="261">
        <v>257</v>
      </c>
      <c r="I22" s="261">
        <v>180</v>
      </c>
      <c r="J22" s="261">
        <v>371</v>
      </c>
      <c r="K22" s="261">
        <v>399</v>
      </c>
      <c r="L22" s="262">
        <v>1570</v>
      </c>
      <c r="M22" s="263">
        <v>1570</v>
      </c>
      <c r="N22" s="257">
        <v>0</v>
      </c>
      <c r="O22" s="261">
        <v>0</v>
      </c>
      <c r="P22" s="258">
        <v>0</v>
      </c>
      <c r="Q22" s="260">
        <v>0</v>
      </c>
      <c r="R22" s="261">
        <v>0</v>
      </c>
      <c r="S22" s="261">
        <v>0</v>
      </c>
      <c r="T22" s="261">
        <v>9</v>
      </c>
      <c r="U22" s="261">
        <v>0</v>
      </c>
      <c r="V22" s="261">
        <v>15</v>
      </c>
      <c r="W22" s="258">
        <v>24</v>
      </c>
      <c r="X22" s="263">
        <v>24</v>
      </c>
      <c r="Y22" s="257">
        <v>25</v>
      </c>
      <c r="Z22" s="261">
        <v>8</v>
      </c>
      <c r="AA22" s="258">
        <v>33</v>
      </c>
      <c r="AB22" s="260">
        <v>0</v>
      </c>
      <c r="AC22" s="261">
        <v>215</v>
      </c>
      <c r="AD22" s="261">
        <v>133</v>
      </c>
      <c r="AE22" s="261">
        <v>121</v>
      </c>
      <c r="AF22" s="261">
        <v>45</v>
      </c>
      <c r="AG22" s="261">
        <v>116</v>
      </c>
      <c r="AH22" s="258">
        <v>630</v>
      </c>
      <c r="AI22" s="263">
        <v>663</v>
      </c>
      <c r="AJ22" s="257">
        <v>14</v>
      </c>
      <c r="AK22" s="261">
        <v>42</v>
      </c>
      <c r="AL22" s="258">
        <v>56</v>
      </c>
      <c r="AM22" s="260">
        <v>0</v>
      </c>
      <c r="AN22" s="261">
        <v>18</v>
      </c>
      <c r="AO22" s="261">
        <v>108</v>
      </c>
      <c r="AP22" s="261">
        <v>50</v>
      </c>
      <c r="AQ22" s="261">
        <v>26</v>
      </c>
      <c r="AR22" s="261">
        <v>31</v>
      </c>
      <c r="AS22" s="258">
        <v>233</v>
      </c>
      <c r="AT22" s="263">
        <v>289</v>
      </c>
      <c r="AU22" s="257">
        <v>0</v>
      </c>
      <c r="AV22" s="261">
        <v>0</v>
      </c>
      <c r="AW22" s="258">
        <v>0</v>
      </c>
      <c r="AX22" s="260">
        <v>0</v>
      </c>
      <c r="AY22" s="261">
        <v>256</v>
      </c>
      <c r="AZ22" s="261">
        <v>161</v>
      </c>
      <c r="BA22" s="261">
        <v>128</v>
      </c>
      <c r="BB22" s="261">
        <v>55</v>
      </c>
      <c r="BC22" s="261">
        <v>42</v>
      </c>
      <c r="BD22" s="262">
        <v>642</v>
      </c>
      <c r="BE22" s="263">
        <v>642</v>
      </c>
      <c r="BF22" s="257">
        <v>0</v>
      </c>
      <c r="BG22" s="261">
        <v>0</v>
      </c>
      <c r="BH22" s="258">
        <v>0</v>
      </c>
      <c r="BI22" s="260">
        <v>0</v>
      </c>
      <c r="BJ22" s="261">
        <v>76</v>
      </c>
      <c r="BK22" s="261">
        <v>76</v>
      </c>
      <c r="BL22" s="261">
        <v>30</v>
      </c>
      <c r="BM22" s="261">
        <v>11</v>
      </c>
      <c r="BN22" s="261">
        <v>8</v>
      </c>
      <c r="BO22" s="258">
        <v>201</v>
      </c>
      <c r="BP22" s="263">
        <v>201</v>
      </c>
      <c r="BQ22" s="257">
        <v>0</v>
      </c>
      <c r="BR22" s="261">
        <v>0</v>
      </c>
      <c r="BS22" s="258">
        <v>0</v>
      </c>
      <c r="BT22" s="260">
        <v>0</v>
      </c>
      <c r="BU22" s="261">
        <v>8</v>
      </c>
      <c r="BV22" s="261">
        <v>0</v>
      </c>
      <c r="BW22" s="261">
        <v>21</v>
      </c>
      <c r="BX22" s="261">
        <v>39</v>
      </c>
      <c r="BY22" s="261">
        <v>5</v>
      </c>
      <c r="BZ22" s="258">
        <v>73</v>
      </c>
      <c r="CA22" s="263">
        <v>73</v>
      </c>
      <c r="CB22" s="257">
        <v>0</v>
      </c>
      <c r="CC22" s="261">
        <v>0</v>
      </c>
      <c r="CD22" s="258">
        <v>0</v>
      </c>
      <c r="CE22" s="260">
        <v>0</v>
      </c>
      <c r="CF22" s="261">
        <v>0</v>
      </c>
      <c r="CG22" s="261">
        <v>0</v>
      </c>
      <c r="CH22" s="261">
        <v>6</v>
      </c>
      <c r="CI22" s="261">
        <v>5</v>
      </c>
      <c r="CJ22" s="261">
        <v>0</v>
      </c>
      <c r="CK22" s="258">
        <v>11</v>
      </c>
      <c r="CL22" s="263">
        <v>11</v>
      </c>
      <c r="CM22" s="257">
        <v>0</v>
      </c>
      <c r="CN22" s="261">
        <v>0</v>
      </c>
      <c r="CO22" s="258">
        <v>0</v>
      </c>
      <c r="CP22" s="260">
        <v>0</v>
      </c>
      <c r="CQ22" s="261">
        <v>0</v>
      </c>
      <c r="CR22" s="261">
        <v>0</v>
      </c>
      <c r="CS22" s="261">
        <v>0</v>
      </c>
      <c r="CT22" s="261">
        <v>0</v>
      </c>
      <c r="CU22" s="261">
        <v>0</v>
      </c>
      <c r="CV22" s="258">
        <v>0</v>
      </c>
      <c r="CW22" s="263">
        <v>0</v>
      </c>
      <c r="CX22" s="257">
        <v>0</v>
      </c>
      <c r="CY22" s="261">
        <v>0</v>
      </c>
      <c r="CZ22" s="258">
        <v>0</v>
      </c>
      <c r="DA22" s="260">
        <v>0</v>
      </c>
      <c r="DB22" s="261">
        <v>0</v>
      </c>
      <c r="DC22" s="261">
        <v>0</v>
      </c>
      <c r="DD22" s="261">
        <v>0</v>
      </c>
      <c r="DE22" s="261">
        <v>0</v>
      </c>
      <c r="DF22" s="261">
        <v>0</v>
      </c>
      <c r="DG22" s="258">
        <v>0</v>
      </c>
      <c r="DH22" s="263">
        <v>0</v>
      </c>
    </row>
    <row r="23" spans="2:112" ht="21" customHeight="1" x14ac:dyDescent="0.2">
      <c r="B23" s="472" t="s">
        <v>21</v>
      </c>
      <c r="C23" s="257">
        <v>0</v>
      </c>
      <c r="D23" s="261">
        <v>0</v>
      </c>
      <c r="E23" s="358">
        <v>0</v>
      </c>
      <c r="F23" s="260">
        <v>0</v>
      </c>
      <c r="G23" s="261">
        <v>123</v>
      </c>
      <c r="H23" s="261">
        <v>217</v>
      </c>
      <c r="I23" s="261">
        <v>88</v>
      </c>
      <c r="J23" s="261">
        <v>307</v>
      </c>
      <c r="K23" s="261">
        <v>421</v>
      </c>
      <c r="L23" s="262">
        <v>1156</v>
      </c>
      <c r="M23" s="263">
        <v>1156</v>
      </c>
      <c r="N23" s="257">
        <v>0</v>
      </c>
      <c r="O23" s="261">
        <v>0</v>
      </c>
      <c r="P23" s="258">
        <v>0</v>
      </c>
      <c r="Q23" s="260">
        <v>0</v>
      </c>
      <c r="R23" s="261">
        <v>0</v>
      </c>
      <c r="S23" s="261">
        <v>0</v>
      </c>
      <c r="T23" s="261">
        <v>0</v>
      </c>
      <c r="U23" s="261">
        <v>0</v>
      </c>
      <c r="V23" s="261">
        <v>13</v>
      </c>
      <c r="W23" s="258">
        <v>13</v>
      </c>
      <c r="X23" s="263">
        <v>13</v>
      </c>
      <c r="Y23" s="257">
        <v>38</v>
      </c>
      <c r="Z23" s="261">
        <v>13</v>
      </c>
      <c r="AA23" s="258">
        <v>51</v>
      </c>
      <c r="AB23" s="260">
        <v>0</v>
      </c>
      <c r="AC23" s="261">
        <v>112</v>
      </c>
      <c r="AD23" s="261">
        <v>284</v>
      </c>
      <c r="AE23" s="261">
        <v>76</v>
      </c>
      <c r="AF23" s="261">
        <v>110</v>
      </c>
      <c r="AG23" s="261">
        <v>41</v>
      </c>
      <c r="AH23" s="258">
        <v>623</v>
      </c>
      <c r="AI23" s="263">
        <v>674</v>
      </c>
      <c r="AJ23" s="257">
        <v>16</v>
      </c>
      <c r="AK23" s="261">
        <v>0</v>
      </c>
      <c r="AL23" s="258">
        <v>16</v>
      </c>
      <c r="AM23" s="260">
        <v>0</v>
      </c>
      <c r="AN23" s="261">
        <v>34</v>
      </c>
      <c r="AO23" s="261">
        <v>16</v>
      </c>
      <c r="AP23" s="261">
        <v>0</v>
      </c>
      <c r="AQ23" s="261">
        <v>0</v>
      </c>
      <c r="AR23" s="261">
        <v>16</v>
      </c>
      <c r="AS23" s="258">
        <v>66</v>
      </c>
      <c r="AT23" s="263">
        <v>82</v>
      </c>
      <c r="AU23" s="257">
        <v>0</v>
      </c>
      <c r="AV23" s="261">
        <v>0</v>
      </c>
      <c r="AW23" s="258">
        <v>0</v>
      </c>
      <c r="AX23" s="260">
        <v>0</v>
      </c>
      <c r="AY23" s="261">
        <v>132</v>
      </c>
      <c r="AZ23" s="261">
        <v>123</v>
      </c>
      <c r="BA23" s="261">
        <v>103</v>
      </c>
      <c r="BB23" s="261">
        <v>18</v>
      </c>
      <c r="BC23" s="261">
        <v>12</v>
      </c>
      <c r="BD23" s="262">
        <v>388</v>
      </c>
      <c r="BE23" s="263">
        <v>388</v>
      </c>
      <c r="BF23" s="257">
        <v>0</v>
      </c>
      <c r="BG23" s="261">
        <v>0</v>
      </c>
      <c r="BH23" s="258">
        <v>0</v>
      </c>
      <c r="BI23" s="260">
        <v>0</v>
      </c>
      <c r="BJ23" s="261">
        <v>53</v>
      </c>
      <c r="BK23" s="261">
        <v>59</v>
      </c>
      <c r="BL23" s="261">
        <v>12</v>
      </c>
      <c r="BM23" s="261">
        <v>0</v>
      </c>
      <c r="BN23" s="261">
        <v>5</v>
      </c>
      <c r="BO23" s="258">
        <v>129</v>
      </c>
      <c r="BP23" s="263">
        <v>129</v>
      </c>
      <c r="BQ23" s="257">
        <v>0</v>
      </c>
      <c r="BR23" s="261">
        <v>0</v>
      </c>
      <c r="BS23" s="258">
        <v>0</v>
      </c>
      <c r="BT23" s="260">
        <v>0</v>
      </c>
      <c r="BU23" s="261">
        <v>61</v>
      </c>
      <c r="BV23" s="261">
        <v>18</v>
      </c>
      <c r="BW23" s="261">
        <v>47</v>
      </c>
      <c r="BX23" s="261">
        <v>29</v>
      </c>
      <c r="BY23" s="261">
        <v>42</v>
      </c>
      <c r="BZ23" s="258">
        <v>197</v>
      </c>
      <c r="CA23" s="263">
        <v>197</v>
      </c>
      <c r="CB23" s="257">
        <v>0</v>
      </c>
      <c r="CC23" s="261">
        <v>0</v>
      </c>
      <c r="CD23" s="258">
        <v>0</v>
      </c>
      <c r="CE23" s="260">
        <v>0</v>
      </c>
      <c r="CF23" s="261">
        <v>0</v>
      </c>
      <c r="CG23" s="261">
        <v>0</v>
      </c>
      <c r="CH23" s="261">
        <v>0</v>
      </c>
      <c r="CI23" s="261">
        <v>0</v>
      </c>
      <c r="CJ23" s="261">
        <v>0</v>
      </c>
      <c r="CK23" s="258">
        <v>0</v>
      </c>
      <c r="CL23" s="263">
        <v>0</v>
      </c>
      <c r="CM23" s="257">
        <v>0</v>
      </c>
      <c r="CN23" s="261">
        <v>0</v>
      </c>
      <c r="CO23" s="258">
        <v>0</v>
      </c>
      <c r="CP23" s="260">
        <v>0</v>
      </c>
      <c r="CQ23" s="261">
        <v>0</v>
      </c>
      <c r="CR23" s="261">
        <v>0</v>
      </c>
      <c r="CS23" s="261">
        <v>0</v>
      </c>
      <c r="CT23" s="261">
        <v>0</v>
      </c>
      <c r="CU23" s="261">
        <v>0</v>
      </c>
      <c r="CV23" s="258">
        <v>0</v>
      </c>
      <c r="CW23" s="263">
        <v>0</v>
      </c>
      <c r="CX23" s="257">
        <v>0</v>
      </c>
      <c r="CY23" s="261">
        <v>0</v>
      </c>
      <c r="CZ23" s="258">
        <v>0</v>
      </c>
      <c r="DA23" s="260">
        <v>0</v>
      </c>
      <c r="DB23" s="261">
        <v>0</v>
      </c>
      <c r="DC23" s="261">
        <v>0</v>
      </c>
      <c r="DD23" s="261">
        <v>0</v>
      </c>
      <c r="DE23" s="261">
        <v>0</v>
      </c>
      <c r="DF23" s="261">
        <v>0</v>
      </c>
      <c r="DG23" s="258">
        <v>0</v>
      </c>
      <c r="DH23" s="263">
        <v>0</v>
      </c>
    </row>
    <row r="24" spans="2:112" ht="21" customHeight="1" x14ac:dyDescent="0.2">
      <c r="B24" s="472" t="s">
        <v>22</v>
      </c>
      <c r="C24" s="257">
        <v>0</v>
      </c>
      <c r="D24" s="261">
        <v>0</v>
      </c>
      <c r="E24" s="358">
        <v>0</v>
      </c>
      <c r="F24" s="260">
        <v>0</v>
      </c>
      <c r="G24" s="261">
        <v>51</v>
      </c>
      <c r="H24" s="261">
        <v>69</v>
      </c>
      <c r="I24" s="261">
        <v>14</v>
      </c>
      <c r="J24" s="261">
        <v>138</v>
      </c>
      <c r="K24" s="261">
        <v>63</v>
      </c>
      <c r="L24" s="262">
        <v>335</v>
      </c>
      <c r="M24" s="263">
        <v>335</v>
      </c>
      <c r="N24" s="257">
        <v>0</v>
      </c>
      <c r="O24" s="261">
        <v>0</v>
      </c>
      <c r="P24" s="258">
        <v>0</v>
      </c>
      <c r="Q24" s="260">
        <v>0</v>
      </c>
      <c r="R24" s="261">
        <v>7</v>
      </c>
      <c r="S24" s="261">
        <v>0</v>
      </c>
      <c r="T24" s="261">
        <v>0</v>
      </c>
      <c r="U24" s="261">
        <v>0</v>
      </c>
      <c r="V24" s="261">
        <v>0</v>
      </c>
      <c r="W24" s="258">
        <v>7</v>
      </c>
      <c r="X24" s="263">
        <v>7</v>
      </c>
      <c r="Y24" s="257">
        <v>0</v>
      </c>
      <c r="Z24" s="261">
        <v>4</v>
      </c>
      <c r="AA24" s="258">
        <v>4</v>
      </c>
      <c r="AB24" s="260">
        <v>0</v>
      </c>
      <c r="AC24" s="261">
        <v>17</v>
      </c>
      <c r="AD24" s="261">
        <v>27</v>
      </c>
      <c r="AE24" s="261">
        <v>32</v>
      </c>
      <c r="AF24" s="261">
        <v>0</v>
      </c>
      <c r="AG24" s="261">
        <v>25</v>
      </c>
      <c r="AH24" s="258">
        <v>101</v>
      </c>
      <c r="AI24" s="263">
        <v>105</v>
      </c>
      <c r="AJ24" s="257">
        <v>0</v>
      </c>
      <c r="AK24" s="261">
        <v>0</v>
      </c>
      <c r="AL24" s="258">
        <v>0</v>
      </c>
      <c r="AM24" s="260">
        <v>0</v>
      </c>
      <c r="AN24" s="261">
        <v>0</v>
      </c>
      <c r="AO24" s="261">
        <v>27</v>
      </c>
      <c r="AP24" s="261">
        <v>15</v>
      </c>
      <c r="AQ24" s="261">
        <v>0</v>
      </c>
      <c r="AR24" s="261">
        <v>0</v>
      </c>
      <c r="AS24" s="258">
        <v>42</v>
      </c>
      <c r="AT24" s="263">
        <v>42</v>
      </c>
      <c r="AU24" s="257">
        <v>0</v>
      </c>
      <c r="AV24" s="261">
        <v>0</v>
      </c>
      <c r="AW24" s="258">
        <v>0</v>
      </c>
      <c r="AX24" s="260">
        <v>0</v>
      </c>
      <c r="AY24" s="261">
        <v>107</v>
      </c>
      <c r="AZ24" s="261">
        <v>51</v>
      </c>
      <c r="BA24" s="261">
        <v>56</v>
      </c>
      <c r="BB24" s="261">
        <v>25</v>
      </c>
      <c r="BC24" s="261">
        <v>21</v>
      </c>
      <c r="BD24" s="262">
        <v>260</v>
      </c>
      <c r="BE24" s="263">
        <v>260</v>
      </c>
      <c r="BF24" s="257">
        <v>0</v>
      </c>
      <c r="BG24" s="261">
        <v>0</v>
      </c>
      <c r="BH24" s="258">
        <v>0</v>
      </c>
      <c r="BI24" s="260">
        <v>0</v>
      </c>
      <c r="BJ24" s="261">
        <v>38</v>
      </c>
      <c r="BK24" s="261">
        <v>23</v>
      </c>
      <c r="BL24" s="261">
        <v>30</v>
      </c>
      <c r="BM24" s="261">
        <v>9</v>
      </c>
      <c r="BN24" s="261">
        <v>24</v>
      </c>
      <c r="BO24" s="258">
        <v>124</v>
      </c>
      <c r="BP24" s="263">
        <v>124</v>
      </c>
      <c r="BQ24" s="257">
        <v>0</v>
      </c>
      <c r="BR24" s="261">
        <v>0</v>
      </c>
      <c r="BS24" s="258">
        <v>0</v>
      </c>
      <c r="BT24" s="260">
        <v>0</v>
      </c>
      <c r="BU24" s="261">
        <v>3</v>
      </c>
      <c r="BV24" s="261">
        <v>7</v>
      </c>
      <c r="BW24" s="261">
        <v>2</v>
      </c>
      <c r="BX24" s="261">
        <v>46</v>
      </c>
      <c r="BY24" s="261">
        <v>13</v>
      </c>
      <c r="BZ24" s="258">
        <v>71</v>
      </c>
      <c r="CA24" s="263">
        <v>71</v>
      </c>
      <c r="CB24" s="257">
        <v>0</v>
      </c>
      <c r="CC24" s="261">
        <v>0</v>
      </c>
      <c r="CD24" s="258">
        <v>0</v>
      </c>
      <c r="CE24" s="260">
        <v>0</v>
      </c>
      <c r="CF24" s="261">
        <v>7</v>
      </c>
      <c r="CG24" s="261">
        <v>0</v>
      </c>
      <c r="CH24" s="261">
        <v>14</v>
      </c>
      <c r="CI24" s="261">
        <v>0</v>
      </c>
      <c r="CJ24" s="261">
        <v>27</v>
      </c>
      <c r="CK24" s="258">
        <v>48</v>
      </c>
      <c r="CL24" s="263">
        <v>48</v>
      </c>
      <c r="CM24" s="257">
        <v>0</v>
      </c>
      <c r="CN24" s="261">
        <v>0</v>
      </c>
      <c r="CO24" s="258">
        <v>0</v>
      </c>
      <c r="CP24" s="260">
        <v>0</v>
      </c>
      <c r="CQ24" s="261">
        <v>0</v>
      </c>
      <c r="CR24" s="261">
        <v>0</v>
      </c>
      <c r="CS24" s="261">
        <v>0</v>
      </c>
      <c r="CT24" s="261">
        <v>0</v>
      </c>
      <c r="CU24" s="261">
        <v>0</v>
      </c>
      <c r="CV24" s="258">
        <v>0</v>
      </c>
      <c r="CW24" s="263">
        <v>0</v>
      </c>
      <c r="CX24" s="257">
        <v>0</v>
      </c>
      <c r="CY24" s="261">
        <v>0</v>
      </c>
      <c r="CZ24" s="258">
        <v>0</v>
      </c>
      <c r="DA24" s="260">
        <v>0</v>
      </c>
      <c r="DB24" s="261">
        <v>0</v>
      </c>
      <c r="DC24" s="261">
        <v>0</v>
      </c>
      <c r="DD24" s="261">
        <v>0</v>
      </c>
      <c r="DE24" s="261">
        <v>0</v>
      </c>
      <c r="DF24" s="261">
        <v>0</v>
      </c>
      <c r="DG24" s="258">
        <v>0</v>
      </c>
      <c r="DH24" s="263">
        <v>0</v>
      </c>
    </row>
    <row r="25" spans="2:112" ht="21" customHeight="1" x14ac:dyDescent="0.2">
      <c r="B25" s="472" t="s">
        <v>23</v>
      </c>
      <c r="C25" s="257">
        <v>0</v>
      </c>
      <c r="D25" s="261">
        <v>0</v>
      </c>
      <c r="E25" s="358">
        <v>0</v>
      </c>
      <c r="F25" s="260">
        <v>0</v>
      </c>
      <c r="G25" s="261">
        <v>77</v>
      </c>
      <c r="H25" s="261">
        <v>248</v>
      </c>
      <c r="I25" s="261">
        <v>169</v>
      </c>
      <c r="J25" s="261">
        <v>40</v>
      </c>
      <c r="K25" s="261">
        <v>0</v>
      </c>
      <c r="L25" s="262">
        <v>534</v>
      </c>
      <c r="M25" s="263">
        <v>534</v>
      </c>
      <c r="N25" s="257">
        <v>0</v>
      </c>
      <c r="O25" s="261">
        <v>0</v>
      </c>
      <c r="P25" s="258">
        <v>0</v>
      </c>
      <c r="Q25" s="260">
        <v>0</v>
      </c>
      <c r="R25" s="261">
        <v>0</v>
      </c>
      <c r="S25" s="261">
        <v>0</v>
      </c>
      <c r="T25" s="261">
        <v>0</v>
      </c>
      <c r="U25" s="261">
        <v>9</v>
      </c>
      <c r="V25" s="261">
        <v>0</v>
      </c>
      <c r="W25" s="258">
        <v>9</v>
      </c>
      <c r="X25" s="263">
        <v>9</v>
      </c>
      <c r="Y25" s="257">
        <v>12</v>
      </c>
      <c r="Z25" s="261">
        <v>26</v>
      </c>
      <c r="AA25" s="258">
        <v>38</v>
      </c>
      <c r="AB25" s="260">
        <v>0</v>
      </c>
      <c r="AC25" s="261">
        <v>70</v>
      </c>
      <c r="AD25" s="261">
        <v>129</v>
      </c>
      <c r="AE25" s="261">
        <v>29</v>
      </c>
      <c r="AF25" s="261">
        <v>61</v>
      </c>
      <c r="AG25" s="261">
        <v>15</v>
      </c>
      <c r="AH25" s="258">
        <v>304</v>
      </c>
      <c r="AI25" s="263">
        <v>342</v>
      </c>
      <c r="AJ25" s="257">
        <v>0</v>
      </c>
      <c r="AK25" s="261">
        <v>8</v>
      </c>
      <c r="AL25" s="258">
        <v>8</v>
      </c>
      <c r="AM25" s="260">
        <v>0</v>
      </c>
      <c r="AN25" s="261">
        <v>0</v>
      </c>
      <c r="AO25" s="261">
        <v>12</v>
      </c>
      <c r="AP25" s="261">
        <v>0</v>
      </c>
      <c r="AQ25" s="261">
        <v>0</v>
      </c>
      <c r="AR25" s="261">
        <v>0</v>
      </c>
      <c r="AS25" s="258">
        <v>12</v>
      </c>
      <c r="AT25" s="263">
        <v>20</v>
      </c>
      <c r="AU25" s="257">
        <v>0</v>
      </c>
      <c r="AV25" s="261">
        <v>0</v>
      </c>
      <c r="AW25" s="258">
        <v>0</v>
      </c>
      <c r="AX25" s="260">
        <v>0</v>
      </c>
      <c r="AY25" s="261">
        <v>112</v>
      </c>
      <c r="AZ25" s="261">
        <v>120</v>
      </c>
      <c r="BA25" s="261">
        <v>117</v>
      </c>
      <c r="BB25" s="261">
        <v>26</v>
      </c>
      <c r="BC25" s="261">
        <v>4</v>
      </c>
      <c r="BD25" s="262">
        <v>379</v>
      </c>
      <c r="BE25" s="263">
        <v>379</v>
      </c>
      <c r="BF25" s="257">
        <v>0</v>
      </c>
      <c r="BG25" s="261">
        <v>0</v>
      </c>
      <c r="BH25" s="258">
        <v>0</v>
      </c>
      <c r="BI25" s="260">
        <v>0</v>
      </c>
      <c r="BJ25" s="261">
        <v>27</v>
      </c>
      <c r="BK25" s="261">
        <v>8</v>
      </c>
      <c r="BL25" s="261">
        <v>21</v>
      </c>
      <c r="BM25" s="261">
        <v>34</v>
      </c>
      <c r="BN25" s="261">
        <v>5</v>
      </c>
      <c r="BO25" s="258">
        <v>95</v>
      </c>
      <c r="BP25" s="263">
        <v>95</v>
      </c>
      <c r="BQ25" s="257">
        <v>0</v>
      </c>
      <c r="BR25" s="261">
        <v>0</v>
      </c>
      <c r="BS25" s="258">
        <v>0</v>
      </c>
      <c r="BT25" s="260">
        <v>0</v>
      </c>
      <c r="BU25" s="261">
        <v>0</v>
      </c>
      <c r="BV25" s="261">
        <v>3</v>
      </c>
      <c r="BW25" s="261">
        <v>60</v>
      </c>
      <c r="BX25" s="261">
        <v>24</v>
      </c>
      <c r="BY25" s="261">
        <v>32</v>
      </c>
      <c r="BZ25" s="258">
        <v>119</v>
      </c>
      <c r="CA25" s="263">
        <v>119</v>
      </c>
      <c r="CB25" s="257">
        <v>0</v>
      </c>
      <c r="CC25" s="261">
        <v>0</v>
      </c>
      <c r="CD25" s="258">
        <v>0</v>
      </c>
      <c r="CE25" s="260">
        <v>0</v>
      </c>
      <c r="CF25" s="261">
        <v>3</v>
      </c>
      <c r="CG25" s="261">
        <v>0</v>
      </c>
      <c r="CH25" s="261">
        <v>0</v>
      </c>
      <c r="CI25" s="261">
        <v>0</v>
      </c>
      <c r="CJ25" s="261">
        <v>8</v>
      </c>
      <c r="CK25" s="258">
        <v>11</v>
      </c>
      <c r="CL25" s="263">
        <v>11</v>
      </c>
      <c r="CM25" s="257">
        <v>0</v>
      </c>
      <c r="CN25" s="261">
        <v>0</v>
      </c>
      <c r="CO25" s="258">
        <v>0</v>
      </c>
      <c r="CP25" s="260">
        <v>0</v>
      </c>
      <c r="CQ25" s="261">
        <v>0</v>
      </c>
      <c r="CR25" s="261">
        <v>0</v>
      </c>
      <c r="CS25" s="261">
        <v>0</v>
      </c>
      <c r="CT25" s="261">
        <v>0</v>
      </c>
      <c r="CU25" s="261">
        <v>0</v>
      </c>
      <c r="CV25" s="258">
        <v>0</v>
      </c>
      <c r="CW25" s="263">
        <v>0</v>
      </c>
      <c r="CX25" s="257">
        <v>0</v>
      </c>
      <c r="CY25" s="261">
        <v>0</v>
      </c>
      <c r="CZ25" s="258">
        <v>0</v>
      </c>
      <c r="DA25" s="260">
        <v>0</v>
      </c>
      <c r="DB25" s="261">
        <v>0</v>
      </c>
      <c r="DC25" s="261">
        <v>0</v>
      </c>
      <c r="DD25" s="261">
        <v>0</v>
      </c>
      <c r="DE25" s="261">
        <v>0</v>
      </c>
      <c r="DF25" s="261">
        <v>0</v>
      </c>
      <c r="DG25" s="258">
        <v>0</v>
      </c>
      <c r="DH25" s="263">
        <v>0</v>
      </c>
    </row>
    <row r="26" spans="2:112" ht="21" customHeight="1" x14ac:dyDescent="0.2">
      <c r="B26" s="472" t="s">
        <v>24</v>
      </c>
      <c r="C26" s="257">
        <v>0</v>
      </c>
      <c r="D26" s="261">
        <v>0</v>
      </c>
      <c r="E26" s="358">
        <v>0</v>
      </c>
      <c r="F26" s="260">
        <v>0</v>
      </c>
      <c r="G26" s="261">
        <v>212</v>
      </c>
      <c r="H26" s="261">
        <v>83</v>
      </c>
      <c r="I26" s="261">
        <v>156</v>
      </c>
      <c r="J26" s="261">
        <v>102</v>
      </c>
      <c r="K26" s="261">
        <v>247</v>
      </c>
      <c r="L26" s="262">
        <v>800</v>
      </c>
      <c r="M26" s="263">
        <v>800</v>
      </c>
      <c r="N26" s="257">
        <v>0</v>
      </c>
      <c r="O26" s="261">
        <v>0</v>
      </c>
      <c r="P26" s="258">
        <v>0</v>
      </c>
      <c r="Q26" s="260">
        <v>0</v>
      </c>
      <c r="R26" s="261">
        <v>0</v>
      </c>
      <c r="S26" s="261">
        <v>0</v>
      </c>
      <c r="T26" s="261">
        <v>0</v>
      </c>
      <c r="U26" s="261">
        <v>14</v>
      </c>
      <c r="V26" s="261">
        <v>13</v>
      </c>
      <c r="W26" s="258">
        <v>27</v>
      </c>
      <c r="X26" s="263">
        <v>27</v>
      </c>
      <c r="Y26" s="257">
        <v>2</v>
      </c>
      <c r="Z26" s="261">
        <v>41</v>
      </c>
      <c r="AA26" s="258">
        <v>43</v>
      </c>
      <c r="AB26" s="260">
        <v>0</v>
      </c>
      <c r="AC26" s="261">
        <v>80</v>
      </c>
      <c r="AD26" s="261">
        <v>40</v>
      </c>
      <c r="AE26" s="261">
        <v>12</v>
      </c>
      <c r="AF26" s="261">
        <v>30</v>
      </c>
      <c r="AG26" s="261">
        <v>12</v>
      </c>
      <c r="AH26" s="258">
        <v>174</v>
      </c>
      <c r="AI26" s="263">
        <v>217</v>
      </c>
      <c r="AJ26" s="257">
        <v>0</v>
      </c>
      <c r="AK26" s="261">
        <v>0</v>
      </c>
      <c r="AL26" s="258">
        <v>0</v>
      </c>
      <c r="AM26" s="260">
        <v>0</v>
      </c>
      <c r="AN26" s="261">
        <v>12</v>
      </c>
      <c r="AO26" s="261">
        <v>18</v>
      </c>
      <c r="AP26" s="261">
        <v>16</v>
      </c>
      <c r="AQ26" s="261">
        <v>0</v>
      </c>
      <c r="AR26" s="261">
        <v>0</v>
      </c>
      <c r="AS26" s="258">
        <v>46</v>
      </c>
      <c r="AT26" s="263">
        <v>46</v>
      </c>
      <c r="AU26" s="257">
        <v>0</v>
      </c>
      <c r="AV26" s="261">
        <v>0</v>
      </c>
      <c r="AW26" s="258">
        <v>0</v>
      </c>
      <c r="AX26" s="260">
        <v>0</v>
      </c>
      <c r="AY26" s="261">
        <v>98</v>
      </c>
      <c r="AZ26" s="261">
        <v>165</v>
      </c>
      <c r="BA26" s="261">
        <v>30</v>
      </c>
      <c r="BB26" s="261">
        <v>5</v>
      </c>
      <c r="BC26" s="261">
        <v>6</v>
      </c>
      <c r="BD26" s="262">
        <v>304</v>
      </c>
      <c r="BE26" s="263">
        <v>304</v>
      </c>
      <c r="BF26" s="257">
        <v>0</v>
      </c>
      <c r="BG26" s="261">
        <v>0</v>
      </c>
      <c r="BH26" s="258">
        <v>0</v>
      </c>
      <c r="BI26" s="260">
        <v>0</v>
      </c>
      <c r="BJ26" s="261">
        <v>16</v>
      </c>
      <c r="BK26" s="261">
        <v>33</v>
      </c>
      <c r="BL26" s="261">
        <v>56</v>
      </c>
      <c r="BM26" s="261">
        <v>9</v>
      </c>
      <c r="BN26" s="261">
        <v>0</v>
      </c>
      <c r="BO26" s="258">
        <v>114</v>
      </c>
      <c r="BP26" s="263">
        <v>114</v>
      </c>
      <c r="BQ26" s="257">
        <v>0</v>
      </c>
      <c r="BR26" s="261">
        <v>0</v>
      </c>
      <c r="BS26" s="258">
        <v>0</v>
      </c>
      <c r="BT26" s="260">
        <v>0</v>
      </c>
      <c r="BU26" s="261">
        <v>0</v>
      </c>
      <c r="BV26" s="261">
        <v>24</v>
      </c>
      <c r="BW26" s="261">
        <v>0</v>
      </c>
      <c r="BX26" s="261">
        <v>0</v>
      </c>
      <c r="BY26" s="261">
        <v>12</v>
      </c>
      <c r="BZ26" s="258">
        <v>36</v>
      </c>
      <c r="CA26" s="263">
        <v>36</v>
      </c>
      <c r="CB26" s="257">
        <v>0</v>
      </c>
      <c r="CC26" s="261">
        <v>0</v>
      </c>
      <c r="CD26" s="258">
        <v>0</v>
      </c>
      <c r="CE26" s="260">
        <v>0</v>
      </c>
      <c r="CF26" s="261">
        <v>3</v>
      </c>
      <c r="CG26" s="261">
        <v>0</v>
      </c>
      <c r="CH26" s="261">
        <v>0</v>
      </c>
      <c r="CI26" s="261">
        <v>0</v>
      </c>
      <c r="CJ26" s="261">
        <v>0</v>
      </c>
      <c r="CK26" s="258">
        <v>3</v>
      </c>
      <c r="CL26" s="263">
        <v>3</v>
      </c>
      <c r="CM26" s="257">
        <v>0</v>
      </c>
      <c r="CN26" s="261">
        <v>0</v>
      </c>
      <c r="CO26" s="258">
        <v>0</v>
      </c>
      <c r="CP26" s="260">
        <v>0</v>
      </c>
      <c r="CQ26" s="261">
        <v>0</v>
      </c>
      <c r="CR26" s="261">
        <v>0</v>
      </c>
      <c r="CS26" s="261">
        <v>0</v>
      </c>
      <c r="CT26" s="261">
        <v>0</v>
      </c>
      <c r="CU26" s="261">
        <v>0</v>
      </c>
      <c r="CV26" s="258">
        <v>0</v>
      </c>
      <c r="CW26" s="263">
        <v>0</v>
      </c>
      <c r="CX26" s="257">
        <v>0</v>
      </c>
      <c r="CY26" s="261">
        <v>0</v>
      </c>
      <c r="CZ26" s="258">
        <v>0</v>
      </c>
      <c r="DA26" s="260">
        <v>0</v>
      </c>
      <c r="DB26" s="261">
        <v>0</v>
      </c>
      <c r="DC26" s="261">
        <v>0</v>
      </c>
      <c r="DD26" s="261">
        <v>0</v>
      </c>
      <c r="DE26" s="261">
        <v>0</v>
      </c>
      <c r="DF26" s="261">
        <v>0</v>
      </c>
      <c r="DG26" s="258">
        <v>0</v>
      </c>
      <c r="DH26" s="263">
        <v>0</v>
      </c>
    </row>
    <row r="27" spans="2:112" ht="21" customHeight="1" x14ac:dyDescent="0.2">
      <c r="B27" s="472" t="s">
        <v>25</v>
      </c>
      <c r="C27" s="257">
        <v>0</v>
      </c>
      <c r="D27" s="261">
        <v>0</v>
      </c>
      <c r="E27" s="358">
        <v>0</v>
      </c>
      <c r="F27" s="260">
        <v>0</v>
      </c>
      <c r="G27" s="261">
        <v>59</v>
      </c>
      <c r="H27" s="261">
        <v>49</v>
      </c>
      <c r="I27" s="261">
        <v>132</v>
      </c>
      <c r="J27" s="261">
        <v>10</v>
      </c>
      <c r="K27" s="261">
        <v>30</v>
      </c>
      <c r="L27" s="262">
        <v>280</v>
      </c>
      <c r="M27" s="263">
        <v>280</v>
      </c>
      <c r="N27" s="257">
        <v>0</v>
      </c>
      <c r="O27" s="261">
        <v>0</v>
      </c>
      <c r="P27" s="258">
        <v>0</v>
      </c>
      <c r="Q27" s="260">
        <v>0</v>
      </c>
      <c r="R27" s="261">
        <v>0</v>
      </c>
      <c r="S27" s="261">
        <v>0</v>
      </c>
      <c r="T27" s="261">
        <v>4</v>
      </c>
      <c r="U27" s="261">
        <v>13</v>
      </c>
      <c r="V27" s="261">
        <v>0</v>
      </c>
      <c r="W27" s="258">
        <v>17</v>
      </c>
      <c r="X27" s="263">
        <v>17</v>
      </c>
      <c r="Y27" s="257">
        <v>14</v>
      </c>
      <c r="Z27" s="261">
        <v>12</v>
      </c>
      <c r="AA27" s="258">
        <v>26</v>
      </c>
      <c r="AB27" s="260">
        <v>0</v>
      </c>
      <c r="AC27" s="261">
        <v>2</v>
      </c>
      <c r="AD27" s="261">
        <v>59</v>
      </c>
      <c r="AE27" s="261">
        <v>38</v>
      </c>
      <c r="AF27" s="261">
        <v>15</v>
      </c>
      <c r="AG27" s="261">
        <v>6</v>
      </c>
      <c r="AH27" s="258">
        <v>120</v>
      </c>
      <c r="AI27" s="263">
        <v>146</v>
      </c>
      <c r="AJ27" s="257">
        <v>0</v>
      </c>
      <c r="AK27" s="261">
        <v>26</v>
      </c>
      <c r="AL27" s="258">
        <v>26</v>
      </c>
      <c r="AM27" s="260">
        <v>0</v>
      </c>
      <c r="AN27" s="261">
        <v>0</v>
      </c>
      <c r="AO27" s="261">
        <v>0</v>
      </c>
      <c r="AP27" s="261">
        <v>14</v>
      </c>
      <c r="AQ27" s="261">
        <v>0</v>
      </c>
      <c r="AR27" s="261">
        <v>0</v>
      </c>
      <c r="AS27" s="258">
        <v>14</v>
      </c>
      <c r="AT27" s="263">
        <v>40</v>
      </c>
      <c r="AU27" s="257">
        <v>0</v>
      </c>
      <c r="AV27" s="261">
        <v>0</v>
      </c>
      <c r="AW27" s="258">
        <v>0</v>
      </c>
      <c r="AX27" s="260">
        <v>0</v>
      </c>
      <c r="AY27" s="261">
        <v>63</v>
      </c>
      <c r="AZ27" s="261">
        <v>18</v>
      </c>
      <c r="BA27" s="261">
        <v>13</v>
      </c>
      <c r="BB27" s="261">
        <v>21</v>
      </c>
      <c r="BC27" s="261">
        <v>0</v>
      </c>
      <c r="BD27" s="262">
        <v>115</v>
      </c>
      <c r="BE27" s="263">
        <v>115</v>
      </c>
      <c r="BF27" s="257">
        <v>0</v>
      </c>
      <c r="BG27" s="261">
        <v>0</v>
      </c>
      <c r="BH27" s="258">
        <v>0</v>
      </c>
      <c r="BI27" s="260">
        <v>0</v>
      </c>
      <c r="BJ27" s="261">
        <v>12</v>
      </c>
      <c r="BK27" s="261">
        <v>38</v>
      </c>
      <c r="BL27" s="261">
        <v>32</v>
      </c>
      <c r="BM27" s="261">
        <v>23</v>
      </c>
      <c r="BN27" s="261">
        <v>9</v>
      </c>
      <c r="BO27" s="258">
        <v>114</v>
      </c>
      <c r="BP27" s="263">
        <v>114</v>
      </c>
      <c r="BQ27" s="257">
        <v>0</v>
      </c>
      <c r="BR27" s="261">
        <v>0</v>
      </c>
      <c r="BS27" s="258">
        <v>0</v>
      </c>
      <c r="BT27" s="260">
        <v>0</v>
      </c>
      <c r="BU27" s="261">
        <v>23</v>
      </c>
      <c r="BV27" s="261">
        <v>8</v>
      </c>
      <c r="BW27" s="261">
        <v>0</v>
      </c>
      <c r="BX27" s="261">
        <v>4</v>
      </c>
      <c r="BY27" s="261">
        <v>2</v>
      </c>
      <c r="BZ27" s="258">
        <v>37</v>
      </c>
      <c r="CA27" s="263">
        <v>37</v>
      </c>
      <c r="CB27" s="257">
        <v>0</v>
      </c>
      <c r="CC27" s="261">
        <v>0</v>
      </c>
      <c r="CD27" s="258">
        <v>0</v>
      </c>
      <c r="CE27" s="260">
        <v>0</v>
      </c>
      <c r="CF27" s="261">
        <v>0</v>
      </c>
      <c r="CG27" s="261">
        <v>0</v>
      </c>
      <c r="CH27" s="261">
        <v>2</v>
      </c>
      <c r="CI27" s="261">
        <v>0</v>
      </c>
      <c r="CJ27" s="261">
        <v>9</v>
      </c>
      <c r="CK27" s="258">
        <v>11</v>
      </c>
      <c r="CL27" s="263">
        <v>11</v>
      </c>
      <c r="CM27" s="257">
        <v>0</v>
      </c>
      <c r="CN27" s="261">
        <v>0</v>
      </c>
      <c r="CO27" s="258">
        <v>0</v>
      </c>
      <c r="CP27" s="260">
        <v>0</v>
      </c>
      <c r="CQ27" s="261">
        <v>0</v>
      </c>
      <c r="CR27" s="261">
        <v>0</v>
      </c>
      <c r="CS27" s="261">
        <v>0</v>
      </c>
      <c r="CT27" s="261">
        <v>0</v>
      </c>
      <c r="CU27" s="261">
        <v>0</v>
      </c>
      <c r="CV27" s="258">
        <v>0</v>
      </c>
      <c r="CW27" s="263">
        <v>0</v>
      </c>
      <c r="CX27" s="257">
        <v>0</v>
      </c>
      <c r="CY27" s="261">
        <v>0</v>
      </c>
      <c r="CZ27" s="258">
        <v>0</v>
      </c>
      <c r="DA27" s="260">
        <v>0</v>
      </c>
      <c r="DB27" s="261">
        <v>0</v>
      </c>
      <c r="DC27" s="261">
        <v>0</v>
      </c>
      <c r="DD27" s="261">
        <v>0</v>
      </c>
      <c r="DE27" s="261">
        <v>0</v>
      </c>
      <c r="DF27" s="261">
        <v>0</v>
      </c>
      <c r="DG27" s="258">
        <v>0</v>
      </c>
      <c r="DH27" s="263">
        <v>0</v>
      </c>
    </row>
    <row r="28" spans="2:112" ht="21" customHeight="1" x14ac:dyDescent="0.2">
      <c r="B28" s="472" t="s">
        <v>26</v>
      </c>
      <c r="C28" s="257">
        <v>0</v>
      </c>
      <c r="D28" s="261">
        <v>0</v>
      </c>
      <c r="E28" s="358">
        <v>0</v>
      </c>
      <c r="F28" s="260">
        <v>0</v>
      </c>
      <c r="G28" s="261">
        <v>91</v>
      </c>
      <c r="H28" s="261">
        <v>80</v>
      </c>
      <c r="I28" s="261">
        <v>122</v>
      </c>
      <c r="J28" s="261">
        <v>20</v>
      </c>
      <c r="K28" s="261">
        <v>101</v>
      </c>
      <c r="L28" s="262">
        <v>414</v>
      </c>
      <c r="M28" s="263">
        <v>414</v>
      </c>
      <c r="N28" s="257">
        <v>0</v>
      </c>
      <c r="O28" s="261">
        <v>0</v>
      </c>
      <c r="P28" s="258">
        <v>0</v>
      </c>
      <c r="Q28" s="260">
        <v>0</v>
      </c>
      <c r="R28" s="261">
        <v>0</v>
      </c>
      <c r="S28" s="261">
        <v>0</v>
      </c>
      <c r="T28" s="261">
        <v>0</v>
      </c>
      <c r="U28" s="261">
        <v>9</v>
      </c>
      <c r="V28" s="261">
        <v>0</v>
      </c>
      <c r="W28" s="258">
        <v>9</v>
      </c>
      <c r="X28" s="263">
        <v>9</v>
      </c>
      <c r="Y28" s="257">
        <v>0</v>
      </c>
      <c r="Z28" s="261">
        <v>6</v>
      </c>
      <c r="AA28" s="258">
        <v>6</v>
      </c>
      <c r="AB28" s="260">
        <v>0</v>
      </c>
      <c r="AC28" s="261">
        <v>14</v>
      </c>
      <c r="AD28" s="261">
        <v>37</v>
      </c>
      <c r="AE28" s="261">
        <v>3</v>
      </c>
      <c r="AF28" s="261">
        <v>3</v>
      </c>
      <c r="AG28" s="261">
        <v>15</v>
      </c>
      <c r="AH28" s="258">
        <v>72</v>
      </c>
      <c r="AI28" s="263">
        <v>78</v>
      </c>
      <c r="AJ28" s="257">
        <v>0</v>
      </c>
      <c r="AK28" s="261">
        <v>0</v>
      </c>
      <c r="AL28" s="258">
        <v>0</v>
      </c>
      <c r="AM28" s="260">
        <v>0</v>
      </c>
      <c r="AN28" s="261">
        <v>0</v>
      </c>
      <c r="AO28" s="261">
        <v>27</v>
      </c>
      <c r="AP28" s="261">
        <v>0</v>
      </c>
      <c r="AQ28" s="261">
        <v>0</v>
      </c>
      <c r="AR28" s="261">
        <v>0</v>
      </c>
      <c r="AS28" s="258">
        <v>27</v>
      </c>
      <c r="AT28" s="263">
        <v>27</v>
      </c>
      <c r="AU28" s="257">
        <v>0</v>
      </c>
      <c r="AV28" s="261">
        <v>0</v>
      </c>
      <c r="AW28" s="258">
        <v>0</v>
      </c>
      <c r="AX28" s="260">
        <v>0</v>
      </c>
      <c r="AY28" s="261">
        <v>48</v>
      </c>
      <c r="AZ28" s="261">
        <v>52</v>
      </c>
      <c r="BA28" s="261">
        <v>35</v>
      </c>
      <c r="BB28" s="261">
        <v>0</v>
      </c>
      <c r="BC28" s="261">
        <v>0</v>
      </c>
      <c r="BD28" s="262">
        <v>135</v>
      </c>
      <c r="BE28" s="263">
        <v>135</v>
      </c>
      <c r="BF28" s="257">
        <v>0</v>
      </c>
      <c r="BG28" s="261">
        <v>0</v>
      </c>
      <c r="BH28" s="258">
        <v>0</v>
      </c>
      <c r="BI28" s="260">
        <v>0</v>
      </c>
      <c r="BJ28" s="261">
        <v>23</v>
      </c>
      <c r="BK28" s="261">
        <v>20</v>
      </c>
      <c r="BL28" s="261">
        <v>0</v>
      </c>
      <c r="BM28" s="261">
        <v>5</v>
      </c>
      <c r="BN28" s="261">
        <v>0</v>
      </c>
      <c r="BO28" s="258">
        <v>48</v>
      </c>
      <c r="BP28" s="263">
        <v>48</v>
      </c>
      <c r="BQ28" s="257">
        <v>0</v>
      </c>
      <c r="BR28" s="261">
        <v>0</v>
      </c>
      <c r="BS28" s="258">
        <v>0</v>
      </c>
      <c r="BT28" s="260">
        <v>0</v>
      </c>
      <c r="BU28" s="261">
        <v>14</v>
      </c>
      <c r="BV28" s="261">
        <v>21</v>
      </c>
      <c r="BW28" s="261">
        <v>0</v>
      </c>
      <c r="BX28" s="261">
        <v>0</v>
      </c>
      <c r="BY28" s="261">
        <v>2</v>
      </c>
      <c r="BZ28" s="258">
        <v>37</v>
      </c>
      <c r="CA28" s="263">
        <v>37</v>
      </c>
      <c r="CB28" s="257">
        <v>0</v>
      </c>
      <c r="CC28" s="261">
        <v>0</v>
      </c>
      <c r="CD28" s="258">
        <v>0</v>
      </c>
      <c r="CE28" s="260">
        <v>0</v>
      </c>
      <c r="CF28" s="261">
        <v>0</v>
      </c>
      <c r="CG28" s="261">
        <v>0</v>
      </c>
      <c r="CH28" s="261">
        <v>8</v>
      </c>
      <c r="CI28" s="261">
        <v>12</v>
      </c>
      <c r="CJ28" s="261">
        <v>0</v>
      </c>
      <c r="CK28" s="258">
        <v>20</v>
      </c>
      <c r="CL28" s="263">
        <v>20</v>
      </c>
      <c r="CM28" s="257">
        <v>0</v>
      </c>
      <c r="CN28" s="261">
        <v>0</v>
      </c>
      <c r="CO28" s="258">
        <v>0</v>
      </c>
      <c r="CP28" s="260">
        <v>0</v>
      </c>
      <c r="CQ28" s="261">
        <v>0</v>
      </c>
      <c r="CR28" s="261">
        <v>0</v>
      </c>
      <c r="CS28" s="261">
        <v>0</v>
      </c>
      <c r="CT28" s="261">
        <v>0</v>
      </c>
      <c r="CU28" s="261">
        <v>0</v>
      </c>
      <c r="CV28" s="258">
        <v>0</v>
      </c>
      <c r="CW28" s="263">
        <v>0</v>
      </c>
      <c r="CX28" s="257">
        <v>0</v>
      </c>
      <c r="CY28" s="261">
        <v>0</v>
      </c>
      <c r="CZ28" s="258">
        <v>0</v>
      </c>
      <c r="DA28" s="260">
        <v>0</v>
      </c>
      <c r="DB28" s="261">
        <v>0</v>
      </c>
      <c r="DC28" s="261">
        <v>0</v>
      </c>
      <c r="DD28" s="261">
        <v>0</v>
      </c>
      <c r="DE28" s="261">
        <v>0</v>
      </c>
      <c r="DF28" s="261">
        <v>0</v>
      </c>
      <c r="DG28" s="258">
        <v>0</v>
      </c>
      <c r="DH28" s="263">
        <v>0</v>
      </c>
    </row>
    <row r="29" spans="2:112" ht="21" customHeight="1" x14ac:dyDescent="0.2">
      <c r="B29" s="472" t="s">
        <v>27</v>
      </c>
      <c r="C29" s="257">
        <v>0</v>
      </c>
      <c r="D29" s="261">
        <v>0</v>
      </c>
      <c r="E29" s="358">
        <v>0</v>
      </c>
      <c r="F29" s="260">
        <v>0</v>
      </c>
      <c r="G29" s="261">
        <v>18</v>
      </c>
      <c r="H29" s="261">
        <v>63</v>
      </c>
      <c r="I29" s="261">
        <v>39</v>
      </c>
      <c r="J29" s="261">
        <v>68</v>
      </c>
      <c r="K29" s="261">
        <v>150</v>
      </c>
      <c r="L29" s="262">
        <v>338</v>
      </c>
      <c r="M29" s="263">
        <v>338</v>
      </c>
      <c r="N29" s="257">
        <v>0</v>
      </c>
      <c r="O29" s="261">
        <v>0</v>
      </c>
      <c r="P29" s="258">
        <v>0</v>
      </c>
      <c r="Q29" s="260">
        <v>0</v>
      </c>
      <c r="R29" s="261">
        <v>0</v>
      </c>
      <c r="S29" s="261">
        <v>0</v>
      </c>
      <c r="T29" s="261">
        <v>0</v>
      </c>
      <c r="U29" s="261">
        <v>0</v>
      </c>
      <c r="V29" s="261">
        <v>0</v>
      </c>
      <c r="W29" s="258">
        <v>0</v>
      </c>
      <c r="X29" s="263">
        <v>0</v>
      </c>
      <c r="Y29" s="257">
        <v>0</v>
      </c>
      <c r="Z29" s="261">
        <v>36</v>
      </c>
      <c r="AA29" s="258">
        <v>36</v>
      </c>
      <c r="AB29" s="260">
        <v>0</v>
      </c>
      <c r="AC29" s="261">
        <v>45</v>
      </c>
      <c r="AD29" s="261">
        <v>79</v>
      </c>
      <c r="AE29" s="261">
        <v>20</v>
      </c>
      <c r="AF29" s="261">
        <v>21</v>
      </c>
      <c r="AG29" s="261">
        <v>21</v>
      </c>
      <c r="AH29" s="258">
        <v>186</v>
      </c>
      <c r="AI29" s="263">
        <v>222</v>
      </c>
      <c r="AJ29" s="257">
        <v>0</v>
      </c>
      <c r="AK29" s="261">
        <v>0</v>
      </c>
      <c r="AL29" s="258">
        <v>0</v>
      </c>
      <c r="AM29" s="260">
        <v>0</v>
      </c>
      <c r="AN29" s="261">
        <v>0</v>
      </c>
      <c r="AO29" s="261">
        <v>9</v>
      </c>
      <c r="AP29" s="261">
        <v>0</v>
      </c>
      <c r="AQ29" s="261">
        <v>0</v>
      </c>
      <c r="AR29" s="261">
        <v>0</v>
      </c>
      <c r="AS29" s="258">
        <v>9</v>
      </c>
      <c r="AT29" s="263">
        <v>9</v>
      </c>
      <c r="AU29" s="257">
        <v>0</v>
      </c>
      <c r="AV29" s="261">
        <v>0</v>
      </c>
      <c r="AW29" s="258">
        <v>0</v>
      </c>
      <c r="AX29" s="260">
        <v>0</v>
      </c>
      <c r="AY29" s="261">
        <v>73</v>
      </c>
      <c r="AZ29" s="261">
        <v>75</v>
      </c>
      <c r="BA29" s="261">
        <v>41</v>
      </c>
      <c r="BB29" s="261">
        <v>31</v>
      </c>
      <c r="BC29" s="261">
        <v>0</v>
      </c>
      <c r="BD29" s="262">
        <v>220</v>
      </c>
      <c r="BE29" s="263">
        <v>220</v>
      </c>
      <c r="BF29" s="257">
        <v>0</v>
      </c>
      <c r="BG29" s="261">
        <v>0</v>
      </c>
      <c r="BH29" s="258">
        <v>0</v>
      </c>
      <c r="BI29" s="260">
        <v>0</v>
      </c>
      <c r="BJ29" s="261">
        <v>10</v>
      </c>
      <c r="BK29" s="261">
        <v>32</v>
      </c>
      <c r="BL29" s="261">
        <v>17</v>
      </c>
      <c r="BM29" s="261">
        <v>0</v>
      </c>
      <c r="BN29" s="261">
        <v>0</v>
      </c>
      <c r="BO29" s="258">
        <v>59</v>
      </c>
      <c r="BP29" s="263">
        <v>59</v>
      </c>
      <c r="BQ29" s="257">
        <v>0</v>
      </c>
      <c r="BR29" s="261">
        <v>2</v>
      </c>
      <c r="BS29" s="258">
        <v>2</v>
      </c>
      <c r="BT29" s="260">
        <v>0</v>
      </c>
      <c r="BU29" s="261">
        <v>0</v>
      </c>
      <c r="BV29" s="261">
        <v>3</v>
      </c>
      <c r="BW29" s="261">
        <v>4</v>
      </c>
      <c r="BX29" s="261">
        <v>0</v>
      </c>
      <c r="BY29" s="261">
        <v>0</v>
      </c>
      <c r="BZ29" s="258">
        <v>7</v>
      </c>
      <c r="CA29" s="263">
        <v>9</v>
      </c>
      <c r="CB29" s="257">
        <v>0</v>
      </c>
      <c r="CC29" s="261">
        <v>0</v>
      </c>
      <c r="CD29" s="258">
        <v>0</v>
      </c>
      <c r="CE29" s="260">
        <v>0</v>
      </c>
      <c r="CF29" s="261">
        <v>0</v>
      </c>
      <c r="CG29" s="261">
        <v>0</v>
      </c>
      <c r="CH29" s="261">
        <v>0</v>
      </c>
      <c r="CI29" s="261">
        <v>0</v>
      </c>
      <c r="CJ29" s="261">
        <v>0</v>
      </c>
      <c r="CK29" s="258">
        <v>0</v>
      </c>
      <c r="CL29" s="263">
        <v>0</v>
      </c>
      <c r="CM29" s="257">
        <v>0</v>
      </c>
      <c r="CN29" s="261">
        <v>0</v>
      </c>
      <c r="CO29" s="258">
        <v>0</v>
      </c>
      <c r="CP29" s="260">
        <v>0</v>
      </c>
      <c r="CQ29" s="261">
        <v>0</v>
      </c>
      <c r="CR29" s="261">
        <v>0</v>
      </c>
      <c r="CS29" s="261">
        <v>0</v>
      </c>
      <c r="CT29" s="261">
        <v>0</v>
      </c>
      <c r="CU29" s="261">
        <v>0</v>
      </c>
      <c r="CV29" s="258">
        <v>0</v>
      </c>
      <c r="CW29" s="263">
        <v>0</v>
      </c>
      <c r="CX29" s="257">
        <v>0</v>
      </c>
      <c r="CY29" s="261">
        <v>0</v>
      </c>
      <c r="CZ29" s="258">
        <v>0</v>
      </c>
      <c r="DA29" s="260">
        <v>0</v>
      </c>
      <c r="DB29" s="261">
        <v>0</v>
      </c>
      <c r="DC29" s="261">
        <v>0</v>
      </c>
      <c r="DD29" s="261">
        <v>0</v>
      </c>
      <c r="DE29" s="261">
        <v>0</v>
      </c>
      <c r="DF29" s="261">
        <v>0</v>
      </c>
      <c r="DG29" s="258">
        <v>0</v>
      </c>
      <c r="DH29" s="263">
        <v>0</v>
      </c>
    </row>
    <row r="30" spans="2:112" ht="21" customHeight="1" x14ac:dyDescent="0.2">
      <c r="B30" s="472" t="s">
        <v>28</v>
      </c>
      <c r="C30" s="257">
        <v>0</v>
      </c>
      <c r="D30" s="261">
        <v>0</v>
      </c>
      <c r="E30" s="358">
        <v>0</v>
      </c>
      <c r="F30" s="260">
        <v>0</v>
      </c>
      <c r="G30" s="261">
        <v>0</v>
      </c>
      <c r="H30" s="261">
        <v>0</v>
      </c>
      <c r="I30" s="261">
        <v>22</v>
      </c>
      <c r="J30" s="261">
        <v>0</v>
      </c>
      <c r="K30" s="261">
        <v>0</v>
      </c>
      <c r="L30" s="262">
        <v>22</v>
      </c>
      <c r="M30" s="263">
        <v>22</v>
      </c>
      <c r="N30" s="257">
        <v>0</v>
      </c>
      <c r="O30" s="261">
        <v>0</v>
      </c>
      <c r="P30" s="258">
        <v>0</v>
      </c>
      <c r="Q30" s="260">
        <v>0</v>
      </c>
      <c r="R30" s="261">
        <v>0</v>
      </c>
      <c r="S30" s="261">
        <v>0</v>
      </c>
      <c r="T30" s="261">
        <v>0</v>
      </c>
      <c r="U30" s="261">
        <v>0</v>
      </c>
      <c r="V30" s="261">
        <v>0</v>
      </c>
      <c r="W30" s="258">
        <v>0</v>
      </c>
      <c r="X30" s="263">
        <v>0</v>
      </c>
      <c r="Y30" s="257">
        <v>0</v>
      </c>
      <c r="Z30" s="261">
        <v>0</v>
      </c>
      <c r="AA30" s="258">
        <v>0</v>
      </c>
      <c r="AB30" s="260">
        <v>0</v>
      </c>
      <c r="AC30" s="261">
        <v>0</v>
      </c>
      <c r="AD30" s="261">
        <v>17</v>
      </c>
      <c r="AE30" s="261">
        <v>9</v>
      </c>
      <c r="AF30" s="261">
        <v>11</v>
      </c>
      <c r="AG30" s="261">
        <v>0</v>
      </c>
      <c r="AH30" s="258">
        <v>37</v>
      </c>
      <c r="AI30" s="263">
        <v>37</v>
      </c>
      <c r="AJ30" s="257">
        <v>0</v>
      </c>
      <c r="AK30" s="261">
        <v>0</v>
      </c>
      <c r="AL30" s="258">
        <v>0</v>
      </c>
      <c r="AM30" s="260">
        <v>0</v>
      </c>
      <c r="AN30" s="261">
        <v>0</v>
      </c>
      <c r="AO30" s="261">
        <v>0</v>
      </c>
      <c r="AP30" s="261">
        <v>0</v>
      </c>
      <c r="AQ30" s="261">
        <v>0</v>
      </c>
      <c r="AR30" s="261">
        <v>0</v>
      </c>
      <c r="AS30" s="258">
        <v>0</v>
      </c>
      <c r="AT30" s="263">
        <v>0</v>
      </c>
      <c r="AU30" s="257">
        <v>0</v>
      </c>
      <c r="AV30" s="261">
        <v>0</v>
      </c>
      <c r="AW30" s="258">
        <v>0</v>
      </c>
      <c r="AX30" s="260">
        <v>0</v>
      </c>
      <c r="AY30" s="261">
        <v>5</v>
      </c>
      <c r="AZ30" s="261">
        <v>31</v>
      </c>
      <c r="BA30" s="261">
        <v>0</v>
      </c>
      <c r="BB30" s="261">
        <v>0</v>
      </c>
      <c r="BC30" s="261">
        <v>0</v>
      </c>
      <c r="BD30" s="262">
        <v>36</v>
      </c>
      <c r="BE30" s="263">
        <v>36</v>
      </c>
      <c r="BF30" s="257">
        <v>0</v>
      </c>
      <c r="BG30" s="261">
        <v>0</v>
      </c>
      <c r="BH30" s="258">
        <v>0</v>
      </c>
      <c r="BI30" s="260">
        <v>0</v>
      </c>
      <c r="BJ30" s="261">
        <v>0</v>
      </c>
      <c r="BK30" s="261">
        <v>0</v>
      </c>
      <c r="BL30" s="261">
        <v>10</v>
      </c>
      <c r="BM30" s="261">
        <v>0</v>
      </c>
      <c r="BN30" s="261">
        <v>0</v>
      </c>
      <c r="BO30" s="258">
        <v>10</v>
      </c>
      <c r="BP30" s="263">
        <v>10</v>
      </c>
      <c r="BQ30" s="257">
        <v>0</v>
      </c>
      <c r="BR30" s="261">
        <v>0</v>
      </c>
      <c r="BS30" s="258">
        <v>0</v>
      </c>
      <c r="BT30" s="260">
        <v>0</v>
      </c>
      <c r="BU30" s="261">
        <v>0</v>
      </c>
      <c r="BV30" s="261">
        <v>1</v>
      </c>
      <c r="BW30" s="261">
        <v>0</v>
      </c>
      <c r="BX30" s="261">
        <v>0</v>
      </c>
      <c r="BY30" s="261">
        <v>0</v>
      </c>
      <c r="BZ30" s="258">
        <v>1</v>
      </c>
      <c r="CA30" s="263">
        <v>1</v>
      </c>
      <c r="CB30" s="257">
        <v>0</v>
      </c>
      <c r="CC30" s="261">
        <v>0</v>
      </c>
      <c r="CD30" s="258">
        <v>0</v>
      </c>
      <c r="CE30" s="260">
        <v>0</v>
      </c>
      <c r="CF30" s="261">
        <v>0</v>
      </c>
      <c r="CG30" s="261">
        <v>0</v>
      </c>
      <c r="CH30" s="261">
        <v>6</v>
      </c>
      <c r="CI30" s="261">
        <v>0</v>
      </c>
      <c r="CJ30" s="261">
        <v>0</v>
      </c>
      <c r="CK30" s="258">
        <v>6</v>
      </c>
      <c r="CL30" s="263">
        <v>6</v>
      </c>
      <c r="CM30" s="257">
        <v>0</v>
      </c>
      <c r="CN30" s="261">
        <v>0</v>
      </c>
      <c r="CO30" s="258">
        <v>0</v>
      </c>
      <c r="CP30" s="260">
        <v>0</v>
      </c>
      <c r="CQ30" s="261">
        <v>0</v>
      </c>
      <c r="CR30" s="261">
        <v>0</v>
      </c>
      <c r="CS30" s="261">
        <v>0</v>
      </c>
      <c r="CT30" s="261">
        <v>0</v>
      </c>
      <c r="CU30" s="261">
        <v>0</v>
      </c>
      <c r="CV30" s="258">
        <v>0</v>
      </c>
      <c r="CW30" s="263">
        <v>0</v>
      </c>
      <c r="CX30" s="257">
        <v>0</v>
      </c>
      <c r="CY30" s="261">
        <v>0</v>
      </c>
      <c r="CZ30" s="258">
        <v>0</v>
      </c>
      <c r="DA30" s="260">
        <v>0</v>
      </c>
      <c r="DB30" s="261">
        <v>0</v>
      </c>
      <c r="DC30" s="261">
        <v>0</v>
      </c>
      <c r="DD30" s="261">
        <v>0</v>
      </c>
      <c r="DE30" s="261">
        <v>0</v>
      </c>
      <c r="DF30" s="261">
        <v>0</v>
      </c>
      <c r="DG30" s="258">
        <v>0</v>
      </c>
      <c r="DH30" s="263">
        <v>0</v>
      </c>
    </row>
    <row r="31" spans="2:112" ht="21" customHeight="1" x14ac:dyDescent="0.2">
      <c r="B31" s="472" t="s">
        <v>29</v>
      </c>
      <c r="C31" s="257">
        <v>0</v>
      </c>
      <c r="D31" s="261">
        <v>0</v>
      </c>
      <c r="E31" s="358">
        <v>0</v>
      </c>
      <c r="F31" s="260">
        <v>0</v>
      </c>
      <c r="G31" s="261">
        <v>11</v>
      </c>
      <c r="H31" s="261">
        <v>30</v>
      </c>
      <c r="I31" s="261">
        <v>0</v>
      </c>
      <c r="J31" s="261">
        <v>63</v>
      </c>
      <c r="K31" s="261">
        <v>0</v>
      </c>
      <c r="L31" s="262">
        <v>104</v>
      </c>
      <c r="M31" s="263">
        <v>104</v>
      </c>
      <c r="N31" s="257">
        <v>0</v>
      </c>
      <c r="O31" s="261">
        <v>0</v>
      </c>
      <c r="P31" s="258">
        <v>0</v>
      </c>
      <c r="Q31" s="260">
        <v>0</v>
      </c>
      <c r="R31" s="261">
        <v>0</v>
      </c>
      <c r="S31" s="261">
        <v>0</v>
      </c>
      <c r="T31" s="261">
        <v>6</v>
      </c>
      <c r="U31" s="261">
        <v>0</v>
      </c>
      <c r="V31" s="261">
        <v>0</v>
      </c>
      <c r="W31" s="258">
        <v>6</v>
      </c>
      <c r="X31" s="263">
        <v>6</v>
      </c>
      <c r="Y31" s="257">
        <v>0</v>
      </c>
      <c r="Z31" s="261">
        <v>2</v>
      </c>
      <c r="AA31" s="258">
        <v>2</v>
      </c>
      <c r="AB31" s="260">
        <v>0</v>
      </c>
      <c r="AC31" s="261">
        <v>3</v>
      </c>
      <c r="AD31" s="261">
        <v>4</v>
      </c>
      <c r="AE31" s="261">
        <v>5</v>
      </c>
      <c r="AF31" s="261">
        <v>6</v>
      </c>
      <c r="AG31" s="261">
        <v>0</v>
      </c>
      <c r="AH31" s="258">
        <v>18</v>
      </c>
      <c r="AI31" s="263">
        <v>20</v>
      </c>
      <c r="AJ31" s="257">
        <v>0</v>
      </c>
      <c r="AK31" s="261">
        <v>0</v>
      </c>
      <c r="AL31" s="258">
        <v>0</v>
      </c>
      <c r="AM31" s="260">
        <v>0</v>
      </c>
      <c r="AN31" s="261">
        <v>0</v>
      </c>
      <c r="AO31" s="261">
        <v>12</v>
      </c>
      <c r="AP31" s="261">
        <v>0</v>
      </c>
      <c r="AQ31" s="261">
        <v>0</v>
      </c>
      <c r="AR31" s="261">
        <v>0</v>
      </c>
      <c r="AS31" s="258">
        <v>12</v>
      </c>
      <c r="AT31" s="263">
        <v>12</v>
      </c>
      <c r="AU31" s="257">
        <v>0</v>
      </c>
      <c r="AV31" s="261">
        <v>0</v>
      </c>
      <c r="AW31" s="258">
        <v>0</v>
      </c>
      <c r="AX31" s="260">
        <v>0</v>
      </c>
      <c r="AY31" s="261">
        <v>0</v>
      </c>
      <c r="AZ31" s="261">
        <v>31</v>
      </c>
      <c r="BA31" s="261">
        <v>3</v>
      </c>
      <c r="BB31" s="261">
        <v>0</v>
      </c>
      <c r="BC31" s="261">
        <v>0</v>
      </c>
      <c r="BD31" s="262">
        <v>34</v>
      </c>
      <c r="BE31" s="263">
        <v>34</v>
      </c>
      <c r="BF31" s="257">
        <v>0</v>
      </c>
      <c r="BG31" s="261">
        <v>0</v>
      </c>
      <c r="BH31" s="258">
        <v>0</v>
      </c>
      <c r="BI31" s="260">
        <v>0</v>
      </c>
      <c r="BJ31" s="261">
        <v>0</v>
      </c>
      <c r="BK31" s="261">
        <v>0</v>
      </c>
      <c r="BL31" s="261">
        <v>0</v>
      </c>
      <c r="BM31" s="261">
        <v>0</v>
      </c>
      <c r="BN31" s="261">
        <v>0</v>
      </c>
      <c r="BO31" s="258">
        <v>0</v>
      </c>
      <c r="BP31" s="263">
        <v>0</v>
      </c>
      <c r="BQ31" s="257">
        <v>0</v>
      </c>
      <c r="BR31" s="261">
        <v>0</v>
      </c>
      <c r="BS31" s="258">
        <v>0</v>
      </c>
      <c r="BT31" s="260">
        <v>0</v>
      </c>
      <c r="BU31" s="261">
        <v>0</v>
      </c>
      <c r="BV31" s="261">
        <v>0</v>
      </c>
      <c r="BW31" s="261">
        <v>28</v>
      </c>
      <c r="BX31" s="261">
        <v>0</v>
      </c>
      <c r="BY31" s="261">
        <v>2</v>
      </c>
      <c r="BZ31" s="258">
        <v>30</v>
      </c>
      <c r="CA31" s="263">
        <v>30</v>
      </c>
      <c r="CB31" s="257">
        <v>0</v>
      </c>
      <c r="CC31" s="261">
        <v>0</v>
      </c>
      <c r="CD31" s="258">
        <v>0</v>
      </c>
      <c r="CE31" s="260">
        <v>0</v>
      </c>
      <c r="CF31" s="261">
        <v>0</v>
      </c>
      <c r="CG31" s="261">
        <v>0</v>
      </c>
      <c r="CH31" s="261">
        <v>0</v>
      </c>
      <c r="CI31" s="261">
        <v>0</v>
      </c>
      <c r="CJ31" s="261">
        <v>0</v>
      </c>
      <c r="CK31" s="258">
        <v>0</v>
      </c>
      <c r="CL31" s="263">
        <v>0</v>
      </c>
      <c r="CM31" s="257">
        <v>0</v>
      </c>
      <c r="CN31" s="261">
        <v>0</v>
      </c>
      <c r="CO31" s="258">
        <v>0</v>
      </c>
      <c r="CP31" s="260">
        <v>0</v>
      </c>
      <c r="CQ31" s="261">
        <v>0</v>
      </c>
      <c r="CR31" s="261">
        <v>0</v>
      </c>
      <c r="CS31" s="261">
        <v>0</v>
      </c>
      <c r="CT31" s="261">
        <v>0</v>
      </c>
      <c r="CU31" s="261">
        <v>0</v>
      </c>
      <c r="CV31" s="258">
        <v>0</v>
      </c>
      <c r="CW31" s="263">
        <v>0</v>
      </c>
      <c r="CX31" s="257">
        <v>0</v>
      </c>
      <c r="CY31" s="261">
        <v>0</v>
      </c>
      <c r="CZ31" s="258">
        <v>0</v>
      </c>
      <c r="DA31" s="260">
        <v>0</v>
      </c>
      <c r="DB31" s="261">
        <v>0</v>
      </c>
      <c r="DC31" s="261">
        <v>0</v>
      </c>
      <c r="DD31" s="261">
        <v>0</v>
      </c>
      <c r="DE31" s="261">
        <v>0</v>
      </c>
      <c r="DF31" s="261">
        <v>0</v>
      </c>
      <c r="DG31" s="258">
        <v>0</v>
      </c>
      <c r="DH31" s="263">
        <v>0</v>
      </c>
    </row>
    <row r="32" spans="2:112" ht="21" customHeight="1" x14ac:dyDescent="0.2">
      <c r="B32" s="472" t="s">
        <v>30</v>
      </c>
      <c r="C32" s="257">
        <v>0</v>
      </c>
      <c r="D32" s="261">
        <v>0</v>
      </c>
      <c r="E32" s="358">
        <v>0</v>
      </c>
      <c r="F32" s="260">
        <v>0</v>
      </c>
      <c r="G32" s="261">
        <v>9</v>
      </c>
      <c r="H32" s="261">
        <v>22</v>
      </c>
      <c r="I32" s="261">
        <v>13</v>
      </c>
      <c r="J32" s="261">
        <v>12</v>
      </c>
      <c r="K32" s="261">
        <v>0</v>
      </c>
      <c r="L32" s="262">
        <v>56</v>
      </c>
      <c r="M32" s="263">
        <v>56</v>
      </c>
      <c r="N32" s="257">
        <v>0</v>
      </c>
      <c r="O32" s="261">
        <v>0</v>
      </c>
      <c r="P32" s="258">
        <v>0</v>
      </c>
      <c r="Q32" s="260">
        <v>0</v>
      </c>
      <c r="R32" s="261">
        <v>0</v>
      </c>
      <c r="S32" s="261">
        <v>0</v>
      </c>
      <c r="T32" s="261">
        <v>0</v>
      </c>
      <c r="U32" s="261">
        <v>0</v>
      </c>
      <c r="V32" s="261">
        <v>0</v>
      </c>
      <c r="W32" s="258">
        <v>0</v>
      </c>
      <c r="X32" s="263">
        <v>0</v>
      </c>
      <c r="Y32" s="257">
        <v>1</v>
      </c>
      <c r="Z32" s="261">
        <v>9</v>
      </c>
      <c r="AA32" s="258">
        <v>10</v>
      </c>
      <c r="AB32" s="260">
        <v>0</v>
      </c>
      <c r="AC32" s="261">
        <v>6</v>
      </c>
      <c r="AD32" s="261">
        <v>0</v>
      </c>
      <c r="AE32" s="261">
        <v>0</v>
      </c>
      <c r="AF32" s="261">
        <v>5</v>
      </c>
      <c r="AG32" s="261">
        <v>0</v>
      </c>
      <c r="AH32" s="258">
        <v>11</v>
      </c>
      <c r="AI32" s="263">
        <v>21</v>
      </c>
      <c r="AJ32" s="257">
        <v>0</v>
      </c>
      <c r="AK32" s="261">
        <v>0</v>
      </c>
      <c r="AL32" s="258">
        <v>0</v>
      </c>
      <c r="AM32" s="260">
        <v>0</v>
      </c>
      <c r="AN32" s="261">
        <v>0</v>
      </c>
      <c r="AO32" s="261">
        <v>0</v>
      </c>
      <c r="AP32" s="261">
        <v>0</v>
      </c>
      <c r="AQ32" s="261">
        <v>0</v>
      </c>
      <c r="AR32" s="261">
        <v>0</v>
      </c>
      <c r="AS32" s="258">
        <v>0</v>
      </c>
      <c r="AT32" s="263">
        <v>0</v>
      </c>
      <c r="AU32" s="257">
        <v>0</v>
      </c>
      <c r="AV32" s="261">
        <v>0</v>
      </c>
      <c r="AW32" s="258">
        <v>0</v>
      </c>
      <c r="AX32" s="260">
        <v>0</v>
      </c>
      <c r="AY32" s="261">
        <v>4</v>
      </c>
      <c r="AZ32" s="261">
        <v>0</v>
      </c>
      <c r="BA32" s="261">
        <v>0</v>
      </c>
      <c r="BB32" s="261">
        <v>14</v>
      </c>
      <c r="BC32" s="261">
        <v>0</v>
      </c>
      <c r="BD32" s="262">
        <v>18</v>
      </c>
      <c r="BE32" s="263">
        <v>18</v>
      </c>
      <c r="BF32" s="257">
        <v>0</v>
      </c>
      <c r="BG32" s="261">
        <v>0</v>
      </c>
      <c r="BH32" s="258">
        <v>0</v>
      </c>
      <c r="BI32" s="260">
        <v>0</v>
      </c>
      <c r="BJ32" s="261">
        <v>0</v>
      </c>
      <c r="BK32" s="261">
        <v>0</v>
      </c>
      <c r="BL32" s="261">
        <v>0</v>
      </c>
      <c r="BM32" s="261">
        <v>0</v>
      </c>
      <c r="BN32" s="261">
        <v>0</v>
      </c>
      <c r="BO32" s="258">
        <v>0</v>
      </c>
      <c r="BP32" s="263">
        <v>0</v>
      </c>
      <c r="BQ32" s="257">
        <v>0</v>
      </c>
      <c r="BR32" s="261">
        <v>0</v>
      </c>
      <c r="BS32" s="258">
        <v>0</v>
      </c>
      <c r="BT32" s="260">
        <v>0</v>
      </c>
      <c r="BU32" s="261">
        <v>0</v>
      </c>
      <c r="BV32" s="261">
        <v>0</v>
      </c>
      <c r="BW32" s="261">
        <v>3</v>
      </c>
      <c r="BX32" s="261">
        <v>8</v>
      </c>
      <c r="BY32" s="261">
        <v>0</v>
      </c>
      <c r="BZ32" s="258">
        <v>11</v>
      </c>
      <c r="CA32" s="263">
        <v>11</v>
      </c>
      <c r="CB32" s="257">
        <v>0</v>
      </c>
      <c r="CC32" s="261">
        <v>0</v>
      </c>
      <c r="CD32" s="258">
        <v>0</v>
      </c>
      <c r="CE32" s="260">
        <v>0</v>
      </c>
      <c r="CF32" s="261">
        <v>0</v>
      </c>
      <c r="CG32" s="261">
        <v>0</v>
      </c>
      <c r="CH32" s="261">
        <v>0</v>
      </c>
      <c r="CI32" s="261">
        <v>0</v>
      </c>
      <c r="CJ32" s="261">
        <v>0</v>
      </c>
      <c r="CK32" s="258">
        <v>0</v>
      </c>
      <c r="CL32" s="263">
        <v>0</v>
      </c>
      <c r="CM32" s="257">
        <v>0</v>
      </c>
      <c r="CN32" s="261">
        <v>0</v>
      </c>
      <c r="CO32" s="258">
        <v>0</v>
      </c>
      <c r="CP32" s="260">
        <v>0</v>
      </c>
      <c r="CQ32" s="261">
        <v>0</v>
      </c>
      <c r="CR32" s="261">
        <v>0</v>
      </c>
      <c r="CS32" s="261">
        <v>0</v>
      </c>
      <c r="CT32" s="261">
        <v>0</v>
      </c>
      <c r="CU32" s="261">
        <v>0</v>
      </c>
      <c r="CV32" s="258">
        <v>0</v>
      </c>
      <c r="CW32" s="263">
        <v>0</v>
      </c>
      <c r="CX32" s="257">
        <v>0</v>
      </c>
      <c r="CY32" s="261">
        <v>0</v>
      </c>
      <c r="CZ32" s="258">
        <v>0</v>
      </c>
      <c r="DA32" s="260">
        <v>0</v>
      </c>
      <c r="DB32" s="261">
        <v>0</v>
      </c>
      <c r="DC32" s="261">
        <v>0</v>
      </c>
      <c r="DD32" s="261">
        <v>0</v>
      </c>
      <c r="DE32" s="261">
        <v>0</v>
      </c>
      <c r="DF32" s="261">
        <v>0</v>
      </c>
      <c r="DG32" s="258">
        <v>0</v>
      </c>
      <c r="DH32" s="263">
        <v>0</v>
      </c>
    </row>
    <row r="33" spans="2:112" ht="21" customHeight="1" x14ac:dyDescent="0.2">
      <c r="B33" s="472" t="s">
        <v>31</v>
      </c>
      <c r="C33" s="257">
        <v>0</v>
      </c>
      <c r="D33" s="261">
        <v>0</v>
      </c>
      <c r="E33" s="358">
        <v>0</v>
      </c>
      <c r="F33" s="260">
        <v>0</v>
      </c>
      <c r="G33" s="261">
        <v>0</v>
      </c>
      <c r="H33" s="261">
        <v>0</v>
      </c>
      <c r="I33" s="261">
        <v>127</v>
      </c>
      <c r="J33" s="261">
        <v>0</v>
      </c>
      <c r="K33" s="261">
        <v>0</v>
      </c>
      <c r="L33" s="262">
        <v>127</v>
      </c>
      <c r="M33" s="263">
        <v>127</v>
      </c>
      <c r="N33" s="257">
        <v>0</v>
      </c>
      <c r="O33" s="261">
        <v>0</v>
      </c>
      <c r="P33" s="258">
        <v>0</v>
      </c>
      <c r="Q33" s="260">
        <v>0</v>
      </c>
      <c r="R33" s="261">
        <v>0</v>
      </c>
      <c r="S33" s="261">
        <v>4</v>
      </c>
      <c r="T33" s="261">
        <v>9</v>
      </c>
      <c r="U33" s="261">
        <v>0</v>
      </c>
      <c r="V33" s="261">
        <v>0</v>
      </c>
      <c r="W33" s="258">
        <v>13</v>
      </c>
      <c r="X33" s="263">
        <v>13</v>
      </c>
      <c r="Y33" s="257">
        <v>0</v>
      </c>
      <c r="Z33" s="261">
        <v>0</v>
      </c>
      <c r="AA33" s="258">
        <v>0</v>
      </c>
      <c r="AB33" s="260">
        <v>0</v>
      </c>
      <c r="AC33" s="261">
        <v>0</v>
      </c>
      <c r="AD33" s="261">
        <v>0</v>
      </c>
      <c r="AE33" s="261">
        <v>12</v>
      </c>
      <c r="AF33" s="261">
        <v>0</v>
      </c>
      <c r="AG33" s="261">
        <v>0</v>
      </c>
      <c r="AH33" s="258">
        <v>12</v>
      </c>
      <c r="AI33" s="263">
        <v>12</v>
      </c>
      <c r="AJ33" s="257">
        <v>0</v>
      </c>
      <c r="AK33" s="261">
        <v>0</v>
      </c>
      <c r="AL33" s="258">
        <v>0</v>
      </c>
      <c r="AM33" s="260">
        <v>0</v>
      </c>
      <c r="AN33" s="261">
        <v>0</v>
      </c>
      <c r="AO33" s="261">
        <v>0</v>
      </c>
      <c r="AP33" s="261">
        <v>0</v>
      </c>
      <c r="AQ33" s="261">
        <v>0</v>
      </c>
      <c r="AR33" s="261">
        <v>0</v>
      </c>
      <c r="AS33" s="258">
        <v>0</v>
      </c>
      <c r="AT33" s="263">
        <v>0</v>
      </c>
      <c r="AU33" s="257">
        <v>0</v>
      </c>
      <c r="AV33" s="261">
        <v>0</v>
      </c>
      <c r="AW33" s="258">
        <v>0</v>
      </c>
      <c r="AX33" s="260">
        <v>0</v>
      </c>
      <c r="AY33" s="261">
        <v>8</v>
      </c>
      <c r="AZ33" s="261">
        <v>8</v>
      </c>
      <c r="BA33" s="261">
        <v>22</v>
      </c>
      <c r="BB33" s="261">
        <v>0</v>
      </c>
      <c r="BC33" s="261">
        <v>0</v>
      </c>
      <c r="BD33" s="262">
        <v>38</v>
      </c>
      <c r="BE33" s="263">
        <v>38</v>
      </c>
      <c r="BF33" s="257">
        <v>0</v>
      </c>
      <c r="BG33" s="261">
        <v>0</v>
      </c>
      <c r="BH33" s="258">
        <v>0</v>
      </c>
      <c r="BI33" s="260">
        <v>0</v>
      </c>
      <c r="BJ33" s="261">
        <v>8</v>
      </c>
      <c r="BK33" s="261">
        <v>9</v>
      </c>
      <c r="BL33" s="261">
        <v>13</v>
      </c>
      <c r="BM33" s="261">
        <v>0</v>
      </c>
      <c r="BN33" s="261">
        <v>0</v>
      </c>
      <c r="BO33" s="258">
        <v>30</v>
      </c>
      <c r="BP33" s="263">
        <v>30</v>
      </c>
      <c r="BQ33" s="257">
        <v>0</v>
      </c>
      <c r="BR33" s="261">
        <v>0</v>
      </c>
      <c r="BS33" s="258">
        <v>0</v>
      </c>
      <c r="BT33" s="260">
        <v>0</v>
      </c>
      <c r="BU33" s="261">
        <v>0</v>
      </c>
      <c r="BV33" s="261">
        <v>0</v>
      </c>
      <c r="BW33" s="261">
        <v>1</v>
      </c>
      <c r="BX33" s="261">
        <v>3</v>
      </c>
      <c r="BY33" s="261">
        <v>0</v>
      </c>
      <c r="BZ33" s="258">
        <v>4</v>
      </c>
      <c r="CA33" s="263">
        <v>4</v>
      </c>
      <c r="CB33" s="257">
        <v>0</v>
      </c>
      <c r="CC33" s="261">
        <v>0</v>
      </c>
      <c r="CD33" s="258">
        <v>0</v>
      </c>
      <c r="CE33" s="260">
        <v>0</v>
      </c>
      <c r="CF33" s="261">
        <v>0</v>
      </c>
      <c r="CG33" s="261">
        <v>0</v>
      </c>
      <c r="CH33" s="261">
        <v>0</v>
      </c>
      <c r="CI33" s="261">
        <v>0</v>
      </c>
      <c r="CJ33" s="261">
        <v>0</v>
      </c>
      <c r="CK33" s="258">
        <v>0</v>
      </c>
      <c r="CL33" s="263">
        <v>0</v>
      </c>
      <c r="CM33" s="257">
        <v>0</v>
      </c>
      <c r="CN33" s="261">
        <v>0</v>
      </c>
      <c r="CO33" s="258">
        <v>0</v>
      </c>
      <c r="CP33" s="260">
        <v>0</v>
      </c>
      <c r="CQ33" s="261">
        <v>0</v>
      </c>
      <c r="CR33" s="261">
        <v>0</v>
      </c>
      <c r="CS33" s="261">
        <v>0</v>
      </c>
      <c r="CT33" s="261">
        <v>0</v>
      </c>
      <c r="CU33" s="261">
        <v>0</v>
      </c>
      <c r="CV33" s="258">
        <v>0</v>
      </c>
      <c r="CW33" s="263">
        <v>0</v>
      </c>
      <c r="CX33" s="257">
        <v>0</v>
      </c>
      <c r="CY33" s="261">
        <v>0</v>
      </c>
      <c r="CZ33" s="258">
        <v>0</v>
      </c>
      <c r="DA33" s="260">
        <v>0</v>
      </c>
      <c r="DB33" s="261">
        <v>0</v>
      </c>
      <c r="DC33" s="261">
        <v>0</v>
      </c>
      <c r="DD33" s="261">
        <v>0</v>
      </c>
      <c r="DE33" s="261">
        <v>0</v>
      </c>
      <c r="DF33" s="261">
        <v>0</v>
      </c>
      <c r="DG33" s="258">
        <v>0</v>
      </c>
      <c r="DH33" s="263">
        <v>0</v>
      </c>
    </row>
    <row r="34" spans="2:112" ht="21" customHeight="1" x14ac:dyDescent="0.2">
      <c r="B34" s="472" t="s">
        <v>32</v>
      </c>
      <c r="C34" s="257">
        <v>0</v>
      </c>
      <c r="D34" s="261">
        <v>0</v>
      </c>
      <c r="E34" s="358">
        <v>0</v>
      </c>
      <c r="F34" s="260">
        <v>0</v>
      </c>
      <c r="G34" s="261">
        <v>39</v>
      </c>
      <c r="H34" s="261">
        <v>0</v>
      </c>
      <c r="I34" s="261">
        <v>0</v>
      </c>
      <c r="J34" s="261">
        <v>0</v>
      </c>
      <c r="K34" s="261">
        <v>84</v>
      </c>
      <c r="L34" s="262">
        <v>123</v>
      </c>
      <c r="M34" s="263">
        <v>123</v>
      </c>
      <c r="N34" s="257">
        <v>0</v>
      </c>
      <c r="O34" s="261">
        <v>0</v>
      </c>
      <c r="P34" s="258">
        <v>0</v>
      </c>
      <c r="Q34" s="260">
        <v>0</v>
      </c>
      <c r="R34" s="261">
        <v>0</v>
      </c>
      <c r="S34" s="261">
        <v>0</v>
      </c>
      <c r="T34" s="261">
        <v>0</v>
      </c>
      <c r="U34" s="261">
        <v>0</v>
      </c>
      <c r="V34" s="261">
        <v>5</v>
      </c>
      <c r="W34" s="258">
        <v>5</v>
      </c>
      <c r="X34" s="263">
        <v>5</v>
      </c>
      <c r="Y34" s="257">
        <v>0</v>
      </c>
      <c r="Z34" s="261">
        <v>0</v>
      </c>
      <c r="AA34" s="258">
        <v>0</v>
      </c>
      <c r="AB34" s="260">
        <v>0</v>
      </c>
      <c r="AC34" s="261">
        <v>15</v>
      </c>
      <c r="AD34" s="261">
        <v>35</v>
      </c>
      <c r="AE34" s="261">
        <v>0</v>
      </c>
      <c r="AF34" s="261">
        <v>0</v>
      </c>
      <c r="AG34" s="261">
        <v>0</v>
      </c>
      <c r="AH34" s="258">
        <v>50</v>
      </c>
      <c r="AI34" s="263">
        <v>50</v>
      </c>
      <c r="AJ34" s="257">
        <v>0</v>
      </c>
      <c r="AK34" s="261">
        <v>0</v>
      </c>
      <c r="AL34" s="258">
        <v>0</v>
      </c>
      <c r="AM34" s="260">
        <v>0</v>
      </c>
      <c r="AN34" s="261">
        <v>0</v>
      </c>
      <c r="AO34" s="261">
        <v>9</v>
      </c>
      <c r="AP34" s="261">
        <v>0</v>
      </c>
      <c r="AQ34" s="261">
        <v>0</v>
      </c>
      <c r="AR34" s="261">
        <v>0</v>
      </c>
      <c r="AS34" s="258">
        <v>9</v>
      </c>
      <c r="AT34" s="263">
        <v>9</v>
      </c>
      <c r="AU34" s="257">
        <v>0</v>
      </c>
      <c r="AV34" s="261">
        <v>0</v>
      </c>
      <c r="AW34" s="258">
        <v>0</v>
      </c>
      <c r="AX34" s="260">
        <v>0</v>
      </c>
      <c r="AY34" s="261">
        <v>5</v>
      </c>
      <c r="AZ34" s="261">
        <v>39</v>
      </c>
      <c r="BA34" s="261">
        <v>4</v>
      </c>
      <c r="BB34" s="261">
        <v>0</v>
      </c>
      <c r="BC34" s="261">
        <v>0</v>
      </c>
      <c r="BD34" s="262">
        <v>48</v>
      </c>
      <c r="BE34" s="263">
        <v>48</v>
      </c>
      <c r="BF34" s="257">
        <v>0</v>
      </c>
      <c r="BG34" s="261">
        <v>0</v>
      </c>
      <c r="BH34" s="258">
        <v>0</v>
      </c>
      <c r="BI34" s="260">
        <v>0</v>
      </c>
      <c r="BJ34" s="261">
        <v>0</v>
      </c>
      <c r="BK34" s="261">
        <v>9</v>
      </c>
      <c r="BL34" s="261">
        <v>4</v>
      </c>
      <c r="BM34" s="261">
        <v>0</v>
      </c>
      <c r="BN34" s="261">
        <v>0</v>
      </c>
      <c r="BO34" s="258">
        <v>13</v>
      </c>
      <c r="BP34" s="263">
        <v>13</v>
      </c>
      <c r="BQ34" s="257">
        <v>0</v>
      </c>
      <c r="BR34" s="261">
        <v>0</v>
      </c>
      <c r="BS34" s="258">
        <v>0</v>
      </c>
      <c r="BT34" s="260">
        <v>0</v>
      </c>
      <c r="BU34" s="261">
        <v>3</v>
      </c>
      <c r="BV34" s="261">
        <v>0</v>
      </c>
      <c r="BW34" s="261">
        <v>0</v>
      </c>
      <c r="BX34" s="261">
        <v>0</v>
      </c>
      <c r="BY34" s="261">
        <v>0</v>
      </c>
      <c r="BZ34" s="258">
        <v>3</v>
      </c>
      <c r="CA34" s="263">
        <v>3</v>
      </c>
      <c r="CB34" s="257">
        <v>0</v>
      </c>
      <c r="CC34" s="261">
        <v>0</v>
      </c>
      <c r="CD34" s="258">
        <v>0</v>
      </c>
      <c r="CE34" s="260">
        <v>0</v>
      </c>
      <c r="CF34" s="261">
        <v>0</v>
      </c>
      <c r="CG34" s="261">
        <v>0</v>
      </c>
      <c r="CH34" s="261">
        <v>0</v>
      </c>
      <c r="CI34" s="261">
        <v>0</v>
      </c>
      <c r="CJ34" s="261">
        <v>0</v>
      </c>
      <c r="CK34" s="258">
        <v>0</v>
      </c>
      <c r="CL34" s="263">
        <v>0</v>
      </c>
      <c r="CM34" s="257">
        <v>0</v>
      </c>
      <c r="CN34" s="261">
        <v>0</v>
      </c>
      <c r="CO34" s="258">
        <v>0</v>
      </c>
      <c r="CP34" s="260">
        <v>0</v>
      </c>
      <c r="CQ34" s="261">
        <v>0</v>
      </c>
      <c r="CR34" s="261">
        <v>0</v>
      </c>
      <c r="CS34" s="261">
        <v>0</v>
      </c>
      <c r="CT34" s="261">
        <v>0</v>
      </c>
      <c r="CU34" s="261">
        <v>0</v>
      </c>
      <c r="CV34" s="258">
        <v>0</v>
      </c>
      <c r="CW34" s="263">
        <v>0</v>
      </c>
      <c r="CX34" s="257">
        <v>0</v>
      </c>
      <c r="CY34" s="261">
        <v>0</v>
      </c>
      <c r="CZ34" s="258">
        <v>0</v>
      </c>
      <c r="DA34" s="260">
        <v>0</v>
      </c>
      <c r="DB34" s="261">
        <v>0</v>
      </c>
      <c r="DC34" s="261">
        <v>0</v>
      </c>
      <c r="DD34" s="261">
        <v>0</v>
      </c>
      <c r="DE34" s="261">
        <v>0</v>
      </c>
      <c r="DF34" s="261">
        <v>0</v>
      </c>
      <c r="DG34" s="258">
        <v>0</v>
      </c>
      <c r="DH34" s="263">
        <v>0</v>
      </c>
    </row>
    <row r="35" spans="2:112" ht="21" customHeight="1" x14ac:dyDescent="0.2">
      <c r="B35" s="472" t="s">
        <v>33</v>
      </c>
      <c r="C35" s="257">
        <v>0</v>
      </c>
      <c r="D35" s="261">
        <v>0</v>
      </c>
      <c r="E35" s="358">
        <v>0</v>
      </c>
      <c r="F35" s="260">
        <v>0</v>
      </c>
      <c r="G35" s="261">
        <v>11</v>
      </c>
      <c r="H35" s="261">
        <v>0</v>
      </c>
      <c r="I35" s="261">
        <v>12</v>
      </c>
      <c r="J35" s="261">
        <v>0</v>
      </c>
      <c r="K35" s="261">
        <v>0</v>
      </c>
      <c r="L35" s="262">
        <v>23</v>
      </c>
      <c r="M35" s="263">
        <v>23</v>
      </c>
      <c r="N35" s="257">
        <v>0</v>
      </c>
      <c r="O35" s="261">
        <v>0</v>
      </c>
      <c r="P35" s="258">
        <v>0</v>
      </c>
      <c r="Q35" s="260">
        <v>0</v>
      </c>
      <c r="R35" s="261">
        <v>0</v>
      </c>
      <c r="S35" s="261">
        <v>0</v>
      </c>
      <c r="T35" s="261">
        <v>0</v>
      </c>
      <c r="U35" s="261">
        <v>0</v>
      </c>
      <c r="V35" s="261">
        <v>0</v>
      </c>
      <c r="W35" s="258">
        <v>0</v>
      </c>
      <c r="X35" s="263">
        <v>0</v>
      </c>
      <c r="Y35" s="257">
        <v>0</v>
      </c>
      <c r="Z35" s="261">
        <v>0</v>
      </c>
      <c r="AA35" s="258">
        <v>0</v>
      </c>
      <c r="AB35" s="260">
        <v>0</v>
      </c>
      <c r="AC35" s="261">
        <v>4</v>
      </c>
      <c r="AD35" s="261">
        <v>0</v>
      </c>
      <c r="AE35" s="261">
        <v>4</v>
      </c>
      <c r="AF35" s="261">
        <v>0</v>
      </c>
      <c r="AG35" s="261">
        <v>0</v>
      </c>
      <c r="AH35" s="258">
        <v>8</v>
      </c>
      <c r="AI35" s="263">
        <v>8</v>
      </c>
      <c r="AJ35" s="257">
        <v>21</v>
      </c>
      <c r="AK35" s="261">
        <v>24</v>
      </c>
      <c r="AL35" s="258">
        <v>45</v>
      </c>
      <c r="AM35" s="260">
        <v>0</v>
      </c>
      <c r="AN35" s="261">
        <v>0</v>
      </c>
      <c r="AO35" s="261">
        <v>0</v>
      </c>
      <c r="AP35" s="261">
        <v>30</v>
      </c>
      <c r="AQ35" s="261">
        <v>0</v>
      </c>
      <c r="AR35" s="261">
        <v>0</v>
      </c>
      <c r="AS35" s="258">
        <v>30</v>
      </c>
      <c r="AT35" s="263">
        <v>75</v>
      </c>
      <c r="AU35" s="257">
        <v>0</v>
      </c>
      <c r="AV35" s="261">
        <v>0</v>
      </c>
      <c r="AW35" s="258">
        <v>0</v>
      </c>
      <c r="AX35" s="260">
        <v>0</v>
      </c>
      <c r="AY35" s="261">
        <v>0</v>
      </c>
      <c r="AZ35" s="261">
        <v>0</v>
      </c>
      <c r="BA35" s="261">
        <v>0</v>
      </c>
      <c r="BB35" s="261">
        <v>0</v>
      </c>
      <c r="BC35" s="261">
        <v>0</v>
      </c>
      <c r="BD35" s="262">
        <v>0</v>
      </c>
      <c r="BE35" s="263">
        <v>0</v>
      </c>
      <c r="BF35" s="257">
        <v>0</v>
      </c>
      <c r="BG35" s="261">
        <v>0</v>
      </c>
      <c r="BH35" s="258">
        <v>0</v>
      </c>
      <c r="BI35" s="260">
        <v>0</v>
      </c>
      <c r="BJ35" s="261">
        <v>4</v>
      </c>
      <c r="BK35" s="261">
        <v>0</v>
      </c>
      <c r="BL35" s="261">
        <v>0</v>
      </c>
      <c r="BM35" s="261">
        <v>0</v>
      </c>
      <c r="BN35" s="261">
        <v>0</v>
      </c>
      <c r="BO35" s="258">
        <v>4</v>
      </c>
      <c r="BP35" s="263">
        <v>4</v>
      </c>
      <c r="BQ35" s="257">
        <v>0</v>
      </c>
      <c r="BR35" s="261">
        <v>0</v>
      </c>
      <c r="BS35" s="258">
        <v>0</v>
      </c>
      <c r="BT35" s="260">
        <v>0</v>
      </c>
      <c r="BU35" s="261">
        <v>6</v>
      </c>
      <c r="BV35" s="261">
        <v>0</v>
      </c>
      <c r="BW35" s="261">
        <v>0</v>
      </c>
      <c r="BX35" s="261">
        <v>0</v>
      </c>
      <c r="BY35" s="261">
        <v>0</v>
      </c>
      <c r="BZ35" s="258">
        <v>6</v>
      </c>
      <c r="CA35" s="263">
        <v>6</v>
      </c>
      <c r="CB35" s="257">
        <v>0</v>
      </c>
      <c r="CC35" s="261">
        <v>0</v>
      </c>
      <c r="CD35" s="258">
        <v>0</v>
      </c>
      <c r="CE35" s="260">
        <v>0</v>
      </c>
      <c r="CF35" s="261">
        <v>0</v>
      </c>
      <c r="CG35" s="261">
        <v>0</v>
      </c>
      <c r="CH35" s="261">
        <v>0</v>
      </c>
      <c r="CI35" s="261">
        <v>0</v>
      </c>
      <c r="CJ35" s="261">
        <v>0</v>
      </c>
      <c r="CK35" s="258">
        <v>0</v>
      </c>
      <c r="CL35" s="263">
        <v>0</v>
      </c>
      <c r="CM35" s="257">
        <v>0</v>
      </c>
      <c r="CN35" s="261">
        <v>0</v>
      </c>
      <c r="CO35" s="258">
        <v>0</v>
      </c>
      <c r="CP35" s="260">
        <v>0</v>
      </c>
      <c r="CQ35" s="261">
        <v>0</v>
      </c>
      <c r="CR35" s="261">
        <v>0</v>
      </c>
      <c r="CS35" s="261">
        <v>0</v>
      </c>
      <c r="CT35" s="261">
        <v>0</v>
      </c>
      <c r="CU35" s="261">
        <v>0</v>
      </c>
      <c r="CV35" s="258">
        <v>0</v>
      </c>
      <c r="CW35" s="263">
        <v>0</v>
      </c>
      <c r="CX35" s="257">
        <v>0</v>
      </c>
      <c r="CY35" s="261">
        <v>0</v>
      </c>
      <c r="CZ35" s="258">
        <v>0</v>
      </c>
      <c r="DA35" s="260">
        <v>0</v>
      </c>
      <c r="DB35" s="261">
        <v>0</v>
      </c>
      <c r="DC35" s="261">
        <v>0</v>
      </c>
      <c r="DD35" s="261">
        <v>0</v>
      </c>
      <c r="DE35" s="261">
        <v>0</v>
      </c>
      <c r="DF35" s="261">
        <v>0</v>
      </c>
      <c r="DG35" s="258">
        <v>0</v>
      </c>
      <c r="DH35" s="263">
        <v>0</v>
      </c>
    </row>
    <row r="36" spans="2:112" ht="21" customHeight="1" x14ac:dyDescent="0.2">
      <c r="B36" s="472" t="s">
        <v>34</v>
      </c>
      <c r="C36" s="257">
        <v>0</v>
      </c>
      <c r="D36" s="261">
        <v>0</v>
      </c>
      <c r="E36" s="358">
        <v>0</v>
      </c>
      <c r="F36" s="260">
        <v>0</v>
      </c>
      <c r="G36" s="261">
        <v>0</v>
      </c>
      <c r="H36" s="261">
        <v>0</v>
      </c>
      <c r="I36" s="261">
        <v>0</v>
      </c>
      <c r="J36" s="261">
        <v>0</v>
      </c>
      <c r="K36" s="261">
        <v>0</v>
      </c>
      <c r="L36" s="262">
        <v>0</v>
      </c>
      <c r="M36" s="263">
        <v>0</v>
      </c>
      <c r="N36" s="257">
        <v>0</v>
      </c>
      <c r="O36" s="261">
        <v>0</v>
      </c>
      <c r="P36" s="258">
        <v>0</v>
      </c>
      <c r="Q36" s="260">
        <v>0</v>
      </c>
      <c r="R36" s="261">
        <v>0</v>
      </c>
      <c r="S36" s="261">
        <v>0</v>
      </c>
      <c r="T36" s="261">
        <v>0</v>
      </c>
      <c r="U36" s="261">
        <v>0</v>
      </c>
      <c r="V36" s="261">
        <v>0</v>
      </c>
      <c r="W36" s="258">
        <v>0</v>
      </c>
      <c r="X36" s="263">
        <v>0</v>
      </c>
      <c r="Y36" s="257">
        <v>0</v>
      </c>
      <c r="Z36" s="261">
        <v>0</v>
      </c>
      <c r="AA36" s="258">
        <v>0</v>
      </c>
      <c r="AB36" s="260">
        <v>0</v>
      </c>
      <c r="AC36" s="261">
        <v>6</v>
      </c>
      <c r="AD36" s="261">
        <v>16</v>
      </c>
      <c r="AE36" s="261">
        <v>0</v>
      </c>
      <c r="AF36" s="261">
        <v>14</v>
      </c>
      <c r="AG36" s="261">
        <v>0</v>
      </c>
      <c r="AH36" s="258">
        <v>36</v>
      </c>
      <c r="AI36" s="263">
        <v>36</v>
      </c>
      <c r="AJ36" s="257">
        <v>0</v>
      </c>
      <c r="AK36" s="261">
        <v>0</v>
      </c>
      <c r="AL36" s="258">
        <v>0</v>
      </c>
      <c r="AM36" s="260">
        <v>0</v>
      </c>
      <c r="AN36" s="261">
        <v>0</v>
      </c>
      <c r="AO36" s="261">
        <v>15</v>
      </c>
      <c r="AP36" s="261">
        <v>0</v>
      </c>
      <c r="AQ36" s="261">
        <v>0</v>
      </c>
      <c r="AR36" s="261">
        <v>0</v>
      </c>
      <c r="AS36" s="258">
        <v>15</v>
      </c>
      <c r="AT36" s="263">
        <v>15</v>
      </c>
      <c r="AU36" s="257">
        <v>0</v>
      </c>
      <c r="AV36" s="261">
        <v>0</v>
      </c>
      <c r="AW36" s="258">
        <v>0</v>
      </c>
      <c r="AX36" s="260">
        <v>0</v>
      </c>
      <c r="AY36" s="261">
        <v>0</v>
      </c>
      <c r="AZ36" s="261">
        <v>8</v>
      </c>
      <c r="BA36" s="261">
        <v>0</v>
      </c>
      <c r="BB36" s="261">
        <v>4</v>
      </c>
      <c r="BC36" s="261">
        <v>0</v>
      </c>
      <c r="BD36" s="262">
        <v>12</v>
      </c>
      <c r="BE36" s="263">
        <v>12</v>
      </c>
      <c r="BF36" s="257">
        <v>0</v>
      </c>
      <c r="BG36" s="261">
        <v>0</v>
      </c>
      <c r="BH36" s="258">
        <v>0</v>
      </c>
      <c r="BI36" s="260">
        <v>0</v>
      </c>
      <c r="BJ36" s="261">
        <v>0</v>
      </c>
      <c r="BK36" s="261">
        <v>0</v>
      </c>
      <c r="BL36" s="261">
        <v>0</v>
      </c>
      <c r="BM36" s="261">
        <v>0</v>
      </c>
      <c r="BN36" s="261">
        <v>0</v>
      </c>
      <c r="BO36" s="258">
        <v>0</v>
      </c>
      <c r="BP36" s="263">
        <v>0</v>
      </c>
      <c r="BQ36" s="257">
        <v>0</v>
      </c>
      <c r="BR36" s="261">
        <v>0</v>
      </c>
      <c r="BS36" s="258">
        <v>0</v>
      </c>
      <c r="BT36" s="260">
        <v>0</v>
      </c>
      <c r="BU36" s="261">
        <v>0</v>
      </c>
      <c r="BV36" s="261">
        <v>0</v>
      </c>
      <c r="BW36" s="261">
        <v>0</v>
      </c>
      <c r="BX36" s="261">
        <v>0</v>
      </c>
      <c r="BY36" s="261">
        <v>0</v>
      </c>
      <c r="BZ36" s="258">
        <v>0</v>
      </c>
      <c r="CA36" s="263">
        <v>0</v>
      </c>
      <c r="CB36" s="257">
        <v>0</v>
      </c>
      <c r="CC36" s="261">
        <v>0</v>
      </c>
      <c r="CD36" s="258">
        <v>0</v>
      </c>
      <c r="CE36" s="260">
        <v>0</v>
      </c>
      <c r="CF36" s="261">
        <v>0</v>
      </c>
      <c r="CG36" s="261">
        <v>0</v>
      </c>
      <c r="CH36" s="261">
        <v>0</v>
      </c>
      <c r="CI36" s="261">
        <v>0</v>
      </c>
      <c r="CJ36" s="261">
        <v>0</v>
      </c>
      <c r="CK36" s="258">
        <v>0</v>
      </c>
      <c r="CL36" s="263">
        <v>0</v>
      </c>
      <c r="CM36" s="257">
        <v>0</v>
      </c>
      <c r="CN36" s="261">
        <v>0</v>
      </c>
      <c r="CO36" s="258">
        <v>0</v>
      </c>
      <c r="CP36" s="260">
        <v>0</v>
      </c>
      <c r="CQ36" s="261">
        <v>0</v>
      </c>
      <c r="CR36" s="261">
        <v>0</v>
      </c>
      <c r="CS36" s="261">
        <v>0</v>
      </c>
      <c r="CT36" s="261">
        <v>0</v>
      </c>
      <c r="CU36" s="261">
        <v>0</v>
      </c>
      <c r="CV36" s="258">
        <v>0</v>
      </c>
      <c r="CW36" s="263">
        <v>0</v>
      </c>
      <c r="CX36" s="257">
        <v>0</v>
      </c>
      <c r="CY36" s="261">
        <v>0</v>
      </c>
      <c r="CZ36" s="258">
        <v>0</v>
      </c>
      <c r="DA36" s="260">
        <v>0</v>
      </c>
      <c r="DB36" s="261">
        <v>0</v>
      </c>
      <c r="DC36" s="261">
        <v>0</v>
      </c>
      <c r="DD36" s="261">
        <v>0</v>
      </c>
      <c r="DE36" s="261">
        <v>0</v>
      </c>
      <c r="DF36" s="261">
        <v>0</v>
      </c>
      <c r="DG36" s="258">
        <v>0</v>
      </c>
      <c r="DH36" s="263">
        <v>0</v>
      </c>
    </row>
    <row r="37" spans="2:112" ht="21" customHeight="1" x14ac:dyDescent="0.2">
      <c r="B37" s="472" t="s">
        <v>35</v>
      </c>
      <c r="C37" s="257">
        <v>0</v>
      </c>
      <c r="D37" s="261">
        <v>0</v>
      </c>
      <c r="E37" s="358">
        <v>0</v>
      </c>
      <c r="F37" s="260">
        <v>0</v>
      </c>
      <c r="G37" s="261">
        <v>96</v>
      </c>
      <c r="H37" s="261">
        <v>0</v>
      </c>
      <c r="I37" s="261">
        <v>61</v>
      </c>
      <c r="J37" s="261">
        <v>75</v>
      </c>
      <c r="K37" s="261">
        <v>80</v>
      </c>
      <c r="L37" s="262">
        <v>312</v>
      </c>
      <c r="M37" s="263">
        <v>312</v>
      </c>
      <c r="N37" s="257">
        <v>0</v>
      </c>
      <c r="O37" s="261">
        <v>0</v>
      </c>
      <c r="P37" s="258">
        <v>0</v>
      </c>
      <c r="Q37" s="260">
        <v>0</v>
      </c>
      <c r="R37" s="261">
        <v>0</v>
      </c>
      <c r="S37" s="261">
        <v>0</v>
      </c>
      <c r="T37" s="261">
        <v>0</v>
      </c>
      <c r="U37" s="261">
        <v>9</v>
      </c>
      <c r="V37" s="261">
        <v>9</v>
      </c>
      <c r="W37" s="258">
        <v>18</v>
      </c>
      <c r="X37" s="263">
        <v>18</v>
      </c>
      <c r="Y37" s="257">
        <v>0</v>
      </c>
      <c r="Z37" s="261">
        <v>0</v>
      </c>
      <c r="AA37" s="258">
        <v>0</v>
      </c>
      <c r="AB37" s="260">
        <v>0</v>
      </c>
      <c r="AC37" s="261">
        <v>8</v>
      </c>
      <c r="AD37" s="261">
        <v>0</v>
      </c>
      <c r="AE37" s="261">
        <v>0</v>
      </c>
      <c r="AF37" s="261">
        <v>0</v>
      </c>
      <c r="AG37" s="261">
        <v>0</v>
      </c>
      <c r="AH37" s="258">
        <v>8</v>
      </c>
      <c r="AI37" s="263">
        <v>8</v>
      </c>
      <c r="AJ37" s="257">
        <v>8</v>
      </c>
      <c r="AK37" s="261">
        <v>0</v>
      </c>
      <c r="AL37" s="258">
        <v>8</v>
      </c>
      <c r="AM37" s="260">
        <v>0</v>
      </c>
      <c r="AN37" s="261">
        <v>12</v>
      </c>
      <c r="AO37" s="261">
        <v>0</v>
      </c>
      <c r="AP37" s="261">
        <v>0</v>
      </c>
      <c r="AQ37" s="261">
        <v>0</v>
      </c>
      <c r="AR37" s="261">
        <v>0</v>
      </c>
      <c r="AS37" s="258">
        <v>12</v>
      </c>
      <c r="AT37" s="263">
        <v>20</v>
      </c>
      <c r="AU37" s="257">
        <v>0</v>
      </c>
      <c r="AV37" s="261">
        <v>0</v>
      </c>
      <c r="AW37" s="258">
        <v>0</v>
      </c>
      <c r="AX37" s="260">
        <v>0</v>
      </c>
      <c r="AY37" s="261">
        <v>57</v>
      </c>
      <c r="AZ37" s="261">
        <v>18</v>
      </c>
      <c r="BA37" s="261">
        <v>43</v>
      </c>
      <c r="BB37" s="261">
        <v>0</v>
      </c>
      <c r="BC37" s="261">
        <v>0</v>
      </c>
      <c r="BD37" s="262">
        <v>118</v>
      </c>
      <c r="BE37" s="263">
        <v>118</v>
      </c>
      <c r="BF37" s="257">
        <v>0</v>
      </c>
      <c r="BG37" s="261">
        <v>0</v>
      </c>
      <c r="BH37" s="258">
        <v>0</v>
      </c>
      <c r="BI37" s="260">
        <v>0</v>
      </c>
      <c r="BJ37" s="261">
        <v>0</v>
      </c>
      <c r="BK37" s="261">
        <v>0</v>
      </c>
      <c r="BL37" s="261">
        <v>6</v>
      </c>
      <c r="BM37" s="261">
        <v>12</v>
      </c>
      <c r="BN37" s="261">
        <v>0</v>
      </c>
      <c r="BO37" s="258">
        <v>18</v>
      </c>
      <c r="BP37" s="263">
        <v>18</v>
      </c>
      <c r="BQ37" s="257">
        <v>0</v>
      </c>
      <c r="BR37" s="261">
        <v>0</v>
      </c>
      <c r="BS37" s="258">
        <v>0</v>
      </c>
      <c r="BT37" s="260">
        <v>0</v>
      </c>
      <c r="BU37" s="261">
        <v>2</v>
      </c>
      <c r="BV37" s="261">
        <v>0</v>
      </c>
      <c r="BW37" s="261">
        <v>0</v>
      </c>
      <c r="BX37" s="261">
        <v>0</v>
      </c>
      <c r="BY37" s="261">
        <v>0</v>
      </c>
      <c r="BZ37" s="258">
        <v>2</v>
      </c>
      <c r="CA37" s="263">
        <v>2</v>
      </c>
      <c r="CB37" s="257">
        <v>0</v>
      </c>
      <c r="CC37" s="261">
        <v>0</v>
      </c>
      <c r="CD37" s="258">
        <v>0</v>
      </c>
      <c r="CE37" s="260">
        <v>0</v>
      </c>
      <c r="CF37" s="261">
        <v>0</v>
      </c>
      <c r="CG37" s="261">
        <v>0</v>
      </c>
      <c r="CH37" s="261">
        <v>0</v>
      </c>
      <c r="CI37" s="261">
        <v>0</v>
      </c>
      <c r="CJ37" s="261">
        <v>0</v>
      </c>
      <c r="CK37" s="258">
        <v>0</v>
      </c>
      <c r="CL37" s="263">
        <v>0</v>
      </c>
      <c r="CM37" s="257">
        <v>0</v>
      </c>
      <c r="CN37" s="261">
        <v>0</v>
      </c>
      <c r="CO37" s="258">
        <v>0</v>
      </c>
      <c r="CP37" s="260">
        <v>0</v>
      </c>
      <c r="CQ37" s="261">
        <v>0</v>
      </c>
      <c r="CR37" s="261">
        <v>0</v>
      </c>
      <c r="CS37" s="261">
        <v>0</v>
      </c>
      <c r="CT37" s="261">
        <v>0</v>
      </c>
      <c r="CU37" s="261">
        <v>0</v>
      </c>
      <c r="CV37" s="258">
        <v>0</v>
      </c>
      <c r="CW37" s="263">
        <v>0</v>
      </c>
      <c r="CX37" s="257">
        <v>0</v>
      </c>
      <c r="CY37" s="261">
        <v>0</v>
      </c>
      <c r="CZ37" s="258">
        <v>0</v>
      </c>
      <c r="DA37" s="260">
        <v>0</v>
      </c>
      <c r="DB37" s="261">
        <v>0</v>
      </c>
      <c r="DC37" s="261">
        <v>0</v>
      </c>
      <c r="DD37" s="261">
        <v>0</v>
      </c>
      <c r="DE37" s="261">
        <v>0</v>
      </c>
      <c r="DF37" s="261">
        <v>0</v>
      </c>
      <c r="DG37" s="258">
        <v>0</v>
      </c>
      <c r="DH37" s="263">
        <v>0</v>
      </c>
    </row>
    <row r="38" spans="2:112" ht="21" customHeight="1" x14ac:dyDescent="0.2">
      <c r="B38" s="472" t="s">
        <v>36</v>
      </c>
      <c r="C38" s="257">
        <v>0</v>
      </c>
      <c r="D38" s="261">
        <v>0</v>
      </c>
      <c r="E38" s="358">
        <v>0</v>
      </c>
      <c r="F38" s="260">
        <v>0</v>
      </c>
      <c r="G38" s="261">
        <v>13</v>
      </c>
      <c r="H38" s="261">
        <v>0</v>
      </c>
      <c r="I38" s="261">
        <v>9</v>
      </c>
      <c r="J38" s="261">
        <v>13</v>
      </c>
      <c r="K38" s="261">
        <v>133</v>
      </c>
      <c r="L38" s="262">
        <v>168</v>
      </c>
      <c r="M38" s="263">
        <v>168</v>
      </c>
      <c r="N38" s="257">
        <v>0</v>
      </c>
      <c r="O38" s="261">
        <v>0</v>
      </c>
      <c r="P38" s="258">
        <v>0</v>
      </c>
      <c r="Q38" s="260">
        <v>0</v>
      </c>
      <c r="R38" s="261">
        <v>0</v>
      </c>
      <c r="S38" s="261">
        <v>0</v>
      </c>
      <c r="T38" s="261">
        <v>0</v>
      </c>
      <c r="U38" s="261">
        <v>4</v>
      </c>
      <c r="V38" s="261">
        <v>0</v>
      </c>
      <c r="W38" s="258">
        <v>4</v>
      </c>
      <c r="X38" s="263">
        <v>4</v>
      </c>
      <c r="Y38" s="257">
        <v>9</v>
      </c>
      <c r="Z38" s="261">
        <v>0</v>
      </c>
      <c r="AA38" s="258">
        <v>9</v>
      </c>
      <c r="AB38" s="260">
        <v>0</v>
      </c>
      <c r="AC38" s="261">
        <v>9</v>
      </c>
      <c r="AD38" s="261">
        <v>0</v>
      </c>
      <c r="AE38" s="261">
        <v>9</v>
      </c>
      <c r="AF38" s="261">
        <v>13</v>
      </c>
      <c r="AG38" s="261">
        <v>4</v>
      </c>
      <c r="AH38" s="258">
        <v>35</v>
      </c>
      <c r="AI38" s="263">
        <v>44</v>
      </c>
      <c r="AJ38" s="257">
        <v>0</v>
      </c>
      <c r="AK38" s="261">
        <v>16</v>
      </c>
      <c r="AL38" s="258">
        <v>16</v>
      </c>
      <c r="AM38" s="260">
        <v>0</v>
      </c>
      <c r="AN38" s="261">
        <v>0</v>
      </c>
      <c r="AO38" s="261">
        <v>8</v>
      </c>
      <c r="AP38" s="261">
        <v>0</v>
      </c>
      <c r="AQ38" s="261">
        <v>8</v>
      </c>
      <c r="AR38" s="261">
        <v>6</v>
      </c>
      <c r="AS38" s="258">
        <v>22</v>
      </c>
      <c r="AT38" s="263">
        <v>38</v>
      </c>
      <c r="AU38" s="257">
        <v>0</v>
      </c>
      <c r="AV38" s="261">
        <v>0</v>
      </c>
      <c r="AW38" s="258">
        <v>0</v>
      </c>
      <c r="AX38" s="260">
        <v>0</v>
      </c>
      <c r="AY38" s="261">
        <v>12</v>
      </c>
      <c r="AZ38" s="261">
        <v>12</v>
      </c>
      <c r="BA38" s="261">
        <v>0</v>
      </c>
      <c r="BB38" s="261">
        <v>0</v>
      </c>
      <c r="BC38" s="261">
        <v>0</v>
      </c>
      <c r="BD38" s="262">
        <v>24</v>
      </c>
      <c r="BE38" s="263">
        <v>24</v>
      </c>
      <c r="BF38" s="257">
        <v>0</v>
      </c>
      <c r="BG38" s="261">
        <v>0</v>
      </c>
      <c r="BH38" s="258">
        <v>0</v>
      </c>
      <c r="BI38" s="260">
        <v>0</v>
      </c>
      <c r="BJ38" s="261">
        <v>0</v>
      </c>
      <c r="BK38" s="261">
        <v>0</v>
      </c>
      <c r="BL38" s="261">
        <v>0</v>
      </c>
      <c r="BM38" s="261">
        <v>7</v>
      </c>
      <c r="BN38" s="261">
        <v>0</v>
      </c>
      <c r="BO38" s="258">
        <v>7</v>
      </c>
      <c r="BP38" s="263">
        <v>7</v>
      </c>
      <c r="BQ38" s="257">
        <v>0</v>
      </c>
      <c r="BR38" s="261">
        <v>0</v>
      </c>
      <c r="BS38" s="258">
        <v>0</v>
      </c>
      <c r="BT38" s="260">
        <v>0</v>
      </c>
      <c r="BU38" s="261">
        <v>0</v>
      </c>
      <c r="BV38" s="261">
        <v>7</v>
      </c>
      <c r="BW38" s="261">
        <v>0</v>
      </c>
      <c r="BX38" s="261">
        <v>0</v>
      </c>
      <c r="BY38" s="261">
        <v>0</v>
      </c>
      <c r="BZ38" s="258">
        <v>7</v>
      </c>
      <c r="CA38" s="263">
        <v>7</v>
      </c>
      <c r="CB38" s="257">
        <v>0</v>
      </c>
      <c r="CC38" s="261">
        <v>0</v>
      </c>
      <c r="CD38" s="258">
        <v>0</v>
      </c>
      <c r="CE38" s="260">
        <v>0</v>
      </c>
      <c r="CF38" s="261">
        <v>0</v>
      </c>
      <c r="CG38" s="261">
        <v>0</v>
      </c>
      <c r="CH38" s="261">
        <v>0</v>
      </c>
      <c r="CI38" s="261">
        <v>0</v>
      </c>
      <c r="CJ38" s="261">
        <v>0</v>
      </c>
      <c r="CK38" s="258">
        <v>0</v>
      </c>
      <c r="CL38" s="263">
        <v>0</v>
      </c>
      <c r="CM38" s="257">
        <v>0</v>
      </c>
      <c r="CN38" s="261">
        <v>0</v>
      </c>
      <c r="CO38" s="258">
        <v>0</v>
      </c>
      <c r="CP38" s="260">
        <v>0</v>
      </c>
      <c r="CQ38" s="261">
        <v>0</v>
      </c>
      <c r="CR38" s="261">
        <v>0</v>
      </c>
      <c r="CS38" s="261">
        <v>0</v>
      </c>
      <c r="CT38" s="261">
        <v>0</v>
      </c>
      <c r="CU38" s="261">
        <v>0</v>
      </c>
      <c r="CV38" s="258">
        <v>0</v>
      </c>
      <c r="CW38" s="263">
        <v>0</v>
      </c>
      <c r="CX38" s="257">
        <v>0</v>
      </c>
      <c r="CY38" s="261">
        <v>0</v>
      </c>
      <c r="CZ38" s="258">
        <v>0</v>
      </c>
      <c r="DA38" s="260">
        <v>0</v>
      </c>
      <c r="DB38" s="261">
        <v>0</v>
      </c>
      <c r="DC38" s="261">
        <v>0</v>
      </c>
      <c r="DD38" s="261">
        <v>0</v>
      </c>
      <c r="DE38" s="261">
        <v>0</v>
      </c>
      <c r="DF38" s="261">
        <v>0</v>
      </c>
      <c r="DG38" s="258">
        <v>0</v>
      </c>
      <c r="DH38" s="263">
        <v>0</v>
      </c>
    </row>
    <row r="39" spans="2:112" ht="21" customHeight="1" thickBot="1" x14ac:dyDescent="0.25">
      <c r="B39" s="473" t="s">
        <v>37</v>
      </c>
      <c r="C39" s="264">
        <v>0</v>
      </c>
      <c r="D39" s="268">
        <v>0</v>
      </c>
      <c r="E39" s="359">
        <v>0</v>
      </c>
      <c r="F39" s="267">
        <v>0</v>
      </c>
      <c r="G39" s="268">
        <v>0</v>
      </c>
      <c r="H39" s="268">
        <v>0</v>
      </c>
      <c r="I39" s="268">
        <v>0</v>
      </c>
      <c r="J39" s="268">
        <v>0</v>
      </c>
      <c r="K39" s="268">
        <v>0</v>
      </c>
      <c r="L39" s="269">
        <v>0</v>
      </c>
      <c r="M39" s="270">
        <v>0</v>
      </c>
      <c r="N39" s="264">
        <v>0</v>
      </c>
      <c r="O39" s="268">
        <v>0</v>
      </c>
      <c r="P39" s="265">
        <v>0</v>
      </c>
      <c r="Q39" s="267">
        <v>0</v>
      </c>
      <c r="R39" s="268">
        <v>0</v>
      </c>
      <c r="S39" s="268">
        <v>0</v>
      </c>
      <c r="T39" s="268">
        <v>0</v>
      </c>
      <c r="U39" s="268">
        <v>0</v>
      </c>
      <c r="V39" s="268">
        <v>0</v>
      </c>
      <c r="W39" s="265">
        <v>0</v>
      </c>
      <c r="X39" s="270">
        <v>0</v>
      </c>
      <c r="Y39" s="264">
        <v>0</v>
      </c>
      <c r="Z39" s="268">
        <v>0</v>
      </c>
      <c r="AA39" s="265">
        <v>0</v>
      </c>
      <c r="AB39" s="267">
        <v>0</v>
      </c>
      <c r="AC39" s="268">
        <v>0</v>
      </c>
      <c r="AD39" s="268">
        <v>0</v>
      </c>
      <c r="AE39" s="268">
        <v>0</v>
      </c>
      <c r="AF39" s="268">
        <v>0</v>
      </c>
      <c r="AG39" s="268">
        <v>0</v>
      </c>
      <c r="AH39" s="265">
        <v>0</v>
      </c>
      <c r="AI39" s="270">
        <v>0</v>
      </c>
      <c r="AJ39" s="264">
        <v>0</v>
      </c>
      <c r="AK39" s="268">
        <v>0</v>
      </c>
      <c r="AL39" s="265">
        <v>0</v>
      </c>
      <c r="AM39" s="267">
        <v>0</v>
      </c>
      <c r="AN39" s="268">
        <v>0</v>
      </c>
      <c r="AO39" s="268">
        <v>0</v>
      </c>
      <c r="AP39" s="268">
        <v>0</v>
      </c>
      <c r="AQ39" s="268">
        <v>0</v>
      </c>
      <c r="AR39" s="268">
        <v>0</v>
      </c>
      <c r="AS39" s="265">
        <v>0</v>
      </c>
      <c r="AT39" s="270">
        <v>0</v>
      </c>
      <c r="AU39" s="264">
        <v>0</v>
      </c>
      <c r="AV39" s="268">
        <v>0</v>
      </c>
      <c r="AW39" s="265">
        <v>0</v>
      </c>
      <c r="AX39" s="267">
        <v>0</v>
      </c>
      <c r="AY39" s="268">
        <v>0</v>
      </c>
      <c r="AZ39" s="268">
        <v>11</v>
      </c>
      <c r="BA39" s="268">
        <v>0</v>
      </c>
      <c r="BB39" s="268">
        <v>0</v>
      </c>
      <c r="BC39" s="268">
        <v>0</v>
      </c>
      <c r="BD39" s="269">
        <v>11</v>
      </c>
      <c r="BE39" s="270">
        <v>11</v>
      </c>
      <c r="BF39" s="264">
        <v>0</v>
      </c>
      <c r="BG39" s="268">
        <v>0</v>
      </c>
      <c r="BH39" s="265">
        <v>0</v>
      </c>
      <c r="BI39" s="267">
        <v>0</v>
      </c>
      <c r="BJ39" s="268">
        <v>4</v>
      </c>
      <c r="BK39" s="268">
        <v>0</v>
      </c>
      <c r="BL39" s="268">
        <v>0</v>
      </c>
      <c r="BM39" s="268">
        <v>0</v>
      </c>
      <c r="BN39" s="268">
        <v>0</v>
      </c>
      <c r="BO39" s="265">
        <v>4</v>
      </c>
      <c r="BP39" s="270">
        <v>4</v>
      </c>
      <c r="BQ39" s="264">
        <v>0</v>
      </c>
      <c r="BR39" s="268">
        <v>0</v>
      </c>
      <c r="BS39" s="265">
        <v>0</v>
      </c>
      <c r="BT39" s="267">
        <v>0</v>
      </c>
      <c r="BU39" s="268">
        <v>0</v>
      </c>
      <c r="BV39" s="268">
        <v>0</v>
      </c>
      <c r="BW39" s="268">
        <v>0</v>
      </c>
      <c r="BX39" s="268">
        <v>0</v>
      </c>
      <c r="BY39" s="268">
        <v>0</v>
      </c>
      <c r="BZ39" s="265">
        <v>0</v>
      </c>
      <c r="CA39" s="270">
        <v>0</v>
      </c>
      <c r="CB39" s="264">
        <v>0</v>
      </c>
      <c r="CC39" s="268">
        <v>0</v>
      </c>
      <c r="CD39" s="265">
        <v>0</v>
      </c>
      <c r="CE39" s="267">
        <v>0</v>
      </c>
      <c r="CF39" s="268">
        <v>0</v>
      </c>
      <c r="CG39" s="268">
        <v>0</v>
      </c>
      <c r="CH39" s="268">
        <v>0</v>
      </c>
      <c r="CI39" s="268">
        <v>0</v>
      </c>
      <c r="CJ39" s="268">
        <v>0</v>
      </c>
      <c r="CK39" s="265">
        <v>0</v>
      </c>
      <c r="CL39" s="270">
        <v>0</v>
      </c>
      <c r="CM39" s="264">
        <v>0</v>
      </c>
      <c r="CN39" s="268">
        <v>0</v>
      </c>
      <c r="CO39" s="265">
        <v>0</v>
      </c>
      <c r="CP39" s="267">
        <v>0</v>
      </c>
      <c r="CQ39" s="268">
        <v>0</v>
      </c>
      <c r="CR39" s="268">
        <v>0</v>
      </c>
      <c r="CS39" s="268">
        <v>0</v>
      </c>
      <c r="CT39" s="268">
        <v>0</v>
      </c>
      <c r="CU39" s="268">
        <v>0</v>
      </c>
      <c r="CV39" s="265">
        <v>0</v>
      </c>
      <c r="CW39" s="270">
        <v>0</v>
      </c>
      <c r="CX39" s="264">
        <v>0</v>
      </c>
      <c r="CY39" s="268">
        <v>0</v>
      </c>
      <c r="CZ39" s="265">
        <v>0</v>
      </c>
      <c r="DA39" s="267">
        <v>0</v>
      </c>
      <c r="DB39" s="268">
        <v>0</v>
      </c>
      <c r="DC39" s="268">
        <v>0</v>
      </c>
      <c r="DD39" s="268">
        <v>0</v>
      </c>
      <c r="DE39" s="268">
        <v>0</v>
      </c>
      <c r="DF39" s="268">
        <v>0</v>
      </c>
      <c r="DG39" s="265">
        <v>0</v>
      </c>
      <c r="DH39" s="270">
        <v>0</v>
      </c>
    </row>
    <row r="40" spans="2:112" ht="27" customHeight="1" x14ac:dyDescent="0.2"/>
  </sheetData>
  <mergeCells count="43">
    <mergeCell ref="CX3:DH3"/>
    <mergeCell ref="CX4:CZ4"/>
    <mergeCell ref="DA4:DG4"/>
    <mergeCell ref="DH4:DH5"/>
    <mergeCell ref="CB3:CL3"/>
    <mergeCell ref="CM3:CW3"/>
    <mergeCell ref="CB4:CD4"/>
    <mergeCell ref="CE4:CK4"/>
    <mergeCell ref="CL4:CL5"/>
    <mergeCell ref="CM4:CO4"/>
    <mergeCell ref="CP4:CV4"/>
    <mergeCell ref="CW4:CW5"/>
    <mergeCell ref="J1:K1"/>
    <mergeCell ref="M1:N1"/>
    <mergeCell ref="B3:B5"/>
    <mergeCell ref="C3:M3"/>
    <mergeCell ref="N3:X3"/>
    <mergeCell ref="Y3:AI3"/>
    <mergeCell ref="C4:E4"/>
    <mergeCell ref="F4:L4"/>
    <mergeCell ref="M4:M5"/>
    <mergeCell ref="N4:P4"/>
    <mergeCell ref="Q4:W4"/>
    <mergeCell ref="X4:X5"/>
    <mergeCell ref="Y4:AA4"/>
    <mergeCell ref="AB4:AH4"/>
    <mergeCell ref="AI4:AI5"/>
    <mergeCell ref="AJ4:AL4"/>
    <mergeCell ref="AJ3:AT3"/>
    <mergeCell ref="AU3:BE3"/>
    <mergeCell ref="BF3:BP3"/>
    <mergeCell ref="BQ3:CA3"/>
    <mergeCell ref="AM4:AS4"/>
    <mergeCell ref="AT4:AT5"/>
    <mergeCell ref="AU4:AW4"/>
    <mergeCell ref="AX4:BD4"/>
    <mergeCell ref="BE4:BE5"/>
    <mergeCell ref="BF4:BH4"/>
    <mergeCell ref="BI4:BO4"/>
    <mergeCell ref="BP4:BP5"/>
    <mergeCell ref="BQ4:BS4"/>
    <mergeCell ref="BT4:BZ4"/>
    <mergeCell ref="CA4:CA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1">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42" customWidth="1"/>
    <col min="3" max="5" width="9" style="242"/>
    <col min="6" max="6" width="7.77734375" style="242" customWidth="1"/>
    <col min="7" max="7" width="9" style="242"/>
    <col min="8" max="8" width="10.6640625" style="242" customWidth="1"/>
    <col min="9" max="16" width="9" style="242"/>
    <col min="17" max="17" width="7.88671875" style="242" customWidth="1"/>
    <col min="18" max="27" width="9" style="242"/>
    <col min="28" max="28" width="7.77734375" style="242" customWidth="1"/>
    <col min="29" max="38" width="9" style="242"/>
    <col min="39" max="39" width="7.5546875" style="242" customWidth="1"/>
    <col min="40" max="49" width="9" style="242"/>
    <col min="50" max="50" width="7.77734375" style="242" customWidth="1"/>
    <col min="51" max="60" width="9" style="242"/>
    <col min="61" max="61" width="7.44140625" style="242" customWidth="1"/>
    <col min="62" max="71" width="9" style="242"/>
    <col min="72" max="72" width="7.33203125" style="242" customWidth="1"/>
    <col min="73" max="82" width="9" style="242"/>
    <col min="83" max="83" width="7.44140625" style="242" customWidth="1"/>
    <col min="84" max="93" width="9" style="242"/>
    <col min="94" max="94" width="7.6640625" style="242" customWidth="1"/>
    <col min="95" max="16384" width="9" style="242"/>
  </cols>
  <sheetData>
    <row r="1" spans="2:112" ht="24" customHeight="1" x14ac:dyDescent="0.2">
      <c r="B1" s="271" t="s">
        <v>122</v>
      </c>
      <c r="J1" s="500">
        <f>第１表!F2</f>
        <v>5</v>
      </c>
      <c r="K1" s="500"/>
      <c r="L1" s="235">
        <f>第１表!G2</f>
        <v>12</v>
      </c>
      <c r="M1" s="505">
        <f>IF(L1&lt;3,L1+12-2,L1-2)</f>
        <v>10</v>
      </c>
      <c r="N1" s="505"/>
    </row>
    <row r="2" spans="2:112" ht="24" customHeight="1" thickBot="1" x14ac:dyDescent="0.25">
      <c r="B2" s="271" t="s">
        <v>152</v>
      </c>
    </row>
    <row r="3" spans="2:112" ht="21" customHeight="1" thickBot="1" x14ac:dyDescent="0.25">
      <c r="B3" s="525"/>
      <c r="C3" s="528" t="s">
        <v>112</v>
      </c>
      <c r="D3" s="528"/>
      <c r="E3" s="528"/>
      <c r="F3" s="528"/>
      <c r="G3" s="528"/>
      <c r="H3" s="528"/>
      <c r="I3" s="528"/>
      <c r="J3" s="528"/>
      <c r="K3" s="528"/>
      <c r="L3" s="528"/>
      <c r="M3" s="529"/>
      <c r="N3" s="523" t="s">
        <v>111</v>
      </c>
      <c r="O3" s="523"/>
      <c r="P3" s="523"/>
      <c r="Q3" s="523"/>
      <c r="R3" s="523"/>
      <c r="S3" s="523"/>
      <c r="T3" s="523"/>
      <c r="U3" s="523"/>
      <c r="V3" s="523"/>
      <c r="W3" s="523"/>
      <c r="X3" s="524"/>
      <c r="Y3" s="522" t="s">
        <v>110</v>
      </c>
      <c r="Z3" s="523"/>
      <c r="AA3" s="523"/>
      <c r="AB3" s="523"/>
      <c r="AC3" s="523"/>
      <c r="AD3" s="523"/>
      <c r="AE3" s="523"/>
      <c r="AF3" s="523"/>
      <c r="AG3" s="523"/>
      <c r="AH3" s="523"/>
      <c r="AI3" s="524"/>
      <c r="AJ3" s="522" t="s">
        <v>109</v>
      </c>
      <c r="AK3" s="523"/>
      <c r="AL3" s="523"/>
      <c r="AM3" s="523"/>
      <c r="AN3" s="523"/>
      <c r="AO3" s="523"/>
      <c r="AP3" s="523"/>
      <c r="AQ3" s="523"/>
      <c r="AR3" s="523"/>
      <c r="AS3" s="523"/>
      <c r="AT3" s="524"/>
      <c r="AU3" s="522" t="s">
        <v>108</v>
      </c>
      <c r="AV3" s="523"/>
      <c r="AW3" s="523"/>
      <c r="AX3" s="523"/>
      <c r="AY3" s="523"/>
      <c r="AZ3" s="523"/>
      <c r="BA3" s="523"/>
      <c r="BB3" s="523"/>
      <c r="BC3" s="523"/>
      <c r="BD3" s="523"/>
      <c r="BE3" s="524"/>
      <c r="BF3" s="522" t="s">
        <v>107</v>
      </c>
      <c r="BG3" s="523"/>
      <c r="BH3" s="523"/>
      <c r="BI3" s="523"/>
      <c r="BJ3" s="523"/>
      <c r="BK3" s="523"/>
      <c r="BL3" s="523"/>
      <c r="BM3" s="523"/>
      <c r="BN3" s="523"/>
      <c r="BO3" s="523"/>
      <c r="BP3" s="524"/>
      <c r="BQ3" s="522" t="s">
        <v>106</v>
      </c>
      <c r="BR3" s="523"/>
      <c r="BS3" s="523"/>
      <c r="BT3" s="523"/>
      <c r="BU3" s="523"/>
      <c r="BV3" s="523"/>
      <c r="BW3" s="523"/>
      <c r="BX3" s="523"/>
      <c r="BY3" s="523"/>
      <c r="BZ3" s="523"/>
      <c r="CA3" s="524"/>
      <c r="CB3" s="522" t="s">
        <v>126</v>
      </c>
      <c r="CC3" s="523"/>
      <c r="CD3" s="523"/>
      <c r="CE3" s="523"/>
      <c r="CF3" s="523"/>
      <c r="CG3" s="523"/>
      <c r="CH3" s="523"/>
      <c r="CI3" s="523"/>
      <c r="CJ3" s="523"/>
      <c r="CK3" s="523"/>
      <c r="CL3" s="524"/>
      <c r="CM3" s="522" t="s">
        <v>159</v>
      </c>
      <c r="CN3" s="523"/>
      <c r="CO3" s="523"/>
      <c r="CP3" s="523"/>
      <c r="CQ3" s="523"/>
      <c r="CR3" s="523"/>
      <c r="CS3" s="523"/>
      <c r="CT3" s="523"/>
      <c r="CU3" s="523"/>
      <c r="CV3" s="523"/>
      <c r="CW3" s="524"/>
      <c r="CX3" s="522" t="s">
        <v>155</v>
      </c>
      <c r="CY3" s="523"/>
      <c r="CZ3" s="523"/>
      <c r="DA3" s="523"/>
      <c r="DB3" s="523"/>
      <c r="DC3" s="523"/>
      <c r="DD3" s="523"/>
      <c r="DE3" s="523"/>
      <c r="DF3" s="523"/>
      <c r="DG3" s="523"/>
      <c r="DH3" s="524"/>
    </row>
    <row r="4" spans="2:112" ht="21" customHeight="1" x14ac:dyDescent="0.2">
      <c r="B4" s="526"/>
      <c r="C4" s="530" t="s">
        <v>61</v>
      </c>
      <c r="D4" s="509"/>
      <c r="E4" s="510"/>
      <c r="F4" s="511" t="s">
        <v>62</v>
      </c>
      <c r="G4" s="509"/>
      <c r="H4" s="509"/>
      <c r="I4" s="509"/>
      <c r="J4" s="509"/>
      <c r="K4" s="509"/>
      <c r="L4" s="512"/>
      <c r="M4" s="506" t="s">
        <v>52</v>
      </c>
      <c r="N4" s="530" t="s">
        <v>61</v>
      </c>
      <c r="O4" s="509"/>
      <c r="P4" s="510"/>
      <c r="Q4" s="511" t="s">
        <v>62</v>
      </c>
      <c r="R4" s="509"/>
      <c r="S4" s="509"/>
      <c r="T4" s="509"/>
      <c r="U4" s="509"/>
      <c r="V4" s="509"/>
      <c r="W4" s="510"/>
      <c r="X4" s="506" t="s">
        <v>52</v>
      </c>
      <c r="Y4" s="508" t="s">
        <v>61</v>
      </c>
      <c r="Z4" s="509"/>
      <c r="AA4" s="512"/>
      <c r="AB4" s="511" t="s">
        <v>62</v>
      </c>
      <c r="AC4" s="509"/>
      <c r="AD4" s="509"/>
      <c r="AE4" s="509"/>
      <c r="AF4" s="509"/>
      <c r="AG4" s="509"/>
      <c r="AH4" s="510"/>
      <c r="AI4" s="506" t="s">
        <v>52</v>
      </c>
      <c r="AJ4" s="508" t="s">
        <v>61</v>
      </c>
      <c r="AK4" s="509"/>
      <c r="AL4" s="510"/>
      <c r="AM4" s="511" t="s">
        <v>62</v>
      </c>
      <c r="AN4" s="509"/>
      <c r="AO4" s="509"/>
      <c r="AP4" s="509"/>
      <c r="AQ4" s="509"/>
      <c r="AR4" s="509"/>
      <c r="AS4" s="510"/>
      <c r="AT4" s="506" t="s">
        <v>52</v>
      </c>
      <c r="AU4" s="508" t="s">
        <v>61</v>
      </c>
      <c r="AV4" s="509"/>
      <c r="AW4" s="512"/>
      <c r="AX4" s="511" t="s">
        <v>62</v>
      </c>
      <c r="AY4" s="509"/>
      <c r="AZ4" s="509"/>
      <c r="BA4" s="509"/>
      <c r="BB4" s="509"/>
      <c r="BC4" s="509"/>
      <c r="BD4" s="512"/>
      <c r="BE4" s="506" t="s">
        <v>52</v>
      </c>
      <c r="BF4" s="508" t="s">
        <v>61</v>
      </c>
      <c r="BG4" s="509"/>
      <c r="BH4" s="510"/>
      <c r="BI4" s="511" t="s">
        <v>62</v>
      </c>
      <c r="BJ4" s="509"/>
      <c r="BK4" s="509"/>
      <c r="BL4" s="509"/>
      <c r="BM4" s="509"/>
      <c r="BN4" s="509"/>
      <c r="BO4" s="510"/>
      <c r="BP4" s="506" t="s">
        <v>52</v>
      </c>
      <c r="BQ4" s="508" t="s">
        <v>61</v>
      </c>
      <c r="BR4" s="509"/>
      <c r="BS4" s="510"/>
      <c r="BT4" s="511" t="s">
        <v>62</v>
      </c>
      <c r="BU4" s="509"/>
      <c r="BV4" s="509"/>
      <c r="BW4" s="509"/>
      <c r="BX4" s="509"/>
      <c r="BY4" s="509"/>
      <c r="BZ4" s="510"/>
      <c r="CA4" s="506" t="s">
        <v>52</v>
      </c>
      <c r="CB4" s="508" t="s">
        <v>61</v>
      </c>
      <c r="CC4" s="509"/>
      <c r="CD4" s="510"/>
      <c r="CE4" s="511" t="s">
        <v>62</v>
      </c>
      <c r="CF4" s="509"/>
      <c r="CG4" s="509"/>
      <c r="CH4" s="509"/>
      <c r="CI4" s="509"/>
      <c r="CJ4" s="509"/>
      <c r="CK4" s="510"/>
      <c r="CL4" s="506" t="s">
        <v>52</v>
      </c>
      <c r="CM4" s="508" t="s">
        <v>61</v>
      </c>
      <c r="CN4" s="509"/>
      <c r="CO4" s="510"/>
      <c r="CP4" s="511" t="s">
        <v>62</v>
      </c>
      <c r="CQ4" s="509"/>
      <c r="CR4" s="509"/>
      <c r="CS4" s="509"/>
      <c r="CT4" s="509"/>
      <c r="CU4" s="509"/>
      <c r="CV4" s="510"/>
      <c r="CW4" s="506" t="s">
        <v>52</v>
      </c>
      <c r="CX4" s="508" t="s">
        <v>61</v>
      </c>
      <c r="CY4" s="509"/>
      <c r="CZ4" s="510"/>
      <c r="DA4" s="511" t="s">
        <v>62</v>
      </c>
      <c r="DB4" s="509"/>
      <c r="DC4" s="509"/>
      <c r="DD4" s="509"/>
      <c r="DE4" s="509"/>
      <c r="DF4" s="509"/>
      <c r="DG4" s="510"/>
      <c r="DH4" s="506" t="s">
        <v>52</v>
      </c>
    </row>
    <row r="5" spans="2:112" ht="30" customHeight="1" thickBot="1" x14ac:dyDescent="0.25">
      <c r="B5" s="527"/>
      <c r="C5" s="245" t="s">
        <v>43</v>
      </c>
      <c r="D5" s="246" t="s">
        <v>44</v>
      </c>
      <c r="E5" s="247" t="s">
        <v>45</v>
      </c>
      <c r="F5" s="248" t="s">
        <v>83</v>
      </c>
      <c r="G5" s="243" t="s">
        <v>47</v>
      </c>
      <c r="H5" s="243" t="s">
        <v>48</v>
      </c>
      <c r="I5" s="243" t="s">
        <v>49</v>
      </c>
      <c r="J5" s="243" t="s">
        <v>50</v>
      </c>
      <c r="K5" s="243" t="s">
        <v>51</v>
      </c>
      <c r="L5" s="249" t="s">
        <v>45</v>
      </c>
      <c r="M5" s="507"/>
      <c r="N5" s="245" t="s">
        <v>43</v>
      </c>
      <c r="O5" s="243" t="s">
        <v>44</v>
      </c>
      <c r="P5" s="246" t="s">
        <v>45</v>
      </c>
      <c r="Q5" s="248" t="s">
        <v>83</v>
      </c>
      <c r="R5" s="243" t="s">
        <v>47</v>
      </c>
      <c r="S5" s="243" t="s">
        <v>48</v>
      </c>
      <c r="T5" s="243" t="s">
        <v>49</v>
      </c>
      <c r="U5" s="243" t="s">
        <v>50</v>
      </c>
      <c r="V5" s="243" t="s">
        <v>51</v>
      </c>
      <c r="W5" s="246" t="s">
        <v>45</v>
      </c>
      <c r="X5" s="507"/>
      <c r="Y5" s="327" t="s">
        <v>43</v>
      </c>
      <c r="Z5" s="243" t="s">
        <v>44</v>
      </c>
      <c r="AA5" s="249" t="s">
        <v>45</v>
      </c>
      <c r="AB5" s="248" t="s">
        <v>83</v>
      </c>
      <c r="AC5" s="243" t="s">
        <v>47</v>
      </c>
      <c r="AD5" s="243" t="s">
        <v>48</v>
      </c>
      <c r="AE5" s="243" t="s">
        <v>49</v>
      </c>
      <c r="AF5" s="243" t="s">
        <v>50</v>
      </c>
      <c r="AG5" s="243" t="s">
        <v>51</v>
      </c>
      <c r="AH5" s="246" t="s">
        <v>45</v>
      </c>
      <c r="AI5" s="507"/>
      <c r="AJ5" s="327" t="s">
        <v>43</v>
      </c>
      <c r="AK5" s="243" t="s">
        <v>44</v>
      </c>
      <c r="AL5" s="246" t="s">
        <v>45</v>
      </c>
      <c r="AM5" s="248" t="s">
        <v>83</v>
      </c>
      <c r="AN5" s="243" t="s">
        <v>47</v>
      </c>
      <c r="AO5" s="243" t="s">
        <v>48</v>
      </c>
      <c r="AP5" s="243" t="s">
        <v>49</v>
      </c>
      <c r="AQ5" s="243" t="s">
        <v>50</v>
      </c>
      <c r="AR5" s="243" t="s">
        <v>51</v>
      </c>
      <c r="AS5" s="246" t="s">
        <v>45</v>
      </c>
      <c r="AT5" s="507"/>
      <c r="AU5" s="327" t="s">
        <v>43</v>
      </c>
      <c r="AV5" s="243" t="s">
        <v>44</v>
      </c>
      <c r="AW5" s="249" t="s">
        <v>45</v>
      </c>
      <c r="AX5" s="248" t="s">
        <v>83</v>
      </c>
      <c r="AY5" s="243" t="s">
        <v>47</v>
      </c>
      <c r="AZ5" s="243" t="s">
        <v>48</v>
      </c>
      <c r="BA5" s="243" t="s">
        <v>49</v>
      </c>
      <c r="BB5" s="243" t="s">
        <v>50</v>
      </c>
      <c r="BC5" s="243" t="s">
        <v>51</v>
      </c>
      <c r="BD5" s="249" t="s">
        <v>45</v>
      </c>
      <c r="BE5" s="507"/>
      <c r="BF5" s="327" t="s">
        <v>43</v>
      </c>
      <c r="BG5" s="243" t="s">
        <v>44</v>
      </c>
      <c r="BH5" s="246" t="s">
        <v>45</v>
      </c>
      <c r="BI5" s="248" t="s">
        <v>83</v>
      </c>
      <c r="BJ5" s="243" t="s">
        <v>47</v>
      </c>
      <c r="BK5" s="243" t="s">
        <v>48</v>
      </c>
      <c r="BL5" s="243" t="s">
        <v>49</v>
      </c>
      <c r="BM5" s="243" t="s">
        <v>50</v>
      </c>
      <c r="BN5" s="243" t="s">
        <v>51</v>
      </c>
      <c r="BO5" s="246" t="s">
        <v>45</v>
      </c>
      <c r="BP5" s="507"/>
      <c r="BQ5" s="327" t="s">
        <v>43</v>
      </c>
      <c r="BR5" s="243" t="s">
        <v>44</v>
      </c>
      <c r="BS5" s="246" t="s">
        <v>45</v>
      </c>
      <c r="BT5" s="248" t="s">
        <v>83</v>
      </c>
      <c r="BU5" s="243" t="s">
        <v>47</v>
      </c>
      <c r="BV5" s="243" t="s">
        <v>48</v>
      </c>
      <c r="BW5" s="243" t="s">
        <v>49</v>
      </c>
      <c r="BX5" s="243" t="s">
        <v>50</v>
      </c>
      <c r="BY5" s="243" t="s">
        <v>51</v>
      </c>
      <c r="BZ5" s="246" t="s">
        <v>45</v>
      </c>
      <c r="CA5" s="507"/>
      <c r="CB5" s="327" t="s">
        <v>43</v>
      </c>
      <c r="CC5" s="243" t="s">
        <v>44</v>
      </c>
      <c r="CD5" s="246" t="s">
        <v>45</v>
      </c>
      <c r="CE5" s="248" t="s">
        <v>83</v>
      </c>
      <c r="CF5" s="243" t="s">
        <v>47</v>
      </c>
      <c r="CG5" s="243" t="s">
        <v>48</v>
      </c>
      <c r="CH5" s="243" t="s">
        <v>49</v>
      </c>
      <c r="CI5" s="243" t="s">
        <v>50</v>
      </c>
      <c r="CJ5" s="243" t="s">
        <v>51</v>
      </c>
      <c r="CK5" s="246" t="s">
        <v>45</v>
      </c>
      <c r="CL5" s="507"/>
      <c r="CM5" s="339" t="s">
        <v>43</v>
      </c>
      <c r="CN5" s="243" t="s">
        <v>44</v>
      </c>
      <c r="CO5" s="246" t="s">
        <v>45</v>
      </c>
      <c r="CP5" s="248" t="s">
        <v>83</v>
      </c>
      <c r="CQ5" s="243" t="s">
        <v>47</v>
      </c>
      <c r="CR5" s="243" t="s">
        <v>48</v>
      </c>
      <c r="CS5" s="243" t="s">
        <v>49</v>
      </c>
      <c r="CT5" s="243" t="s">
        <v>50</v>
      </c>
      <c r="CU5" s="243" t="s">
        <v>51</v>
      </c>
      <c r="CV5" s="246" t="s">
        <v>45</v>
      </c>
      <c r="CW5" s="507"/>
      <c r="CX5" s="339" t="s">
        <v>43</v>
      </c>
      <c r="CY5" s="243" t="s">
        <v>44</v>
      </c>
      <c r="CZ5" s="246" t="s">
        <v>45</v>
      </c>
      <c r="DA5" s="248" t="s">
        <v>83</v>
      </c>
      <c r="DB5" s="243" t="s">
        <v>47</v>
      </c>
      <c r="DC5" s="243" t="s">
        <v>48</v>
      </c>
      <c r="DD5" s="243" t="s">
        <v>49</v>
      </c>
      <c r="DE5" s="243" t="s">
        <v>50</v>
      </c>
      <c r="DF5" s="243" t="s">
        <v>51</v>
      </c>
      <c r="DG5" s="246" t="s">
        <v>45</v>
      </c>
      <c r="DH5" s="507"/>
    </row>
    <row r="6" spans="2:112" ht="21" customHeight="1" x14ac:dyDescent="0.2">
      <c r="B6" s="470" t="s">
        <v>4</v>
      </c>
      <c r="C6" s="250">
        <v>0</v>
      </c>
      <c r="D6" s="251">
        <v>0</v>
      </c>
      <c r="E6" s="252">
        <v>0</v>
      </c>
      <c r="F6" s="253">
        <v>0</v>
      </c>
      <c r="G6" s="254">
        <v>12336</v>
      </c>
      <c r="H6" s="254">
        <v>18736</v>
      </c>
      <c r="I6" s="254">
        <v>19586</v>
      </c>
      <c r="J6" s="254">
        <v>25360</v>
      </c>
      <c r="K6" s="254">
        <v>22510</v>
      </c>
      <c r="L6" s="255">
        <v>98528</v>
      </c>
      <c r="M6" s="256">
        <v>98528</v>
      </c>
      <c r="N6" s="250">
        <v>0</v>
      </c>
      <c r="O6" s="254">
        <v>25</v>
      </c>
      <c r="P6" s="251">
        <v>25</v>
      </c>
      <c r="Q6" s="253">
        <v>0</v>
      </c>
      <c r="R6" s="254">
        <v>73</v>
      </c>
      <c r="S6" s="254">
        <v>128</v>
      </c>
      <c r="T6" s="254">
        <v>262</v>
      </c>
      <c r="U6" s="254">
        <v>551</v>
      </c>
      <c r="V6" s="254">
        <v>1156</v>
      </c>
      <c r="W6" s="251">
        <v>2170</v>
      </c>
      <c r="X6" s="256">
        <v>2195</v>
      </c>
      <c r="Y6" s="250">
        <v>1512</v>
      </c>
      <c r="Z6" s="254">
        <v>3781</v>
      </c>
      <c r="AA6" s="251">
        <v>5293</v>
      </c>
      <c r="AB6" s="253">
        <v>0</v>
      </c>
      <c r="AC6" s="254">
        <v>9831</v>
      </c>
      <c r="AD6" s="254">
        <v>15030</v>
      </c>
      <c r="AE6" s="254">
        <v>8687</v>
      </c>
      <c r="AF6" s="254">
        <v>7707</v>
      </c>
      <c r="AG6" s="254">
        <v>5575</v>
      </c>
      <c r="AH6" s="251">
        <v>46830</v>
      </c>
      <c r="AI6" s="256">
        <v>52123</v>
      </c>
      <c r="AJ6" s="250">
        <v>180</v>
      </c>
      <c r="AK6" s="254">
        <v>797</v>
      </c>
      <c r="AL6" s="251">
        <v>977</v>
      </c>
      <c r="AM6" s="253">
        <v>0</v>
      </c>
      <c r="AN6" s="254">
        <v>1100</v>
      </c>
      <c r="AO6" s="254">
        <v>2149</v>
      </c>
      <c r="AP6" s="254">
        <v>1038</v>
      </c>
      <c r="AQ6" s="254">
        <v>1116</v>
      </c>
      <c r="AR6" s="254">
        <v>456</v>
      </c>
      <c r="AS6" s="251">
        <v>5859</v>
      </c>
      <c r="AT6" s="256">
        <v>6836</v>
      </c>
      <c r="AU6" s="250">
        <v>0</v>
      </c>
      <c r="AV6" s="254">
        <v>0</v>
      </c>
      <c r="AW6" s="251">
        <v>0</v>
      </c>
      <c r="AX6" s="253">
        <v>0</v>
      </c>
      <c r="AY6" s="254">
        <v>10896</v>
      </c>
      <c r="AZ6" s="254">
        <v>10346</v>
      </c>
      <c r="BA6" s="254">
        <v>5745</v>
      </c>
      <c r="BB6" s="254">
        <v>3219</v>
      </c>
      <c r="BC6" s="254">
        <v>1306</v>
      </c>
      <c r="BD6" s="255">
        <v>31512</v>
      </c>
      <c r="BE6" s="256">
        <v>31512</v>
      </c>
      <c r="BF6" s="250">
        <v>0</v>
      </c>
      <c r="BG6" s="254">
        <v>0</v>
      </c>
      <c r="BH6" s="251">
        <v>0</v>
      </c>
      <c r="BI6" s="253">
        <v>0</v>
      </c>
      <c r="BJ6" s="254">
        <v>2342</v>
      </c>
      <c r="BK6" s="254">
        <v>3453</v>
      </c>
      <c r="BL6" s="254">
        <v>2320</v>
      </c>
      <c r="BM6" s="254">
        <v>1389</v>
      </c>
      <c r="BN6" s="254">
        <v>535</v>
      </c>
      <c r="BO6" s="251">
        <v>10039</v>
      </c>
      <c r="BP6" s="256">
        <v>10039</v>
      </c>
      <c r="BQ6" s="250">
        <v>25</v>
      </c>
      <c r="BR6" s="254">
        <v>112</v>
      </c>
      <c r="BS6" s="251">
        <v>137</v>
      </c>
      <c r="BT6" s="253">
        <v>0</v>
      </c>
      <c r="BU6" s="254">
        <v>1088</v>
      </c>
      <c r="BV6" s="254">
        <v>2326</v>
      </c>
      <c r="BW6" s="254">
        <v>2757</v>
      </c>
      <c r="BX6" s="254">
        <v>2419</v>
      </c>
      <c r="BY6" s="254">
        <v>1076</v>
      </c>
      <c r="BZ6" s="251">
        <v>9666</v>
      </c>
      <c r="CA6" s="256">
        <v>9803</v>
      </c>
      <c r="CB6" s="250">
        <v>4</v>
      </c>
      <c r="CC6" s="254">
        <v>12</v>
      </c>
      <c r="CD6" s="251">
        <v>16</v>
      </c>
      <c r="CE6" s="253">
        <v>0</v>
      </c>
      <c r="CF6" s="254">
        <v>199</v>
      </c>
      <c r="CG6" s="254">
        <v>273</v>
      </c>
      <c r="CH6" s="254">
        <v>351</v>
      </c>
      <c r="CI6" s="254">
        <v>373</v>
      </c>
      <c r="CJ6" s="254">
        <v>221</v>
      </c>
      <c r="CK6" s="251">
        <v>1417</v>
      </c>
      <c r="CL6" s="256">
        <v>1433</v>
      </c>
      <c r="CM6" s="250">
        <v>0</v>
      </c>
      <c r="CN6" s="254">
        <v>0</v>
      </c>
      <c r="CO6" s="251">
        <v>0</v>
      </c>
      <c r="CP6" s="253">
        <v>0</v>
      </c>
      <c r="CQ6" s="254">
        <v>0</v>
      </c>
      <c r="CR6" s="254">
        <v>0</v>
      </c>
      <c r="CS6" s="254">
        <v>0</v>
      </c>
      <c r="CT6" s="254">
        <v>0</v>
      </c>
      <c r="CU6" s="254">
        <v>0</v>
      </c>
      <c r="CV6" s="251">
        <v>0</v>
      </c>
      <c r="CW6" s="256">
        <v>0</v>
      </c>
      <c r="CX6" s="250">
        <v>0</v>
      </c>
      <c r="CY6" s="254">
        <v>0</v>
      </c>
      <c r="CZ6" s="251">
        <v>0</v>
      </c>
      <c r="DA6" s="253">
        <v>0</v>
      </c>
      <c r="DB6" s="254">
        <v>0</v>
      </c>
      <c r="DC6" s="254">
        <v>0</v>
      </c>
      <c r="DD6" s="254">
        <v>0</v>
      </c>
      <c r="DE6" s="254">
        <v>0</v>
      </c>
      <c r="DF6" s="254">
        <v>0</v>
      </c>
      <c r="DG6" s="251">
        <v>0</v>
      </c>
      <c r="DH6" s="256">
        <v>0</v>
      </c>
    </row>
    <row r="7" spans="2:112" ht="21" customHeight="1" x14ac:dyDescent="0.2">
      <c r="B7" s="471" t="s">
        <v>5</v>
      </c>
      <c r="C7" s="257">
        <v>0</v>
      </c>
      <c r="D7" s="258">
        <v>0</v>
      </c>
      <c r="E7" s="259">
        <v>0</v>
      </c>
      <c r="F7" s="260">
        <v>0</v>
      </c>
      <c r="G7" s="261">
        <v>4315</v>
      </c>
      <c r="H7" s="261">
        <v>8722</v>
      </c>
      <c r="I7" s="261">
        <v>7651</v>
      </c>
      <c r="J7" s="261">
        <v>10333</v>
      </c>
      <c r="K7" s="261">
        <v>9473</v>
      </c>
      <c r="L7" s="262">
        <v>40494</v>
      </c>
      <c r="M7" s="263">
        <v>40494</v>
      </c>
      <c r="N7" s="257">
        <v>0</v>
      </c>
      <c r="O7" s="261">
        <v>16</v>
      </c>
      <c r="P7" s="258">
        <v>16</v>
      </c>
      <c r="Q7" s="260">
        <v>0</v>
      </c>
      <c r="R7" s="261">
        <v>19</v>
      </c>
      <c r="S7" s="261">
        <v>30</v>
      </c>
      <c r="T7" s="261">
        <v>114</v>
      </c>
      <c r="U7" s="261">
        <v>205</v>
      </c>
      <c r="V7" s="261">
        <v>597</v>
      </c>
      <c r="W7" s="258">
        <v>965</v>
      </c>
      <c r="X7" s="263">
        <v>981</v>
      </c>
      <c r="Y7" s="257">
        <v>728</v>
      </c>
      <c r="Z7" s="261">
        <v>1896</v>
      </c>
      <c r="AA7" s="258">
        <v>2624</v>
      </c>
      <c r="AB7" s="260">
        <v>0</v>
      </c>
      <c r="AC7" s="261">
        <v>3454</v>
      </c>
      <c r="AD7" s="261">
        <v>8303</v>
      </c>
      <c r="AE7" s="261">
        <v>4406</v>
      </c>
      <c r="AF7" s="261">
        <v>3586</v>
      </c>
      <c r="AG7" s="261">
        <v>2695</v>
      </c>
      <c r="AH7" s="258">
        <v>22444</v>
      </c>
      <c r="AI7" s="263">
        <v>25068</v>
      </c>
      <c r="AJ7" s="257">
        <v>75</v>
      </c>
      <c r="AK7" s="261">
        <v>424</v>
      </c>
      <c r="AL7" s="258">
        <v>499</v>
      </c>
      <c r="AM7" s="260">
        <v>0</v>
      </c>
      <c r="AN7" s="261">
        <v>357</v>
      </c>
      <c r="AO7" s="261">
        <v>1077</v>
      </c>
      <c r="AP7" s="261">
        <v>378</v>
      </c>
      <c r="AQ7" s="261">
        <v>490</v>
      </c>
      <c r="AR7" s="261">
        <v>151</v>
      </c>
      <c r="AS7" s="258">
        <v>2453</v>
      </c>
      <c r="AT7" s="263">
        <v>2952</v>
      </c>
      <c r="AU7" s="257">
        <v>0</v>
      </c>
      <c r="AV7" s="261">
        <v>0</v>
      </c>
      <c r="AW7" s="258">
        <v>0</v>
      </c>
      <c r="AX7" s="260">
        <v>0</v>
      </c>
      <c r="AY7" s="261">
        <v>3535</v>
      </c>
      <c r="AZ7" s="261">
        <v>4312</v>
      </c>
      <c r="BA7" s="261">
        <v>2216</v>
      </c>
      <c r="BB7" s="261">
        <v>1272</v>
      </c>
      <c r="BC7" s="261">
        <v>508</v>
      </c>
      <c r="BD7" s="262">
        <v>11843</v>
      </c>
      <c r="BE7" s="263">
        <v>11843</v>
      </c>
      <c r="BF7" s="257">
        <v>0</v>
      </c>
      <c r="BG7" s="261">
        <v>0</v>
      </c>
      <c r="BH7" s="258">
        <v>0</v>
      </c>
      <c r="BI7" s="260">
        <v>0</v>
      </c>
      <c r="BJ7" s="261">
        <v>745</v>
      </c>
      <c r="BK7" s="261">
        <v>1585</v>
      </c>
      <c r="BL7" s="261">
        <v>990</v>
      </c>
      <c r="BM7" s="261">
        <v>580</v>
      </c>
      <c r="BN7" s="261">
        <v>239</v>
      </c>
      <c r="BO7" s="258">
        <v>4139</v>
      </c>
      <c r="BP7" s="263">
        <v>4139</v>
      </c>
      <c r="BQ7" s="257">
        <v>16</v>
      </c>
      <c r="BR7" s="261">
        <v>19</v>
      </c>
      <c r="BS7" s="258">
        <v>35</v>
      </c>
      <c r="BT7" s="260">
        <v>0</v>
      </c>
      <c r="BU7" s="261">
        <v>384</v>
      </c>
      <c r="BV7" s="261">
        <v>861</v>
      </c>
      <c r="BW7" s="261">
        <v>1174</v>
      </c>
      <c r="BX7" s="261">
        <v>981</v>
      </c>
      <c r="BY7" s="261">
        <v>504</v>
      </c>
      <c r="BZ7" s="258">
        <v>3904</v>
      </c>
      <c r="CA7" s="263">
        <v>3939</v>
      </c>
      <c r="CB7" s="257">
        <v>4</v>
      </c>
      <c r="CC7" s="261">
        <v>12</v>
      </c>
      <c r="CD7" s="258">
        <v>16</v>
      </c>
      <c r="CE7" s="260">
        <v>0</v>
      </c>
      <c r="CF7" s="261">
        <v>61</v>
      </c>
      <c r="CG7" s="261">
        <v>201</v>
      </c>
      <c r="CH7" s="261">
        <v>232</v>
      </c>
      <c r="CI7" s="261">
        <v>250</v>
      </c>
      <c r="CJ7" s="261">
        <v>113</v>
      </c>
      <c r="CK7" s="258">
        <v>857</v>
      </c>
      <c r="CL7" s="263">
        <v>873</v>
      </c>
      <c r="CM7" s="257">
        <v>0</v>
      </c>
      <c r="CN7" s="261">
        <v>0</v>
      </c>
      <c r="CO7" s="258">
        <v>0</v>
      </c>
      <c r="CP7" s="260">
        <v>0</v>
      </c>
      <c r="CQ7" s="261">
        <v>0</v>
      </c>
      <c r="CR7" s="261">
        <v>0</v>
      </c>
      <c r="CS7" s="261">
        <v>0</v>
      </c>
      <c r="CT7" s="261">
        <v>0</v>
      </c>
      <c r="CU7" s="261">
        <v>0</v>
      </c>
      <c r="CV7" s="258">
        <v>0</v>
      </c>
      <c r="CW7" s="263">
        <v>0</v>
      </c>
      <c r="CX7" s="257">
        <v>0</v>
      </c>
      <c r="CY7" s="261">
        <v>0</v>
      </c>
      <c r="CZ7" s="258">
        <v>0</v>
      </c>
      <c r="DA7" s="260">
        <v>0</v>
      </c>
      <c r="DB7" s="261">
        <v>0</v>
      </c>
      <c r="DC7" s="261">
        <v>0</v>
      </c>
      <c r="DD7" s="261">
        <v>0</v>
      </c>
      <c r="DE7" s="261">
        <v>0</v>
      </c>
      <c r="DF7" s="261">
        <v>0</v>
      </c>
      <c r="DG7" s="258">
        <v>0</v>
      </c>
      <c r="DH7" s="263">
        <v>0</v>
      </c>
    </row>
    <row r="8" spans="2:112" ht="21" customHeight="1" x14ac:dyDescent="0.2">
      <c r="B8" s="472" t="s">
        <v>6</v>
      </c>
      <c r="C8" s="257">
        <v>0</v>
      </c>
      <c r="D8" s="258">
        <v>0</v>
      </c>
      <c r="E8" s="259">
        <v>0</v>
      </c>
      <c r="F8" s="260">
        <v>0</v>
      </c>
      <c r="G8" s="261">
        <v>2309</v>
      </c>
      <c r="H8" s="261">
        <v>3033</v>
      </c>
      <c r="I8" s="261">
        <v>2913</v>
      </c>
      <c r="J8" s="261">
        <v>4396</v>
      </c>
      <c r="K8" s="261">
        <v>4416</v>
      </c>
      <c r="L8" s="262">
        <v>17067</v>
      </c>
      <c r="M8" s="263">
        <v>17067</v>
      </c>
      <c r="N8" s="257">
        <v>0</v>
      </c>
      <c r="O8" s="261">
        <v>0</v>
      </c>
      <c r="P8" s="258">
        <v>0</v>
      </c>
      <c r="Q8" s="260">
        <v>0</v>
      </c>
      <c r="R8" s="261">
        <v>18</v>
      </c>
      <c r="S8" s="261">
        <v>44</v>
      </c>
      <c r="T8" s="261">
        <v>79</v>
      </c>
      <c r="U8" s="261">
        <v>88</v>
      </c>
      <c r="V8" s="261">
        <v>133</v>
      </c>
      <c r="W8" s="258">
        <v>362</v>
      </c>
      <c r="X8" s="263">
        <v>362</v>
      </c>
      <c r="Y8" s="257">
        <v>299</v>
      </c>
      <c r="Z8" s="261">
        <v>727</v>
      </c>
      <c r="AA8" s="258">
        <v>1026</v>
      </c>
      <c r="AB8" s="260">
        <v>0</v>
      </c>
      <c r="AC8" s="261">
        <v>2846</v>
      </c>
      <c r="AD8" s="261">
        <v>2300</v>
      </c>
      <c r="AE8" s="261">
        <v>1720</v>
      </c>
      <c r="AF8" s="261">
        <v>1423</v>
      </c>
      <c r="AG8" s="261">
        <v>812</v>
      </c>
      <c r="AH8" s="258">
        <v>9101</v>
      </c>
      <c r="AI8" s="263">
        <v>10127</v>
      </c>
      <c r="AJ8" s="257">
        <v>45</v>
      </c>
      <c r="AK8" s="261">
        <v>72</v>
      </c>
      <c r="AL8" s="258">
        <v>117</v>
      </c>
      <c r="AM8" s="260">
        <v>0</v>
      </c>
      <c r="AN8" s="261">
        <v>279</v>
      </c>
      <c r="AO8" s="261">
        <v>190</v>
      </c>
      <c r="AP8" s="261">
        <v>207</v>
      </c>
      <c r="AQ8" s="261">
        <v>172</v>
      </c>
      <c r="AR8" s="261">
        <v>71</v>
      </c>
      <c r="AS8" s="258">
        <v>919</v>
      </c>
      <c r="AT8" s="263">
        <v>1036</v>
      </c>
      <c r="AU8" s="257">
        <v>0</v>
      </c>
      <c r="AV8" s="261">
        <v>0</v>
      </c>
      <c r="AW8" s="258">
        <v>0</v>
      </c>
      <c r="AX8" s="260">
        <v>0</v>
      </c>
      <c r="AY8" s="261">
        <v>2150</v>
      </c>
      <c r="AZ8" s="261">
        <v>1571</v>
      </c>
      <c r="BA8" s="261">
        <v>851</v>
      </c>
      <c r="BB8" s="261">
        <v>472</v>
      </c>
      <c r="BC8" s="261">
        <v>248</v>
      </c>
      <c r="BD8" s="262">
        <v>5292</v>
      </c>
      <c r="BE8" s="263">
        <v>5292</v>
      </c>
      <c r="BF8" s="257">
        <v>0</v>
      </c>
      <c r="BG8" s="261">
        <v>0</v>
      </c>
      <c r="BH8" s="258">
        <v>0</v>
      </c>
      <c r="BI8" s="260">
        <v>0</v>
      </c>
      <c r="BJ8" s="261">
        <v>456</v>
      </c>
      <c r="BK8" s="261">
        <v>450</v>
      </c>
      <c r="BL8" s="261">
        <v>321</v>
      </c>
      <c r="BM8" s="261">
        <v>215</v>
      </c>
      <c r="BN8" s="261">
        <v>57</v>
      </c>
      <c r="BO8" s="258">
        <v>1499</v>
      </c>
      <c r="BP8" s="263">
        <v>1499</v>
      </c>
      <c r="BQ8" s="257">
        <v>3</v>
      </c>
      <c r="BR8" s="261">
        <v>12</v>
      </c>
      <c r="BS8" s="258">
        <v>15</v>
      </c>
      <c r="BT8" s="260">
        <v>0</v>
      </c>
      <c r="BU8" s="261">
        <v>110</v>
      </c>
      <c r="BV8" s="261">
        <v>195</v>
      </c>
      <c r="BW8" s="261">
        <v>378</v>
      </c>
      <c r="BX8" s="261">
        <v>226</v>
      </c>
      <c r="BY8" s="261">
        <v>131</v>
      </c>
      <c r="BZ8" s="258">
        <v>1040</v>
      </c>
      <c r="CA8" s="263">
        <v>1055</v>
      </c>
      <c r="CB8" s="257">
        <v>0</v>
      </c>
      <c r="CC8" s="261">
        <v>0</v>
      </c>
      <c r="CD8" s="258">
        <v>0</v>
      </c>
      <c r="CE8" s="260">
        <v>0</v>
      </c>
      <c r="CF8" s="261">
        <v>43</v>
      </c>
      <c r="CG8" s="261">
        <v>27</v>
      </c>
      <c r="CH8" s="261">
        <v>76</v>
      </c>
      <c r="CI8" s="261">
        <v>66</v>
      </c>
      <c r="CJ8" s="261">
        <v>58</v>
      </c>
      <c r="CK8" s="258">
        <v>270</v>
      </c>
      <c r="CL8" s="263">
        <v>270</v>
      </c>
      <c r="CM8" s="257">
        <v>0</v>
      </c>
      <c r="CN8" s="261">
        <v>0</v>
      </c>
      <c r="CO8" s="258">
        <v>0</v>
      </c>
      <c r="CP8" s="260">
        <v>0</v>
      </c>
      <c r="CQ8" s="261">
        <v>0</v>
      </c>
      <c r="CR8" s="261">
        <v>0</v>
      </c>
      <c r="CS8" s="261">
        <v>0</v>
      </c>
      <c r="CT8" s="261">
        <v>0</v>
      </c>
      <c r="CU8" s="261">
        <v>0</v>
      </c>
      <c r="CV8" s="258">
        <v>0</v>
      </c>
      <c r="CW8" s="263">
        <v>0</v>
      </c>
      <c r="CX8" s="257">
        <v>0</v>
      </c>
      <c r="CY8" s="261">
        <v>0</v>
      </c>
      <c r="CZ8" s="258">
        <v>0</v>
      </c>
      <c r="DA8" s="260">
        <v>0</v>
      </c>
      <c r="DB8" s="261">
        <v>0</v>
      </c>
      <c r="DC8" s="261">
        <v>0</v>
      </c>
      <c r="DD8" s="261">
        <v>0</v>
      </c>
      <c r="DE8" s="261">
        <v>0</v>
      </c>
      <c r="DF8" s="261">
        <v>0</v>
      </c>
      <c r="DG8" s="258">
        <v>0</v>
      </c>
      <c r="DH8" s="263">
        <v>0</v>
      </c>
    </row>
    <row r="9" spans="2:112" ht="21" customHeight="1" x14ac:dyDescent="0.2">
      <c r="B9" s="472" t="s">
        <v>14</v>
      </c>
      <c r="C9" s="257">
        <v>0</v>
      </c>
      <c r="D9" s="258">
        <v>0</v>
      </c>
      <c r="E9" s="259">
        <v>0</v>
      </c>
      <c r="F9" s="260">
        <v>0</v>
      </c>
      <c r="G9" s="261">
        <v>453</v>
      </c>
      <c r="H9" s="261">
        <v>1262</v>
      </c>
      <c r="I9" s="261">
        <v>768</v>
      </c>
      <c r="J9" s="261">
        <v>1676</v>
      </c>
      <c r="K9" s="261">
        <v>1419</v>
      </c>
      <c r="L9" s="262">
        <v>5578</v>
      </c>
      <c r="M9" s="263">
        <v>5578</v>
      </c>
      <c r="N9" s="257">
        <v>0</v>
      </c>
      <c r="O9" s="261">
        <v>0</v>
      </c>
      <c r="P9" s="258">
        <v>0</v>
      </c>
      <c r="Q9" s="260">
        <v>0</v>
      </c>
      <c r="R9" s="261">
        <v>0</v>
      </c>
      <c r="S9" s="261">
        <v>13</v>
      </c>
      <c r="T9" s="261">
        <v>4</v>
      </c>
      <c r="U9" s="261">
        <v>49</v>
      </c>
      <c r="V9" s="261">
        <v>74</v>
      </c>
      <c r="W9" s="258">
        <v>140</v>
      </c>
      <c r="X9" s="263">
        <v>140</v>
      </c>
      <c r="Y9" s="257">
        <v>46</v>
      </c>
      <c r="Z9" s="261">
        <v>167</v>
      </c>
      <c r="AA9" s="258">
        <v>213</v>
      </c>
      <c r="AB9" s="260">
        <v>0</v>
      </c>
      <c r="AC9" s="261">
        <v>255</v>
      </c>
      <c r="AD9" s="261">
        <v>965</v>
      </c>
      <c r="AE9" s="261">
        <v>458</v>
      </c>
      <c r="AF9" s="261">
        <v>568</v>
      </c>
      <c r="AG9" s="261">
        <v>359</v>
      </c>
      <c r="AH9" s="258">
        <v>2605</v>
      </c>
      <c r="AI9" s="263">
        <v>2818</v>
      </c>
      <c r="AJ9" s="257">
        <v>0</v>
      </c>
      <c r="AK9" s="261">
        <v>60</v>
      </c>
      <c r="AL9" s="258">
        <v>60</v>
      </c>
      <c r="AM9" s="260">
        <v>0</v>
      </c>
      <c r="AN9" s="261">
        <v>73</v>
      </c>
      <c r="AO9" s="261">
        <v>49</v>
      </c>
      <c r="AP9" s="261">
        <v>51</v>
      </c>
      <c r="AQ9" s="261">
        <v>0</v>
      </c>
      <c r="AR9" s="261">
        <v>8</v>
      </c>
      <c r="AS9" s="258">
        <v>181</v>
      </c>
      <c r="AT9" s="263">
        <v>241</v>
      </c>
      <c r="AU9" s="257">
        <v>0</v>
      </c>
      <c r="AV9" s="261">
        <v>0</v>
      </c>
      <c r="AW9" s="258">
        <v>0</v>
      </c>
      <c r="AX9" s="260">
        <v>0</v>
      </c>
      <c r="AY9" s="261">
        <v>822</v>
      </c>
      <c r="AZ9" s="261">
        <v>986</v>
      </c>
      <c r="BA9" s="261">
        <v>731</v>
      </c>
      <c r="BB9" s="261">
        <v>139</v>
      </c>
      <c r="BC9" s="261">
        <v>116</v>
      </c>
      <c r="BD9" s="262">
        <v>2794</v>
      </c>
      <c r="BE9" s="263">
        <v>2794</v>
      </c>
      <c r="BF9" s="257">
        <v>0</v>
      </c>
      <c r="BG9" s="261">
        <v>0</v>
      </c>
      <c r="BH9" s="258">
        <v>0</v>
      </c>
      <c r="BI9" s="260">
        <v>0</v>
      </c>
      <c r="BJ9" s="261">
        <v>56</v>
      </c>
      <c r="BK9" s="261">
        <v>159</v>
      </c>
      <c r="BL9" s="261">
        <v>100</v>
      </c>
      <c r="BM9" s="261">
        <v>61</v>
      </c>
      <c r="BN9" s="261">
        <v>14</v>
      </c>
      <c r="BO9" s="258">
        <v>390</v>
      </c>
      <c r="BP9" s="263">
        <v>390</v>
      </c>
      <c r="BQ9" s="257">
        <v>1</v>
      </c>
      <c r="BR9" s="261">
        <v>0</v>
      </c>
      <c r="BS9" s="258">
        <v>1</v>
      </c>
      <c r="BT9" s="260">
        <v>0</v>
      </c>
      <c r="BU9" s="261">
        <v>105</v>
      </c>
      <c r="BV9" s="261">
        <v>293</v>
      </c>
      <c r="BW9" s="261">
        <v>152</v>
      </c>
      <c r="BX9" s="261">
        <v>195</v>
      </c>
      <c r="BY9" s="261">
        <v>67</v>
      </c>
      <c r="BZ9" s="258">
        <v>812</v>
      </c>
      <c r="CA9" s="263">
        <v>813</v>
      </c>
      <c r="CB9" s="257">
        <v>0</v>
      </c>
      <c r="CC9" s="261">
        <v>0</v>
      </c>
      <c r="CD9" s="258">
        <v>0</v>
      </c>
      <c r="CE9" s="260">
        <v>0</v>
      </c>
      <c r="CF9" s="261">
        <v>0</v>
      </c>
      <c r="CG9" s="261">
        <v>0</v>
      </c>
      <c r="CH9" s="261">
        <v>0</v>
      </c>
      <c r="CI9" s="261">
        <v>0</v>
      </c>
      <c r="CJ9" s="261">
        <v>0</v>
      </c>
      <c r="CK9" s="258">
        <v>0</v>
      </c>
      <c r="CL9" s="263">
        <v>0</v>
      </c>
      <c r="CM9" s="257">
        <v>0</v>
      </c>
      <c r="CN9" s="261">
        <v>0</v>
      </c>
      <c r="CO9" s="258">
        <v>0</v>
      </c>
      <c r="CP9" s="260">
        <v>0</v>
      </c>
      <c r="CQ9" s="261">
        <v>0</v>
      </c>
      <c r="CR9" s="261">
        <v>0</v>
      </c>
      <c r="CS9" s="261">
        <v>0</v>
      </c>
      <c r="CT9" s="261">
        <v>0</v>
      </c>
      <c r="CU9" s="261">
        <v>0</v>
      </c>
      <c r="CV9" s="258">
        <v>0</v>
      </c>
      <c r="CW9" s="263">
        <v>0</v>
      </c>
      <c r="CX9" s="257">
        <v>0</v>
      </c>
      <c r="CY9" s="261">
        <v>0</v>
      </c>
      <c r="CZ9" s="258">
        <v>0</v>
      </c>
      <c r="DA9" s="260">
        <v>0</v>
      </c>
      <c r="DB9" s="261">
        <v>0</v>
      </c>
      <c r="DC9" s="261">
        <v>0</v>
      </c>
      <c r="DD9" s="261">
        <v>0</v>
      </c>
      <c r="DE9" s="261">
        <v>0</v>
      </c>
      <c r="DF9" s="261">
        <v>0</v>
      </c>
      <c r="DG9" s="258">
        <v>0</v>
      </c>
      <c r="DH9" s="263">
        <v>0</v>
      </c>
    </row>
    <row r="10" spans="2:112" ht="21" customHeight="1" x14ac:dyDescent="0.2">
      <c r="B10" s="472" t="s">
        <v>7</v>
      </c>
      <c r="C10" s="257">
        <v>0</v>
      </c>
      <c r="D10" s="258">
        <v>0</v>
      </c>
      <c r="E10" s="259">
        <v>0</v>
      </c>
      <c r="F10" s="260">
        <v>0</v>
      </c>
      <c r="G10" s="261">
        <v>630</v>
      </c>
      <c r="H10" s="261">
        <v>540</v>
      </c>
      <c r="I10" s="261">
        <v>509</v>
      </c>
      <c r="J10" s="261">
        <v>1110</v>
      </c>
      <c r="K10" s="261">
        <v>580</v>
      </c>
      <c r="L10" s="262">
        <v>3369</v>
      </c>
      <c r="M10" s="263">
        <v>3369</v>
      </c>
      <c r="N10" s="257">
        <v>0</v>
      </c>
      <c r="O10" s="261">
        <v>0</v>
      </c>
      <c r="P10" s="258">
        <v>0</v>
      </c>
      <c r="Q10" s="260">
        <v>0</v>
      </c>
      <c r="R10" s="261">
        <v>4</v>
      </c>
      <c r="S10" s="261">
        <v>13</v>
      </c>
      <c r="T10" s="261">
        <v>2</v>
      </c>
      <c r="U10" s="261">
        <v>31</v>
      </c>
      <c r="V10" s="261">
        <v>48</v>
      </c>
      <c r="W10" s="258">
        <v>98</v>
      </c>
      <c r="X10" s="263">
        <v>98</v>
      </c>
      <c r="Y10" s="257">
        <v>13</v>
      </c>
      <c r="Z10" s="261">
        <v>22</v>
      </c>
      <c r="AA10" s="258">
        <v>35</v>
      </c>
      <c r="AB10" s="260">
        <v>0</v>
      </c>
      <c r="AC10" s="261">
        <v>204</v>
      </c>
      <c r="AD10" s="261">
        <v>278</v>
      </c>
      <c r="AE10" s="261">
        <v>160</v>
      </c>
      <c r="AF10" s="261">
        <v>328</v>
      </c>
      <c r="AG10" s="261">
        <v>208</v>
      </c>
      <c r="AH10" s="258">
        <v>1178</v>
      </c>
      <c r="AI10" s="263">
        <v>1213</v>
      </c>
      <c r="AJ10" s="257">
        <v>8</v>
      </c>
      <c r="AK10" s="261">
        <v>0</v>
      </c>
      <c r="AL10" s="258">
        <v>8</v>
      </c>
      <c r="AM10" s="260">
        <v>0</v>
      </c>
      <c r="AN10" s="261">
        <v>44</v>
      </c>
      <c r="AO10" s="261">
        <v>107</v>
      </c>
      <c r="AP10" s="261">
        <v>10</v>
      </c>
      <c r="AQ10" s="261">
        <v>66</v>
      </c>
      <c r="AR10" s="261">
        <v>0</v>
      </c>
      <c r="AS10" s="258">
        <v>227</v>
      </c>
      <c r="AT10" s="263">
        <v>235</v>
      </c>
      <c r="AU10" s="257">
        <v>0</v>
      </c>
      <c r="AV10" s="261">
        <v>0</v>
      </c>
      <c r="AW10" s="258">
        <v>0</v>
      </c>
      <c r="AX10" s="260">
        <v>0</v>
      </c>
      <c r="AY10" s="261">
        <v>507</v>
      </c>
      <c r="AZ10" s="261">
        <v>250</v>
      </c>
      <c r="BA10" s="261">
        <v>131</v>
      </c>
      <c r="BB10" s="261">
        <v>114</v>
      </c>
      <c r="BC10" s="261">
        <v>44</v>
      </c>
      <c r="BD10" s="262">
        <v>1046</v>
      </c>
      <c r="BE10" s="263">
        <v>1046</v>
      </c>
      <c r="BF10" s="257">
        <v>0</v>
      </c>
      <c r="BG10" s="261">
        <v>0</v>
      </c>
      <c r="BH10" s="258">
        <v>0</v>
      </c>
      <c r="BI10" s="260">
        <v>0</v>
      </c>
      <c r="BJ10" s="261">
        <v>103</v>
      </c>
      <c r="BK10" s="261">
        <v>102</v>
      </c>
      <c r="BL10" s="261">
        <v>63</v>
      </c>
      <c r="BM10" s="261">
        <v>58</v>
      </c>
      <c r="BN10" s="261">
        <v>14</v>
      </c>
      <c r="BO10" s="258">
        <v>340</v>
      </c>
      <c r="BP10" s="263">
        <v>340</v>
      </c>
      <c r="BQ10" s="257">
        <v>0</v>
      </c>
      <c r="BR10" s="261">
        <v>0</v>
      </c>
      <c r="BS10" s="258">
        <v>0</v>
      </c>
      <c r="BT10" s="260">
        <v>0</v>
      </c>
      <c r="BU10" s="261">
        <v>84</v>
      </c>
      <c r="BV10" s="261">
        <v>74</v>
      </c>
      <c r="BW10" s="261">
        <v>38</v>
      </c>
      <c r="BX10" s="261">
        <v>86</v>
      </c>
      <c r="BY10" s="261">
        <v>44</v>
      </c>
      <c r="BZ10" s="258">
        <v>326</v>
      </c>
      <c r="CA10" s="263">
        <v>326</v>
      </c>
      <c r="CB10" s="257">
        <v>0</v>
      </c>
      <c r="CC10" s="261">
        <v>0</v>
      </c>
      <c r="CD10" s="258">
        <v>0</v>
      </c>
      <c r="CE10" s="260">
        <v>0</v>
      </c>
      <c r="CF10" s="261">
        <v>0</v>
      </c>
      <c r="CG10" s="261">
        <v>2</v>
      </c>
      <c r="CH10" s="261">
        <v>7</v>
      </c>
      <c r="CI10" s="261">
        <v>0</v>
      </c>
      <c r="CJ10" s="261">
        <v>0</v>
      </c>
      <c r="CK10" s="258">
        <v>9</v>
      </c>
      <c r="CL10" s="263">
        <v>9</v>
      </c>
      <c r="CM10" s="257">
        <v>0</v>
      </c>
      <c r="CN10" s="261">
        <v>0</v>
      </c>
      <c r="CO10" s="258">
        <v>0</v>
      </c>
      <c r="CP10" s="260">
        <v>0</v>
      </c>
      <c r="CQ10" s="261">
        <v>0</v>
      </c>
      <c r="CR10" s="261">
        <v>0</v>
      </c>
      <c r="CS10" s="261">
        <v>0</v>
      </c>
      <c r="CT10" s="261">
        <v>0</v>
      </c>
      <c r="CU10" s="261">
        <v>0</v>
      </c>
      <c r="CV10" s="258">
        <v>0</v>
      </c>
      <c r="CW10" s="263">
        <v>0</v>
      </c>
      <c r="CX10" s="257">
        <v>0</v>
      </c>
      <c r="CY10" s="261">
        <v>0</v>
      </c>
      <c r="CZ10" s="258">
        <v>0</v>
      </c>
      <c r="DA10" s="260">
        <v>0</v>
      </c>
      <c r="DB10" s="261">
        <v>0</v>
      </c>
      <c r="DC10" s="261">
        <v>0</v>
      </c>
      <c r="DD10" s="261">
        <v>0</v>
      </c>
      <c r="DE10" s="261">
        <v>0</v>
      </c>
      <c r="DF10" s="261">
        <v>0</v>
      </c>
      <c r="DG10" s="258">
        <v>0</v>
      </c>
      <c r="DH10" s="263">
        <v>0</v>
      </c>
    </row>
    <row r="11" spans="2:112" ht="21" customHeight="1" x14ac:dyDescent="0.2">
      <c r="B11" s="472" t="s">
        <v>8</v>
      </c>
      <c r="C11" s="257">
        <v>0</v>
      </c>
      <c r="D11" s="258">
        <v>0</v>
      </c>
      <c r="E11" s="259">
        <v>0</v>
      </c>
      <c r="F11" s="260">
        <v>0</v>
      </c>
      <c r="G11" s="261">
        <v>255</v>
      </c>
      <c r="H11" s="261">
        <v>300</v>
      </c>
      <c r="I11" s="261">
        <v>350</v>
      </c>
      <c r="J11" s="261">
        <v>340</v>
      </c>
      <c r="K11" s="261">
        <v>482</v>
      </c>
      <c r="L11" s="262">
        <v>1727</v>
      </c>
      <c r="M11" s="263">
        <v>1727</v>
      </c>
      <c r="N11" s="257">
        <v>0</v>
      </c>
      <c r="O11" s="261">
        <v>0</v>
      </c>
      <c r="P11" s="258">
        <v>0</v>
      </c>
      <c r="Q11" s="260">
        <v>0</v>
      </c>
      <c r="R11" s="261">
        <v>0</v>
      </c>
      <c r="S11" s="261">
        <v>0</v>
      </c>
      <c r="T11" s="261">
        <v>6</v>
      </c>
      <c r="U11" s="261">
        <v>7</v>
      </c>
      <c r="V11" s="261">
        <v>13</v>
      </c>
      <c r="W11" s="258">
        <v>26</v>
      </c>
      <c r="X11" s="263">
        <v>26</v>
      </c>
      <c r="Y11" s="257">
        <v>12</v>
      </c>
      <c r="Z11" s="261">
        <v>38</v>
      </c>
      <c r="AA11" s="258">
        <v>50</v>
      </c>
      <c r="AB11" s="260">
        <v>0</v>
      </c>
      <c r="AC11" s="261">
        <v>139</v>
      </c>
      <c r="AD11" s="261">
        <v>172</v>
      </c>
      <c r="AE11" s="261">
        <v>103</v>
      </c>
      <c r="AF11" s="261">
        <v>124</v>
      </c>
      <c r="AG11" s="261">
        <v>58</v>
      </c>
      <c r="AH11" s="258">
        <v>596</v>
      </c>
      <c r="AI11" s="263">
        <v>646</v>
      </c>
      <c r="AJ11" s="257">
        <v>0</v>
      </c>
      <c r="AK11" s="261">
        <v>34</v>
      </c>
      <c r="AL11" s="258">
        <v>34</v>
      </c>
      <c r="AM11" s="260">
        <v>0</v>
      </c>
      <c r="AN11" s="261">
        <v>36</v>
      </c>
      <c r="AO11" s="261">
        <v>80</v>
      </c>
      <c r="AP11" s="261">
        <v>38</v>
      </c>
      <c r="AQ11" s="261">
        <v>18</v>
      </c>
      <c r="AR11" s="261">
        <v>32</v>
      </c>
      <c r="AS11" s="258">
        <v>204</v>
      </c>
      <c r="AT11" s="263">
        <v>238</v>
      </c>
      <c r="AU11" s="257">
        <v>0</v>
      </c>
      <c r="AV11" s="261">
        <v>0</v>
      </c>
      <c r="AW11" s="258">
        <v>0</v>
      </c>
      <c r="AX11" s="260">
        <v>0</v>
      </c>
      <c r="AY11" s="261">
        <v>233</v>
      </c>
      <c r="AZ11" s="261">
        <v>283</v>
      </c>
      <c r="BA11" s="261">
        <v>84</v>
      </c>
      <c r="BB11" s="261">
        <v>134</v>
      </c>
      <c r="BC11" s="261">
        <v>35</v>
      </c>
      <c r="BD11" s="262">
        <v>769</v>
      </c>
      <c r="BE11" s="263">
        <v>769</v>
      </c>
      <c r="BF11" s="257">
        <v>0</v>
      </c>
      <c r="BG11" s="261">
        <v>0</v>
      </c>
      <c r="BH11" s="258">
        <v>0</v>
      </c>
      <c r="BI11" s="260">
        <v>0</v>
      </c>
      <c r="BJ11" s="261">
        <v>103</v>
      </c>
      <c r="BK11" s="261">
        <v>41</v>
      </c>
      <c r="BL11" s="261">
        <v>67</v>
      </c>
      <c r="BM11" s="261">
        <v>38</v>
      </c>
      <c r="BN11" s="261">
        <v>35</v>
      </c>
      <c r="BO11" s="258">
        <v>284</v>
      </c>
      <c r="BP11" s="263">
        <v>284</v>
      </c>
      <c r="BQ11" s="257">
        <v>0</v>
      </c>
      <c r="BR11" s="261">
        <v>16</v>
      </c>
      <c r="BS11" s="258">
        <v>16</v>
      </c>
      <c r="BT11" s="260">
        <v>0</v>
      </c>
      <c r="BU11" s="261">
        <v>20</v>
      </c>
      <c r="BV11" s="261">
        <v>55</v>
      </c>
      <c r="BW11" s="261">
        <v>94</v>
      </c>
      <c r="BX11" s="261">
        <v>129</v>
      </c>
      <c r="BY11" s="261">
        <v>14</v>
      </c>
      <c r="BZ11" s="258">
        <v>312</v>
      </c>
      <c r="CA11" s="263">
        <v>328</v>
      </c>
      <c r="CB11" s="257">
        <v>0</v>
      </c>
      <c r="CC11" s="261">
        <v>0</v>
      </c>
      <c r="CD11" s="258">
        <v>0</v>
      </c>
      <c r="CE11" s="260">
        <v>0</v>
      </c>
      <c r="CF11" s="261">
        <v>12</v>
      </c>
      <c r="CG11" s="261">
        <v>0</v>
      </c>
      <c r="CH11" s="261">
        <v>0</v>
      </c>
      <c r="CI11" s="261">
        <v>3</v>
      </c>
      <c r="CJ11" s="261">
        <v>0</v>
      </c>
      <c r="CK11" s="258">
        <v>15</v>
      </c>
      <c r="CL11" s="263">
        <v>15</v>
      </c>
      <c r="CM11" s="257">
        <v>0</v>
      </c>
      <c r="CN11" s="261">
        <v>0</v>
      </c>
      <c r="CO11" s="258">
        <v>0</v>
      </c>
      <c r="CP11" s="260">
        <v>0</v>
      </c>
      <c r="CQ11" s="261">
        <v>0</v>
      </c>
      <c r="CR11" s="261">
        <v>0</v>
      </c>
      <c r="CS11" s="261">
        <v>0</v>
      </c>
      <c r="CT11" s="261">
        <v>0</v>
      </c>
      <c r="CU11" s="261">
        <v>0</v>
      </c>
      <c r="CV11" s="258">
        <v>0</v>
      </c>
      <c r="CW11" s="263">
        <v>0</v>
      </c>
      <c r="CX11" s="257">
        <v>0</v>
      </c>
      <c r="CY11" s="261">
        <v>0</v>
      </c>
      <c r="CZ11" s="258">
        <v>0</v>
      </c>
      <c r="DA11" s="260">
        <v>0</v>
      </c>
      <c r="DB11" s="261">
        <v>0</v>
      </c>
      <c r="DC11" s="261">
        <v>0</v>
      </c>
      <c r="DD11" s="261">
        <v>0</v>
      </c>
      <c r="DE11" s="261">
        <v>0</v>
      </c>
      <c r="DF11" s="261">
        <v>0</v>
      </c>
      <c r="DG11" s="258">
        <v>0</v>
      </c>
      <c r="DH11" s="263">
        <v>0</v>
      </c>
    </row>
    <row r="12" spans="2:112" ht="21" customHeight="1" x14ac:dyDescent="0.2">
      <c r="B12" s="472" t="s">
        <v>9</v>
      </c>
      <c r="C12" s="257">
        <v>0</v>
      </c>
      <c r="D12" s="258">
        <v>0</v>
      </c>
      <c r="E12" s="259">
        <v>0</v>
      </c>
      <c r="F12" s="260">
        <v>0</v>
      </c>
      <c r="G12" s="261">
        <v>671</v>
      </c>
      <c r="H12" s="261">
        <v>692</v>
      </c>
      <c r="I12" s="261">
        <v>1071</v>
      </c>
      <c r="J12" s="261">
        <v>1755</v>
      </c>
      <c r="K12" s="261">
        <v>1251</v>
      </c>
      <c r="L12" s="262">
        <v>5440</v>
      </c>
      <c r="M12" s="263">
        <v>5440</v>
      </c>
      <c r="N12" s="257">
        <v>0</v>
      </c>
      <c r="O12" s="261">
        <v>0</v>
      </c>
      <c r="P12" s="258">
        <v>0</v>
      </c>
      <c r="Q12" s="260">
        <v>0</v>
      </c>
      <c r="R12" s="261">
        <v>5</v>
      </c>
      <c r="S12" s="261">
        <v>0</v>
      </c>
      <c r="T12" s="261">
        <v>4</v>
      </c>
      <c r="U12" s="261">
        <v>58</v>
      </c>
      <c r="V12" s="261">
        <v>61</v>
      </c>
      <c r="W12" s="258">
        <v>128</v>
      </c>
      <c r="X12" s="263">
        <v>128</v>
      </c>
      <c r="Y12" s="257">
        <v>116</v>
      </c>
      <c r="Z12" s="261">
        <v>113</v>
      </c>
      <c r="AA12" s="258">
        <v>229</v>
      </c>
      <c r="AB12" s="260">
        <v>0</v>
      </c>
      <c r="AC12" s="261">
        <v>456</v>
      </c>
      <c r="AD12" s="261">
        <v>566</v>
      </c>
      <c r="AE12" s="261">
        <v>282</v>
      </c>
      <c r="AF12" s="261">
        <v>275</v>
      </c>
      <c r="AG12" s="261">
        <v>282</v>
      </c>
      <c r="AH12" s="258">
        <v>1861</v>
      </c>
      <c r="AI12" s="263">
        <v>2090</v>
      </c>
      <c r="AJ12" s="257">
        <v>0</v>
      </c>
      <c r="AK12" s="261">
        <v>15</v>
      </c>
      <c r="AL12" s="258">
        <v>15</v>
      </c>
      <c r="AM12" s="260">
        <v>0</v>
      </c>
      <c r="AN12" s="261">
        <v>16</v>
      </c>
      <c r="AO12" s="261">
        <v>142</v>
      </c>
      <c r="AP12" s="261">
        <v>86</v>
      </c>
      <c r="AQ12" s="261">
        <v>78</v>
      </c>
      <c r="AR12" s="261">
        <v>31</v>
      </c>
      <c r="AS12" s="258">
        <v>353</v>
      </c>
      <c r="AT12" s="263">
        <v>368</v>
      </c>
      <c r="AU12" s="257">
        <v>0</v>
      </c>
      <c r="AV12" s="261">
        <v>0</v>
      </c>
      <c r="AW12" s="258">
        <v>0</v>
      </c>
      <c r="AX12" s="260">
        <v>0</v>
      </c>
      <c r="AY12" s="261">
        <v>502</v>
      </c>
      <c r="AZ12" s="261">
        <v>196</v>
      </c>
      <c r="BA12" s="261">
        <v>184</v>
      </c>
      <c r="BB12" s="261">
        <v>145</v>
      </c>
      <c r="BC12" s="261">
        <v>25</v>
      </c>
      <c r="BD12" s="262">
        <v>1052</v>
      </c>
      <c r="BE12" s="263">
        <v>1052</v>
      </c>
      <c r="BF12" s="257">
        <v>0</v>
      </c>
      <c r="BG12" s="261">
        <v>0</v>
      </c>
      <c r="BH12" s="258">
        <v>0</v>
      </c>
      <c r="BI12" s="260">
        <v>0</v>
      </c>
      <c r="BJ12" s="261">
        <v>82</v>
      </c>
      <c r="BK12" s="261">
        <v>133</v>
      </c>
      <c r="BL12" s="261">
        <v>100</v>
      </c>
      <c r="BM12" s="261">
        <v>73</v>
      </c>
      <c r="BN12" s="261">
        <v>4</v>
      </c>
      <c r="BO12" s="258">
        <v>392</v>
      </c>
      <c r="BP12" s="263">
        <v>392</v>
      </c>
      <c r="BQ12" s="257">
        <v>0</v>
      </c>
      <c r="BR12" s="261">
        <v>0</v>
      </c>
      <c r="BS12" s="258">
        <v>0</v>
      </c>
      <c r="BT12" s="260">
        <v>0</v>
      </c>
      <c r="BU12" s="261">
        <v>48</v>
      </c>
      <c r="BV12" s="261">
        <v>46</v>
      </c>
      <c r="BW12" s="261">
        <v>77</v>
      </c>
      <c r="BX12" s="261">
        <v>113</v>
      </c>
      <c r="BY12" s="261">
        <v>65</v>
      </c>
      <c r="BZ12" s="258">
        <v>349</v>
      </c>
      <c r="CA12" s="263">
        <v>349</v>
      </c>
      <c r="CB12" s="257">
        <v>0</v>
      </c>
      <c r="CC12" s="261">
        <v>0</v>
      </c>
      <c r="CD12" s="258">
        <v>0</v>
      </c>
      <c r="CE12" s="260">
        <v>0</v>
      </c>
      <c r="CF12" s="261">
        <v>0</v>
      </c>
      <c r="CG12" s="261">
        <v>4</v>
      </c>
      <c r="CH12" s="261">
        <v>19</v>
      </c>
      <c r="CI12" s="261">
        <v>10</v>
      </c>
      <c r="CJ12" s="261">
        <v>18</v>
      </c>
      <c r="CK12" s="258">
        <v>51</v>
      </c>
      <c r="CL12" s="263">
        <v>51</v>
      </c>
      <c r="CM12" s="257">
        <v>0</v>
      </c>
      <c r="CN12" s="261">
        <v>0</v>
      </c>
      <c r="CO12" s="258">
        <v>0</v>
      </c>
      <c r="CP12" s="260">
        <v>0</v>
      </c>
      <c r="CQ12" s="261">
        <v>0</v>
      </c>
      <c r="CR12" s="261">
        <v>0</v>
      </c>
      <c r="CS12" s="261">
        <v>0</v>
      </c>
      <c r="CT12" s="261">
        <v>0</v>
      </c>
      <c r="CU12" s="261">
        <v>0</v>
      </c>
      <c r="CV12" s="258">
        <v>0</v>
      </c>
      <c r="CW12" s="263">
        <v>0</v>
      </c>
      <c r="CX12" s="257">
        <v>0</v>
      </c>
      <c r="CY12" s="261">
        <v>0</v>
      </c>
      <c r="CZ12" s="258">
        <v>0</v>
      </c>
      <c r="DA12" s="260">
        <v>0</v>
      </c>
      <c r="DB12" s="261">
        <v>0</v>
      </c>
      <c r="DC12" s="261">
        <v>0</v>
      </c>
      <c r="DD12" s="261">
        <v>0</v>
      </c>
      <c r="DE12" s="261">
        <v>0</v>
      </c>
      <c r="DF12" s="261">
        <v>0</v>
      </c>
      <c r="DG12" s="258">
        <v>0</v>
      </c>
      <c r="DH12" s="263">
        <v>0</v>
      </c>
    </row>
    <row r="13" spans="2:112" ht="21" customHeight="1" x14ac:dyDescent="0.2">
      <c r="B13" s="472" t="s">
        <v>10</v>
      </c>
      <c r="C13" s="257">
        <v>0</v>
      </c>
      <c r="D13" s="258">
        <v>0</v>
      </c>
      <c r="E13" s="259">
        <v>0</v>
      </c>
      <c r="F13" s="260">
        <v>0</v>
      </c>
      <c r="G13" s="261">
        <v>1508</v>
      </c>
      <c r="H13" s="261">
        <v>1216</v>
      </c>
      <c r="I13" s="261">
        <v>2334</v>
      </c>
      <c r="J13" s="261">
        <v>1512</v>
      </c>
      <c r="K13" s="261">
        <v>1253</v>
      </c>
      <c r="L13" s="262">
        <v>7823</v>
      </c>
      <c r="M13" s="263">
        <v>7823</v>
      </c>
      <c r="N13" s="257">
        <v>0</v>
      </c>
      <c r="O13" s="261">
        <v>9</v>
      </c>
      <c r="P13" s="258">
        <v>9</v>
      </c>
      <c r="Q13" s="260">
        <v>0</v>
      </c>
      <c r="R13" s="261">
        <v>0</v>
      </c>
      <c r="S13" s="261">
        <v>15</v>
      </c>
      <c r="T13" s="261">
        <v>12</v>
      </c>
      <c r="U13" s="261">
        <v>19</v>
      </c>
      <c r="V13" s="261">
        <v>31</v>
      </c>
      <c r="W13" s="258">
        <v>77</v>
      </c>
      <c r="X13" s="263">
        <v>86</v>
      </c>
      <c r="Y13" s="257">
        <v>75</v>
      </c>
      <c r="Z13" s="261">
        <v>208</v>
      </c>
      <c r="AA13" s="258">
        <v>283</v>
      </c>
      <c r="AB13" s="260">
        <v>0</v>
      </c>
      <c r="AC13" s="261">
        <v>535</v>
      </c>
      <c r="AD13" s="261">
        <v>581</v>
      </c>
      <c r="AE13" s="261">
        <v>195</v>
      </c>
      <c r="AF13" s="261">
        <v>227</v>
      </c>
      <c r="AG13" s="261">
        <v>122</v>
      </c>
      <c r="AH13" s="258">
        <v>1660</v>
      </c>
      <c r="AI13" s="263">
        <v>1943</v>
      </c>
      <c r="AJ13" s="257">
        <v>16</v>
      </c>
      <c r="AK13" s="261">
        <v>54</v>
      </c>
      <c r="AL13" s="258">
        <v>70</v>
      </c>
      <c r="AM13" s="260">
        <v>0</v>
      </c>
      <c r="AN13" s="261">
        <v>69</v>
      </c>
      <c r="AO13" s="261">
        <v>114</v>
      </c>
      <c r="AP13" s="261">
        <v>35</v>
      </c>
      <c r="AQ13" s="261">
        <v>12</v>
      </c>
      <c r="AR13" s="261">
        <v>40</v>
      </c>
      <c r="AS13" s="258">
        <v>270</v>
      </c>
      <c r="AT13" s="263">
        <v>340</v>
      </c>
      <c r="AU13" s="257">
        <v>0</v>
      </c>
      <c r="AV13" s="261">
        <v>0</v>
      </c>
      <c r="AW13" s="258">
        <v>0</v>
      </c>
      <c r="AX13" s="260">
        <v>0</v>
      </c>
      <c r="AY13" s="261">
        <v>957</v>
      </c>
      <c r="AZ13" s="261">
        <v>603</v>
      </c>
      <c r="BA13" s="261">
        <v>413</v>
      </c>
      <c r="BB13" s="261">
        <v>145</v>
      </c>
      <c r="BC13" s="261">
        <v>38</v>
      </c>
      <c r="BD13" s="262">
        <v>2156</v>
      </c>
      <c r="BE13" s="263">
        <v>2156</v>
      </c>
      <c r="BF13" s="257">
        <v>0</v>
      </c>
      <c r="BG13" s="261">
        <v>0</v>
      </c>
      <c r="BH13" s="258">
        <v>0</v>
      </c>
      <c r="BI13" s="260">
        <v>0</v>
      </c>
      <c r="BJ13" s="261">
        <v>149</v>
      </c>
      <c r="BK13" s="261">
        <v>125</v>
      </c>
      <c r="BL13" s="261">
        <v>49</v>
      </c>
      <c r="BM13" s="261">
        <v>10</v>
      </c>
      <c r="BN13" s="261">
        <v>12</v>
      </c>
      <c r="BO13" s="258">
        <v>345</v>
      </c>
      <c r="BP13" s="263">
        <v>345</v>
      </c>
      <c r="BQ13" s="257">
        <v>0</v>
      </c>
      <c r="BR13" s="261">
        <v>36</v>
      </c>
      <c r="BS13" s="258">
        <v>36</v>
      </c>
      <c r="BT13" s="260">
        <v>0</v>
      </c>
      <c r="BU13" s="261">
        <v>68</v>
      </c>
      <c r="BV13" s="261">
        <v>367</v>
      </c>
      <c r="BW13" s="261">
        <v>185</v>
      </c>
      <c r="BX13" s="261">
        <v>123</v>
      </c>
      <c r="BY13" s="261">
        <v>0</v>
      </c>
      <c r="BZ13" s="258">
        <v>743</v>
      </c>
      <c r="CA13" s="263">
        <v>779</v>
      </c>
      <c r="CB13" s="257">
        <v>0</v>
      </c>
      <c r="CC13" s="261">
        <v>0</v>
      </c>
      <c r="CD13" s="258">
        <v>0</v>
      </c>
      <c r="CE13" s="260">
        <v>0</v>
      </c>
      <c r="CF13" s="261">
        <v>31</v>
      </c>
      <c r="CG13" s="261">
        <v>18</v>
      </c>
      <c r="CH13" s="261">
        <v>0</v>
      </c>
      <c r="CI13" s="261">
        <v>0</v>
      </c>
      <c r="CJ13" s="261">
        <v>0</v>
      </c>
      <c r="CK13" s="258">
        <v>49</v>
      </c>
      <c r="CL13" s="263">
        <v>49</v>
      </c>
      <c r="CM13" s="257">
        <v>0</v>
      </c>
      <c r="CN13" s="261">
        <v>0</v>
      </c>
      <c r="CO13" s="258">
        <v>0</v>
      </c>
      <c r="CP13" s="260">
        <v>0</v>
      </c>
      <c r="CQ13" s="261">
        <v>0</v>
      </c>
      <c r="CR13" s="261">
        <v>0</v>
      </c>
      <c r="CS13" s="261">
        <v>0</v>
      </c>
      <c r="CT13" s="261">
        <v>0</v>
      </c>
      <c r="CU13" s="261">
        <v>0</v>
      </c>
      <c r="CV13" s="258">
        <v>0</v>
      </c>
      <c r="CW13" s="263">
        <v>0</v>
      </c>
      <c r="CX13" s="257">
        <v>0</v>
      </c>
      <c r="CY13" s="261">
        <v>0</v>
      </c>
      <c r="CZ13" s="258">
        <v>0</v>
      </c>
      <c r="DA13" s="260">
        <v>0</v>
      </c>
      <c r="DB13" s="261">
        <v>0</v>
      </c>
      <c r="DC13" s="261">
        <v>0</v>
      </c>
      <c r="DD13" s="261">
        <v>0</v>
      </c>
      <c r="DE13" s="261">
        <v>0</v>
      </c>
      <c r="DF13" s="261">
        <v>0</v>
      </c>
      <c r="DG13" s="258">
        <v>0</v>
      </c>
      <c r="DH13" s="263">
        <v>0</v>
      </c>
    </row>
    <row r="14" spans="2:112" ht="21" customHeight="1" x14ac:dyDescent="0.2">
      <c r="B14" s="472" t="s">
        <v>11</v>
      </c>
      <c r="C14" s="257">
        <v>0</v>
      </c>
      <c r="D14" s="258">
        <v>0</v>
      </c>
      <c r="E14" s="259">
        <v>0</v>
      </c>
      <c r="F14" s="260">
        <v>0</v>
      </c>
      <c r="G14" s="261">
        <v>120</v>
      </c>
      <c r="H14" s="261">
        <v>79</v>
      </c>
      <c r="I14" s="261">
        <v>280</v>
      </c>
      <c r="J14" s="261">
        <v>405</v>
      </c>
      <c r="K14" s="261">
        <v>96</v>
      </c>
      <c r="L14" s="262">
        <v>980</v>
      </c>
      <c r="M14" s="263">
        <v>980</v>
      </c>
      <c r="N14" s="257">
        <v>0</v>
      </c>
      <c r="O14" s="261">
        <v>0</v>
      </c>
      <c r="P14" s="258">
        <v>0</v>
      </c>
      <c r="Q14" s="260">
        <v>0</v>
      </c>
      <c r="R14" s="261">
        <v>0</v>
      </c>
      <c r="S14" s="261">
        <v>0</v>
      </c>
      <c r="T14" s="261">
        <v>0</v>
      </c>
      <c r="U14" s="261">
        <v>16</v>
      </c>
      <c r="V14" s="261">
        <v>15</v>
      </c>
      <c r="W14" s="258">
        <v>31</v>
      </c>
      <c r="X14" s="263">
        <v>31</v>
      </c>
      <c r="Y14" s="257">
        <v>18</v>
      </c>
      <c r="Z14" s="261">
        <v>8</v>
      </c>
      <c r="AA14" s="258">
        <v>26</v>
      </c>
      <c r="AB14" s="260">
        <v>0</v>
      </c>
      <c r="AC14" s="261">
        <v>440</v>
      </c>
      <c r="AD14" s="261">
        <v>129</v>
      </c>
      <c r="AE14" s="261">
        <v>94</v>
      </c>
      <c r="AF14" s="261">
        <v>193</v>
      </c>
      <c r="AG14" s="261">
        <v>38</v>
      </c>
      <c r="AH14" s="258">
        <v>894</v>
      </c>
      <c r="AI14" s="263">
        <v>920</v>
      </c>
      <c r="AJ14" s="257">
        <v>0</v>
      </c>
      <c r="AK14" s="261">
        <v>24</v>
      </c>
      <c r="AL14" s="258">
        <v>24</v>
      </c>
      <c r="AM14" s="260">
        <v>0</v>
      </c>
      <c r="AN14" s="261">
        <v>18</v>
      </c>
      <c r="AO14" s="261">
        <v>45</v>
      </c>
      <c r="AP14" s="261">
        <v>12</v>
      </c>
      <c r="AQ14" s="261">
        <v>84</v>
      </c>
      <c r="AR14" s="261">
        <v>0</v>
      </c>
      <c r="AS14" s="258">
        <v>159</v>
      </c>
      <c r="AT14" s="263">
        <v>183</v>
      </c>
      <c r="AU14" s="257">
        <v>0</v>
      </c>
      <c r="AV14" s="261">
        <v>0</v>
      </c>
      <c r="AW14" s="258">
        <v>0</v>
      </c>
      <c r="AX14" s="260">
        <v>0</v>
      </c>
      <c r="AY14" s="261">
        <v>145</v>
      </c>
      <c r="AZ14" s="261">
        <v>99</v>
      </c>
      <c r="BA14" s="261">
        <v>114</v>
      </c>
      <c r="BB14" s="261">
        <v>135</v>
      </c>
      <c r="BC14" s="261">
        <v>25</v>
      </c>
      <c r="BD14" s="262">
        <v>518</v>
      </c>
      <c r="BE14" s="263">
        <v>518</v>
      </c>
      <c r="BF14" s="257">
        <v>0</v>
      </c>
      <c r="BG14" s="261">
        <v>0</v>
      </c>
      <c r="BH14" s="258">
        <v>0</v>
      </c>
      <c r="BI14" s="260">
        <v>0</v>
      </c>
      <c r="BJ14" s="261">
        <v>99</v>
      </c>
      <c r="BK14" s="261">
        <v>62</v>
      </c>
      <c r="BL14" s="261">
        <v>104</v>
      </c>
      <c r="BM14" s="261">
        <v>22</v>
      </c>
      <c r="BN14" s="261">
        <v>0</v>
      </c>
      <c r="BO14" s="258">
        <v>287</v>
      </c>
      <c r="BP14" s="263">
        <v>287</v>
      </c>
      <c r="BQ14" s="257">
        <v>0</v>
      </c>
      <c r="BR14" s="261">
        <v>0</v>
      </c>
      <c r="BS14" s="258">
        <v>0</v>
      </c>
      <c r="BT14" s="260">
        <v>0</v>
      </c>
      <c r="BU14" s="261">
        <v>25</v>
      </c>
      <c r="BV14" s="261">
        <v>1</v>
      </c>
      <c r="BW14" s="261">
        <v>35</v>
      </c>
      <c r="BX14" s="261">
        <v>20</v>
      </c>
      <c r="BY14" s="261">
        <v>21</v>
      </c>
      <c r="BZ14" s="258">
        <v>102</v>
      </c>
      <c r="CA14" s="263">
        <v>102</v>
      </c>
      <c r="CB14" s="257">
        <v>0</v>
      </c>
      <c r="CC14" s="261">
        <v>0</v>
      </c>
      <c r="CD14" s="258">
        <v>0</v>
      </c>
      <c r="CE14" s="260">
        <v>0</v>
      </c>
      <c r="CF14" s="261">
        <v>0</v>
      </c>
      <c r="CG14" s="261">
        <v>0</v>
      </c>
      <c r="CH14" s="261">
        <v>10</v>
      </c>
      <c r="CI14" s="261">
        <v>4</v>
      </c>
      <c r="CJ14" s="261">
        <v>9</v>
      </c>
      <c r="CK14" s="258">
        <v>23</v>
      </c>
      <c r="CL14" s="263">
        <v>23</v>
      </c>
      <c r="CM14" s="257">
        <v>0</v>
      </c>
      <c r="CN14" s="261">
        <v>0</v>
      </c>
      <c r="CO14" s="258">
        <v>0</v>
      </c>
      <c r="CP14" s="260">
        <v>0</v>
      </c>
      <c r="CQ14" s="261">
        <v>0</v>
      </c>
      <c r="CR14" s="261">
        <v>0</v>
      </c>
      <c r="CS14" s="261">
        <v>0</v>
      </c>
      <c r="CT14" s="261">
        <v>0</v>
      </c>
      <c r="CU14" s="261">
        <v>0</v>
      </c>
      <c r="CV14" s="258">
        <v>0</v>
      </c>
      <c r="CW14" s="263">
        <v>0</v>
      </c>
      <c r="CX14" s="257">
        <v>0</v>
      </c>
      <c r="CY14" s="261">
        <v>0</v>
      </c>
      <c r="CZ14" s="258">
        <v>0</v>
      </c>
      <c r="DA14" s="260">
        <v>0</v>
      </c>
      <c r="DB14" s="261">
        <v>0</v>
      </c>
      <c r="DC14" s="261">
        <v>0</v>
      </c>
      <c r="DD14" s="261">
        <v>0</v>
      </c>
      <c r="DE14" s="261">
        <v>0</v>
      </c>
      <c r="DF14" s="261">
        <v>0</v>
      </c>
      <c r="DG14" s="258">
        <v>0</v>
      </c>
      <c r="DH14" s="263">
        <v>0</v>
      </c>
    </row>
    <row r="15" spans="2:112" ht="21" customHeight="1" x14ac:dyDescent="0.2">
      <c r="B15" s="472" t="s">
        <v>12</v>
      </c>
      <c r="C15" s="257">
        <v>0</v>
      </c>
      <c r="D15" s="258">
        <v>0</v>
      </c>
      <c r="E15" s="259">
        <v>0</v>
      </c>
      <c r="F15" s="260">
        <v>0</v>
      </c>
      <c r="G15" s="261">
        <v>461</v>
      </c>
      <c r="H15" s="261">
        <v>515</v>
      </c>
      <c r="I15" s="261">
        <v>681</v>
      </c>
      <c r="J15" s="261">
        <v>612</v>
      </c>
      <c r="K15" s="261">
        <v>807</v>
      </c>
      <c r="L15" s="262">
        <v>3076</v>
      </c>
      <c r="M15" s="263">
        <v>3076</v>
      </c>
      <c r="N15" s="257">
        <v>0</v>
      </c>
      <c r="O15" s="261">
        <v>0</v>
      </c>
      <c r="P15" s="258">
        <v>0</v>
      </c>
      <c r="Q15" s="260">
        <v>0</v>
      </c>
      <c r="R15" s="261">
        <v>0</v>
      </c>
      <c r="S15" s="261">
        <v>9</v>
      </c>
      <c r="T15" s="261">
        <v>9</v>
      </c>
      <c r="U15" s="261">
        <v>3</v>
      </c>
      <c r="V15" s="261">
        <v>28</v>
      </c>
      <c r="W15" s="258">
        <v>49</v>
      </c>
      <c r="X15" s="263">
        <v>49</v>
      </c>
      <c r="Y15" s="257">
        <v>61</v>
      </c>
      <c r="Z15" s="261">
        <v>200</v>
      </c>
      <c r="AA15" s="258">
        <v>261</v>
      </c>
      <c r="AB15" s="260">
        <v>0</v>
      </c>
      <c r="AC15" s="261">
        <v>155</v>
      </c>
      <c r="AD15" s="261">
        <v>216</v>
      </c>
      <c r="AE15" s="261">
        <v>178</v>
      </c>
      <c r="AF15" s="261">
        <v>169</v>
      </c>
      <c r="AG15" s="261">
        <v>157</v>
      </c>
      <c r="AH15" s="258">
        <v>875</v>
      </c>
      <c r="AI15" s="263">
        <v>1136</v>
      </c>
      <c r="AJ15" s="257">
        <v>12</v>
      </c>
      <c r="AK15" s="261">
        <v>6</v>
      </c>
      <c r="AL15" s="258">
        <v>18</v>
      </c>
      <c r="AM15" s="260">
        <v>0</v>
      </c>
      <c r="AN15" s="261">
        <v>18</v>
      </c>
      <c r="AO15" s="261">
        <v>44</v>
      </c>
      <c r="AP15" s="261">
        <v>12</v>
      </c>
      <c r="AQ15" s="261">
        <v>22</v>
      </c>
      <c r="AR15" s="261">
        <v>0</v>
      </c>
      <c r="AS15" s="258">
        <v>96</v>
      </c>
      <c r="AT15" s="263">
        <v>114</v>
      </c>
      <c r="AU15" s="257">
        <v>0</v>
      </c>
      <c r="AV15" s="261">
        <v>0</v>
      </c>
      <c r="AW15" s="258">
        <v>0</v>
      </c>
      <c r="AX15" s="260">
        <v>0</v>
      </c>
      <c r="AY15" s="261">
        <v>337</v>
      </c>
      <c r="AZ15" s="261">
        <v>241</v>
      </c>
      <c r="BA15" s="261">
        <v>113</v>
      </c>
      <c r="BB15" s="261">
        <v>99</v>
      </c>
      <c r="BC15" s="261">
        <v>50</v>
      </c>
      <c r="BD15" s="262">
        <v>840</v>
      </c>
      <c r="BE15" s="263">
        <v>840</v>
      </c>
      <c r="BF15" s="257">
        <v>0</v>
      </c>
      <c r="BG15" s="261">
        <v>0</v>
      </c>
      <c r="BH15" s="258">
        <v>0</v>
      </c>
      <c r="BI15" s="260">
        <v>0</v>
      </c>
      <c r="BJ15" s="261">
        <v>67</v>
      </c>
      <c r="BK15" s="261">
        <v>70</v>
      </c>
      <c r="BL15" s="261">
        <v>87</v>
      </c>
      <c r="BM15" s="261">
        <v>41</v>
      </c>
      <c r="BN15" s="261">
        <v>0</v>
      </c>
      <c r="BO15" s="258">
        <v>265</v>
      </c>
      <c r="BP15" s="263">
        <v>265</v>
      </c>
      <c r="BQ15" s="257">
        <v>5</v>
      </c>
      <c r="BR15" s="261">
        <v>8</v>
      </c>
      <c r="BS15" s="258">
        <v>13</v>
      </c>
      <c r="BT15" s="260">
        <v>0</v>
      </c>
      <c r="BU15" s="261">
        <v>61</v>
      </c>
      <c r="BV15" s="261">
        <v>87</v>
      </c>
      <c r="BW15" s="261">
        <v>48</v>
      </c>
      <c r="BX15" s="261">
        <v>82</v>
      </c>
      <c r="BY15" s="261">
        <v>62</v>
      </c>
      <c r="BZ15" s="258">
        <v>340</v>
      </c>
      <c r="CA15" s="263">
        <v>353</v>
      </c>
      <c r="CB15" s="257">
        <v>0</v>
      </c>
      <c r="CC15" s="261">
        <v>0</v>
      </c>
      <c r="CD15" s="258">
        <v>0</v>
      </c>
      <c r="CE15" s="260">
        <v>0</v>
      </c>
      <c r="CF15" s="261">
        <v>21</v>
      </c>
      <c r="CG15" s="261">
        <v>0</v>
      </c>
      <c r="CH15" s="261">
        <v>0</v>
      </c>
      <c r="CI15" s="261">
        <v>0</v>
      </c>
      <c r="CJ15" s="261">
        <v>0</v>
      </c>
      <c r="CK15" s="258">
        <v>21</v>
      </c>
      <c r="CL15" s="263">
        <v>21</v>
      </c>
      <c r="CM15" s="257">
        <v>0</v>
      </c>
      <c r="CN15" s="261">
        <v>0</v>
      </c>
      <c r="CO15" s="258">
        <v>0</v>
      </c>
      <c r="CP15" s="260">
        <v>0</v>
      </c>
      <c r="CQ15" s="261">
        <v>0</v>
      </c>
      <c r="CR15" s="261">
        <v>0</v>
      </c>
      <c r="CS15" s="261">
        <v>0</v>
      </c>
      <c r="CT15" s="261">
        <v>0</v>
      </c>
      <c r="CU15" s="261">
        <v>0</v>
      </c>
      <c r="CV15" s="258">
        <v>0</v>
      </c>
      <c r="CW15" s="263">
        <v>0</v>
      </c>
      <c r="CX15" s="257">
        <v>0</v>
      </c>
      <c r="CY15" s="261">
        <v>0</v>
      </c>
      <c r="CZ15" s="258">
        <v>0</v>
      </c>
      <c r="DA15" s="260">
        <v>0</v>
      </c>
      <c r="DB15" s="261">
        <v>0</v>
      </c>
      <c r="DC15" s="261">
        <v>0</v>
      </c>
      <c r="DD15" s="261">
        <v>0</v>
      </c>
      <c r="DE15" s="261">
        <v>0</v>
      </c>
      <c r="DF15" s="261">
        <v>0</v>
      </c>
      <c r="DG15" s="258">
        <v>0</v>
      </c>
      <c r="DH15" s="263">
        <v>0</v>
      </c>
    </row>
    <row r="16" spans="2:112" ht="21" customHeight="1" x14ac:dyDescent="0.2">
      <c r="B16" s="472" t="s">
        <v>13</v>
      </c>
      <c r="C16" s="257">
        <v>0</v>
      </c>
      <c r="D16" s="258">
        <v>0</v>
      </c>
      <c r="E16" s="259">
        <v>0</v>
      </c>
      <c r="F16" s="260">
        <v>0</v>
      </c>
      <c r="G16" s="261">
        <v>246</v>
      </c>
      <c r="H16" s="261">
        <v>315</v>
      </c>
      <c r="I16" s="261">
        <v>407</v>
      </c>
      <c r="J16" s="261">
        <v>368</v>
      </c>
      <c r="K16" s="261">
        <v>745</v>
      </c>
      <c r="L16" s="262">
        <v>2081</v>
      </c>
      <c r="M16" s="263">
        <v>2081</v>
      </c>
      <c r="N16" s="257">
        <v>0</v>
      </c>
      <c r="O16" s="261">
        <v>0</v>
      </c>
      <c r="P16" s="258">
        <v>0</v>
      </c>
      <c r="Q16" s="260">
        <v>0</v>
      </c>
      <c r="R16" s="261">
        <v>0</v>
      </c>
      <c r="S16" s="261">
        <v>0</v>
      </c>
      <c r="T16" s="261">
        <v>0</v>
      </c>
      <c r="U16" s="261">
        <v>14</v>
      </c>
      <c r="V16" s="261">
        <v>4</v>
      </c>
      <c r="W16" s="258">
        <v>18</v>
      </c>
      <c r="X16" s="263">
        <v>18</v>
      </c>
      <c r="Y16" s="257">
        <v>12</v>
      </c>
      <c r="Z16" s="261">
        <v>73</v>
      </c>
      <c r="AA16" s="258">
        <v>85</v>
      </c>
      <c r="AB16" s="260">
        <v>0</v>
      </c>
      <c r="AC16" s="261">
        <v>142</v>
      </c>
      <c r="AD16" s="261">
        <v>106</v>
      </c>
      <c r="AE16" s="261">
        <v>114</v>
      </c>
      <c r="AF16" s="261">
        <v>119</v>
      </c>
      <c r="AG16" s="261">
        <v>114</v>
      </c>
      <c r="AH16" s="258">
        <v>595</v>
      </c>
      <c r="AI16" s="263">
        <v>680</v>
      </c>
      <c r="AJ16" s="257">
        <v>0</v>
      </c>
      <c r="AK16" s="261">
        <v>0</v>
      </c>
      <c r="AL16" s="258">
        <v>0</v>
      </c>
      <c r="AM16" s="260">
        <v>0</v>
      </c>
      <c r="AN16" s="261">
        <v>8</v>
      </c>
      <c r="AO16" s="261">
        <v>24</v>
      </c>
      <c r="AP16" s="261">
        <v>0</v>
      </c>
      <c r="AQ16" s="261">
        <v>25</v>
      </c>
      <c r="AR16" s="261">
        <v>35</v>
      </c>
      <c r="AS16" s="258">
        <v>92</v>
      </c>
      <c r="AT16" s="263">
        <v>92</v>
      </c>
      <c r="AU16" s="257">
        <v>0</v>
      </c>
      <c r="AV16" s="261">
        <v>0</v>
      </c>
      <c r="AW16" s="258">
        <v>0</v>
      </c>
      <c r="AX16" s="260">
        <v>0</v>
      </c>
      <c r="AY16" s="261">
        <v>120</v>
      </c>
      <c r="AZ16" s="261">
        <v>180</v>
      </c>
      <c r="BA16" s="261">
        <v>90</v>
      </c>
      <c r="BB16" s="261">
        <v>6</v>
      </c>
      <c r="BC16" s="261">
        <v>4</v>
      </c>
      <c r="BD16" s="262">
        <v>400</v>
      </c>
      <c r="BE16" s="263">
        <v>400</v>
      </c>
      <c r="BF16" s="257">
        <v>0</v>
      </c>
      <c r="BG16" s="261">
        <v>0</v>
      </c>
      <c r="BH16" s="258">
        <v>0</v>
      </c>
      <c r="BI16" s="260">
        <v>0</v>
      </c>
      <c r="BJ16" s="261">
        <v>17</v>
      </c>
      <c r="BK16" s="261">
        <v>8</v>
      </c>
      <c r="BL16" s="261">
        <v>17</v>
      </c>
      <c r="BM16" s="261">
        <v>20</v>
      </c>
      <c r="BN16" s="261">
        <v>18</v>
      </c>
      <c r="BO16" s="258">
        <v>80</v>
      </c>
      <c r="BP16" s="263">
        <v>80</v>
      </c>
      <c r="BQ16" s="257">
        <v>0</v>
      </c>
      <c r="BR16" s="261">
        <v>0</v>
      </c>
      <c r="BS16" s="258">
        <v>0</v>
      </c>
      <c r="BT16" s="260">
        <v>0</v>
      </c>
      <c r="BU16" s="261">
        <v>0</v>
      </c>
      <c r="BV16" s="261">
        <v>39</v>
      </c>
      <c r="BW16" s="261">
        <v>33</v>
      </c>
      <c r="BX16" s="261">
        <v>96</v>
      </c>
      <c r="BY16" s="261">
        <v>0</v>
      </c>
      <c r="BZ16" s="258">
        <v>168</v>
      </c>
      <c r="CA16" s="263">
        <v>168</v>
      </c>
      <c r="CB16" s="257">
        <v>0</v>
      </c>
      <c r="CC16" s="261">
        <v>0</v>
      </c>
      <c r="CD16" s="258">
        <v>0</v>
      </c>
      <c r="CE16" s="260">
        <v>0</v>
      </c>
      <c r="CF16" s="261">
        <v>0</v>
      </c>
      <c r="CG16" s="261">
        <v>0</v>
      </c>
      <c r="CH16" s="261">
        <v>0</v>
      </c>
      <c r="CI16" s="261">
        <v>0</v>
      </c>
      <c r="CJ16" s="261">
        <v>0</v>
      </c>
      <c r="CK16" s="258">
        <v>0</v>
      </c>
      <c r="CL16" s="263">
        <v>0</v>
      </c>
      <c r="CM16" s="257">
        <v>0</v>
      </c>
      <c r="CN16" s="261">
        <v>0</v>
      </c>
      <c r="CO16" s="258">
        <v>0</v>
      </c>
      <c r="CP16" s="260">
        <v>0</v>
      </c>
      <c r="CQ16" s="261">
        <v>0</v>
      </c>
      <c r="CR16" s="261">
        <v>0</v>
      </c>
      <c r="CS16" s="261">
        <v>0</v>
      </c>
      <c r="CT16" s="261">
        <v>0</v>
      </c>
      <c r="CU16" s="261">
        <v>0</v>
      </c>
      <c r="CV16" s="258">
        <v>0</v>
      </c>
      <c r="CW16" s="263">
        <v>0</v>
      </c>
      <c r="CX16" s="257">
        <v>0</v>
      </c>
      <c r="CY16" s="261">
        <v>0</v>
      </c>
      <c r="CZ16" s="258">
        <v>0</v>
      </c>
      <c r="DA16" s="260">
        <v>0</v>
      </c>
      <c r="DB16" s="261">
        <v>0</v>
      </c>
      <c r="DC16" s="261">
        <v>0</v>
      </c>
      <c r="DD16" s="261">
        <v>0</v>
      </c>
      <c r="DE16" s="261">
        <v>0</v>
      </c>
      <c r="DF16" s="261">
        <v>0</v>
      </c>
      <c r="DG16" s="258">
        <v>0</v>
      </c>
      <c r="DH16" s="263">
        <v>0</v>
      </c>
    </row>
    <row r="17" spans="2:112" ht="21" customHeight="1" x14ac:dyDescent="0.2">
      <c r="B17" s="472" t="s">
        <v>15</v>
      </c>
      <c r="C17" s="257">
        <v>0</v>
      </c>
      <c r="D17" s="258">
        <v>0</v>
      </c>
      <c r="E17" s="259">
        <v>0</v>
      </c>
      <c r="F17" s="260">
        <v>0</v>
      </c>
      <c r="G17" s="261">
        <v>31</v>
      </c>
      <c r="H17" s="261">
        <v>81</v>
      </c>
      <c r="I17" s="261">
        <v>4</v>
      </c>
      <c r="J17" s="261">
        <v>123</v>
      </c>
      <c r="K17" s="261">
        <v>63</v>
      </c>
      <c r="L17" s="262">
        <v>302</v>
      </c>
      <c r="M17" s="263">
        <v>302</v>
      </c>
      <c r="N17" s="257">
        <v>0</v>
      </c>
      <c r="O17" s="261">
        <v>0</v>
      </c>
      <c r="P17" s="258">
        <v>0</v>
      </c>
      <c r="Q17" s="260">
        <v>0</v>
      </c>
      <c r="R17" s="261">
        <v>0</v>
      </c>
      <c r="S17" s="261">
        <v>0</v>
      </c>
      <c r="T17" s="261">
        <v>0</v>
      </c>
      <c r="U17" s="261">
        <v>5</v>
      </c>
      <c r="V17" s="261">
        <v>13</v>
      </c>
      <c r="W17" s="258">
        <v>18</v>
      </c>
      <c r="X17" s="263">
        <v>18</v>
      </c>
      <c r="Y17" s="257">
        <v>0</v>
      </c>
      <c r="Z17" s="261">
        <v>0</v>
      </c>
      <c r="AA17" s="258">
        <v>0</v>
      </c>
      <c r="AB17" s="260">
        <v>0</v>
      </c>
      <c r="AC17" s="261">
        <v>5</v>
      </c>
      <c r="AD17" s="261">
        <v>47</v>
      </c>
      <c r="AE17" s="261">
        <v>0</v>
      </c>
      <c r="AF17" s="261">
        <v>54</v>
      </c>
      <c r="AG17" s="261">
        <v>68</v>
      </c>
      <c r="AH17" s="258">
        <v>174</v>
      </c>
      <c r="AI17" s="263">
        <v>174</v>
      </c>
      <c r="AJ17" s="257">
        <v>0</v>
      </c>
      <c r="AK17" s="261">
        <v>6</v>
      </c>
      <c r="AL17" s="258">
        <v>6</v>
      </c>
      <c r="AM17" s="260">
        <v>0</v>
      </c>
      <c r="AN17" s="261">
        <v>0</v>
      </c>
      <c r="AO17" s="261">
        <v>0</v>
      </c>
      <c r="AP17" s="261">
        <v>0</v>
      </c>
      <c r="AQ17" s="261">
        <v>0</v>
      </c>
      <c r="AR17" s="261">
        <v>12</v>
      </c>
      <c r="AS17" s="258">
        <v>12</v>
      </c>
      <c r="AT17" s="263">
        <v>18</v>
      </c>
      <c r="AU17" s="257">
        <v>0</v>
      </c>
      <c r="AV17" s="261">
        <v>0</v>
      </c>
      <c r="AW17" s="258">
        <v>0</v>
      </c>
      <c r="AX17" s="260">
        <v>0</v>
      </c>
      <c r="AY17" s="261">
        <v>24</v>
      </c>
      <c r="AZ17" s="261">
        <v>41</v>
      </c>
      <c r="BA17" s="261">
        <v>29</v>
      </c>
      <c r="BB17" s="261">
        <v>8</v>
      </c>
      <c r="BC17" s="261">
        <v>0</v>
      </c>
      <c r="BD17" s="262">
        <v>102</v>
      </c>
      <c r="BE17" s="263">
        <v>102</v>
      </c>
      <c r="BF17" s="257">
        <v>0</v>
      </c>
      <c r="BG17" s="261">
        <v>0</v>
      </c>
      <c r="BH17" s="258">
        <v>0</v>
      </c>
      <c r="BI17" s="260">
        <v>0</v>
      </c>
      <c r="BJ17" s="261">
        <v>13</v>
      </c>
      <c r="BK17" s="261">
        <v>8</v>
      </c>
      <c r="BL17" s="261">
        <v>33</v>
      </c>
      <c r="BM17" s="261">
        <v>18</v>
      </c>
      <c r="BN17" s="261">
        <v>8</v>
      </c>
      <c r="BO17" s="258">
        <v>80</v>
      </c>
      <c r="BP17" s="263">
        <v>80</v>
      </c>
      <c r="BQ17" s="257">
        <v>0</v>
      </c>
      <c r="BR17" s="261">
        <v>0</v>
      </c>
      <c r="BS17" s="258">
        <v>0</v>
      </c>
      <c r="BT17" s="260">
        <v>0</v>
      </c>
      <c r="BU17" s="261">
        <v>0</v>
      </c>
      <c r="BV17" s="261">
        <v>28</v>
      </c>
      <c r="BW17" s="261">
        <v>50</v>
      </c>
      <c r="BX17" s="261">
        <v>3</v>
      </c>
      <c r="BY17" s="261">
        <v>13</v>
      </c>
      <c r="BZ17" s="258">
        <v>94</v>
      </c>
      <c r="CA17" s="263">
        <v>94</v>
      </c>
      <c r="CB17" s="257">
        <v>0</v>
      </c>
      <c r="CC17" s="261">
        <v>0</v>
      </c>
      <c r="CD17" s="258">
        <v>0</v>
      </c>
      <c r="CE17" s="260">
        <v>0</v>
      </c>
      <c r="CF17" s="261">
        <v>0</v>
      </c>
      <c r="CG17" s="261">
        <v>1</v>
      </c>
      <c r="CH17" s="261">
        <v>0</v>
      </c>
      <c r="CI17" s="261">
        <v>0</v>
      </c>
      <c r="CJ17" s="261">
        <v>0</v>
      </c>
      <c r="CK17" s="258">
        <v>1</v>
      </c>
      <c r="CL17" s="263">
        <v>1</v>
      </c>
      <c r="CM17" s="257">
        <v>0</v>
      </c>
      <c r="CN17" s="261">
        <v>0</v>
      </c>
      <c r="CO17" s="258">
        <v>0</v>
      </c>
      <c r="CP17" s="260">
        <v>0</v>
      </c>
      <c r="CQ17" s="261">
        <v>0</v>
      </c>
      <c r="CR17" s="261">
        <v>0</v>
      </c>
      <c r="CS17" s="261">
        <v>0</v>
      </c>
      <c r="CT17" s="261">
        <v>0</v>
      </c>
      <c r="CU17" s="261">
        <v>0</v>
      </c>
      <c r="CV17" s="258">
        <v>0</v>
      </c>
      <c r="CW17" s="263">
        <v>0</v>
      </c>
      <c r="CX17" s="257">
        <v>0</v>
      </c>
      <c r="CY17" s="261">
        <v>0</v>
      </c>
      <c r="CZ17" s="258">
        <v>0</v>
      </c>
      <c r="DA17" s="260">
        <v>0</v>
      </c>
      <c r="DB17" s="261">
        <v>0</v>
      </c>
      <c r="DC17" s="261">
        <v>0</v>
      </c>
      <c r="DD17" s="261">
        <v>0</v>
      </c>
      <c r="DE17" s="261">
        <v>0</v>
      </c>
      <c r="DF17" s="261">
        <v>0</v>
      </c>
      <c r="DG17" s="258">
        <v>0</v>
      </c>
      <c r="DH17" s="263">
        <v>0</v>
      </c>
    </row>
    <row r="18" spans="2:112" ht="21" customHeight="1" x14ac:dyDescent="0.2">
      <c r="B18" s="472" t="s">
        <v>16</v>
      </c>
      <c r="C18" s="257">
        <v>0</v>
      </c>
      <c r="D18" s="258">
        <v>0</v>
      </c>
      <c r="E18" s="259">
        <v>0</v>
      </c>
      <c r="F18" s="260">
        <v>0</v>
      </c>
      <c r="G18" s="261">
        <v>90</v>
      </c>
      <c r="H18" s="261">
        <v>315</v>
      </c>
      <c r="I18" s="261">
        <v>133</v>
      </c>
      <c r="J18" s="261">
        <v>205</v>
      </c>
      <c r="K18" s="261">
        <v>42</v>
      </c>
      <c r="L18" s="262">
        <v>785</v>
      </c>
      <c r="M18" s="263">
        <v>785</v>
      </c>
      <c r="N18" s="257">
        <v>0</v>
      </c>
      <c r="O18" s="261">
        <v>0</v>
      </c>
      <c r="P18" s="258">
        <v>0</v>
      </c>
      <c r="Q18" s="260">
        <v>0</v>
      </c>
      <c r="R18" s="261">
        <v>0</v>
      </c>
      <c r="S18" s="261">
        <v>0</v>
      </c>
      <c r="T18" s="261">
        <v>1</v>
      </c>
      <c r="U18" s="261">
        <v>4</v>
      </c>
      <c r="V18" s="261">
        <v>19</v>
      </c>
      <c r="W18" s="258">
        <v>24</v>
      </c>
      <c r="X18" s="263">
        <v>24</v>
      </c>
      <c r="Y18" s="257">
        <v>3</v>
      </c>
      <c r="Z18" s="261">
        <v>6</v>
      </c>
      <c r="AA18" s="258">
        <v>9</v>
      </c>
      <c r="AB18" s="260">
        <v>0</v>
      </c>
      <c r="AC18" s="261">
        <v>54</v>
      </c>
      <c r="AD18" s="261">
        <v>129</v>
      </c>
      <c r="AE18" s="261">
        <v>90</v>
      </c>
      <c r="AF18" s="261">
        <v>37</v>
      </c>
      <c r="AG18" s="261">
        <v>55</v>
      </c>
      <c r="AH18" s="258">
        <v>365</v>
      </c>
      <c r="AI18" s="263">
        <v>374</v>
      </c>
      <c r="AJ18" s="257">
        <v>0</v>
      </c>
      <c r="AK18" s="261">
        <v>0</v>
      </c>
      <c r="AL18" s="258">
        <v>0</v>
      </c>
      <c r="AM18" s="260">
        <v>0</v>
      </c>
      <c r="AN18" s="261">
        <v>0</v>
      </c>
      <c r="AO18" s="261">
        <v>27</v>
      </c>
      <c r="AP18" s="261">
        <v>36</v>
      </c>
      <c r="AQ18" s="261">
        <v>0</v>
      </c>
      <c r="AR18" s="261">
        <v>15</v>
      </c>
      <c r="AS18" s="258">
        <v>78</v>
      </c>
      <c r="AT18" s="263">
        <v>78</v>
      </c>
      <c r="AU18" s="257">
        <v>0</v>
      </c>
      <c r="AV18" s="261">
        <v>0</v>
      </c>
      <c r="AW18" s="258">
        <v>0</v>
      </c>
      <c r="AX18" s="260">
        <v>0</v>
      </c>
      <c r="AY18" s="261">
        <v>214</v>
      </c>
      <c r="AZ18" s="261">
        <v>150</v>
      </c>
      <c r="BA18" s="261">
        <v>79</v>
      </c>
      <c r="BB18" s="261">
        <v>38</v>
      </c>
      <c r="BC18" s="261">
        <v>17</v>
      </c>
      <c r="BD18" s="262">
        <v>498</v>
      </c>
      <c r="BE18" s="263">
        <v>498</v>
      </c>
      <c r="BF18" s="257">
        <v>0</v>
      </c>
      <c r="BG18" s="261">
        <v>0</v>
      </c>
      <c r="BH18" s="258">
        <v>0</v>
      </c>
      <c r="BI18" s="260">
        <v>0</v>
      </c>
      <c r="BJ18" s="261">
        <v>41</v>
      </c>
      <c r="BK18" s="261">
        <v>179</v>
      </c>
      <c r="BL18" s="261">
        <v>53</v>
      </c>
      <c r="BM18" s="261">
        <v>21</v>
      </c>
      <c r="BN18" s="261">
        <v>9</v>
      </c>
      <c r="BO18" s="258">
        <v>303</v>
      </c>
      <c r="BP18" s="263">
        <v>303</v>
      </c>
      <c r="BQ18" s="257">
        <v>0</v>
      </c>
      <c r="BR18" s="261">
        <v>2</v>
      </c>
      <c r="BS18" s="258">
        <v>2</v>
      </c>
      <c r="BT18" s="260">
        <v>0</v>
      </c>
      <c r="BU18" s="261">
        <v>24</v>
      </c>
      <c r="BV18" s="261">
        <v>20</v>
      </c>
      <c r="BW18" s="261">
        <v>27</v>
      </c>
      <c r="BX18" s="261">
        <v>19</v>
      </c>
      <c r="BY18" s="261">
        <v>0</v>
      </c>
      <c r="BZ18" s="258">
        <v>90</v>
      </c>
      <c r="CA18" s="263">
        <v>92</v>
      </c>
      <c r="CB18" s="257">
        <v>0</v>
      </c>
      <c r="CC18" s="261">
        <v>0</v>
      </c>
      <c r="CD18" s="258">
        <v>0</v>
      </c>
      <c r="CE18" s="260">
        <v>0</v>
      </c>
      <c r="CF18" s="261">
        <v>0</v>
      </c>
      <c r="CG18" s="261">
        <v>8</v>
      </c>
      <c r="CH18" s="261">
        <v>0</v>
      </c>
      <c r="CI18" s="261">
        <v>0</v>
      </c>
      <c r="CJ18" s="261">
        <v>0</v>
      </c>
      <c r="CK18" s="258">
        <v>8</v>
      </c>
      <c r="CL18" s="263">
        <v>8</v>
      </c>
      <c r="CM18" s="257">
        <v>0</v>
      </c>
      <c r="CN18" s="261">
        <v>0</v>
      </c>
      <c r="CO18" s="258">
        <v>0</v>
      </c>
      <c r="CP18" s="260">
        <v>0</v>
      </c>
      <c r="CQ18" s="261">
        <v>0</v>
      </c>
      <c r="CR18" s="261">
        <v>0</v>
      </c>
      <c r="CS18" s="261">
        <v>0</v>
      </c>
      <c r="CT18" s="261">
        <v>0</v>
      </c>
      <c r="CU18" s="261">
        <v>0</v>
      </c>
      <c r="CV18" s="258">
        <v>0</v>
      </c>
      <c r="CW18" s="263">
        <v>0</v>
      </c>
      <c r="CX18" s="257">
        <v>0</v>
      </c>
      <c r="CY18" s="261">
        <v>0</v>
      </c>
      <c r="CZ18" s="258">
        <v>0</v>
      </c>
      <c r="DA18" s="260">
        <v>0</v>
      </c>
      <c r="DB18" s="261">
        <v>0</v>
      </c>
      <c r="DC18" s="261">
        <v>0</v>
      </c>
      <c r="DD18" s="261">
        <v>0</v>
      </c>
      <c r="DE18" s="261">
        <v>0</v>
      </c>
      <c r="DF18" s="261">
        <v>0</v>
      </c>
      <c r="DG18" s="258">
        <v>0</v>
      </c>
      <c r="DH18" s="263">
        <v>0</v>
      </c>
    </row>
    <row r="19" spans="2:112" ht="21" customHeight="1" x14ac:dyDescent="0.2">
      <c r="B19" s="472" t="s">
        <v>17</v>
      </c>
      <c r="C19" s="257">
        <v>0</v>
      </c>
      <c r="D19" s="258">
        <v>0</v>
      </c>
      <c r="E19" s="259">
        <v>0</v>
      </c>
      <c r="F19" s="260">
        <v>0</v>
      </c>
      <c r="G19" s="261">
        <v>97</v>
      </c>
      <c r="H19" s="261">
        <v>309</v>
      </c>
      <c r="I19" s="261">
        <v>790</v>
      </c>
      <c r="J19" s="261">
        <v>329</v>
      </c>
      <c r="K19" s="261">
        <v>563</v>
      </c>
      <c r="L19" s="262">
        <v>2088</v>
      </c>
      <c r="M19" s="263">
        <v>2088</v>
      </c>
      <c r="N19" s="257">
        <v>0</v>
      </c>
      <c r="O19" s="261">
        <v>0</v>
      </c>
      <c r="P19" s="258">
        <v>0</v>
      </c>
      <c r="Q19" s="260">
        <v>0</v>
      </c>
      <c r="R19" s="261">
        <v>0</v>
      </c>
      <c r="S19" s="261">
        <v>0</v>
      </c>
      <c r="T19" s="261">
        <v>2</v>
      </c>
      <c r="U19" s="261">
        <v>10</v>
      </c>
      <c r="V19" s="261">
        <v>9</v>
      </c>
      <c r="W19" s="258">
        <v>21</v>
      </c>
      <c r="X19" s="263">
        <v>21</v>
      </c>
      <c r="Y19" s="257">
        <v>29</v>
      </c>
      <c r="Z19" s="261">
        <v>56</v>
      </c>
      <c r="AA19" s="258">
        <v>85</v>
      </c>
      <c r="AB19" s="260">
        <v>0</v>
      </c>
      <c r="AC19" s="261">
        <v>64</v>
      </c>
      <c r="AD19" s="261">
        <v>195</v>
      </c>
      <c r="AE19" s="261">
        <v>210</v>
      </c>
      <c r="AF19" s="261">
        <v>117</v>
      </c>
      <c r="AG19" s="261">
        <v>48</v>
      </c>
      <c r="AH19" s="258">
        <v>634</v>
      </c>
      <c r="AI19" s="263">
        <v>719</v>
      </c>
      <c r="AJ19" s="257">
        <v>0</v>
      </c>
      <c r="AK19" s="261">
        <v>0</v>
      </c>
      <c r="AL19" s="258">
        <v>0</v>
      </c>
      <c r="AM19" s="260">
        <v>0</v>
      </c>
      <c r="AN19" s="261">
        <v>0</v>
      </c>
      <c r="AO19" s="261">
        <v>38</v>
      </c>
      <c r="AP19" s="261">
        <v>78</v>
      </c>
      <c r="AQ19" s="261">
        <v>18</v>
      </c>
      <c r="AR19" s="261">
        <v>24</v>
      </c>
      <c r="AS19" s="258">
        <v>158</v>
      </c>
      <c r="AT19" s="263">
        <v>158</v>
      </c>
      <c r="AU19" s="257">
        <v>0</v>
      </c>
      <c r="AV19" s="261">
        <v>0</v>
      </c>
      <c r="AW19" s="258">
        <v>0</v>
      </c>
      <c r="AX19" s="260">
        <v>0</v>
      </c>
      <c r="AY19" s="261">
        <v>146</v>
      </c>
      <c r="AZ19" s="261">
        <v>225</v>
      </c>
      <c r="BA19" s="261">
        <v>176</v>
      </c>
      <c r="BB19" s="261">
        <v>84</v>
      </c>
      <c r="BC19" s="261">
        <v>20</v>
      </c>
      <c r="BD19" s="262">
        <v>651</v>
      </c>
      <c r="BE19" s="263">
        <v>651</v>
      </c>
      <c r="BF19" s="257">
        <v>0</v>
      </c>
      <c r="BG19" s="261">
        <v>0</v>
      </c>
      <c r="BH19" s="258">
        <v>0</v>
      </c>
      <c r="BI19" s="260">
        <v>0</v>
      </c>
      <c r="BJ19" s="261">
        <v>28</v>
      </c>
      <c r="BK19" s="261">
        <v>97</v>
      </c>
      <c r="BL19" s="261">
        <v>90</v>
      </c>
      <c r="BM19" s="261">
        <v>26</v>
      </c>
      <c r="BN19" s="261">
        <v>22</v>
      </c>
      <c r="BO19" s="258">
        <v>263</v>
      </c>
      <c r="BP19" s="263">
        <v>263</v>
      </c>
      <c r="BQ19" s="257">
        <v>0</v>
      </c>
      <c r="BR19" s="261">
        <v>3</v>
      </c>
      <c r="BS19" s="258">
        <v>3</v>
      </c>
      <c r="BT19" s="260">
        <v>0</v>
      </c>
      <c r="BU19" s="261">
        <v>17</v>
      </c>
      <c r="BV19" s="261">
        <v>46</v>
      </c>
      <c r="BW19" s="261">
        <v>90</v>
      </c>
      <c r="BX19" s="261">
        <v>119</v>
      </c>
      <c r="BY19" s="261">
        <v>19</v>
      </c>
      <c r="BZ19" s="258">
        <v>291</v>
      </c>
      <c r="CA19" s="263">
        <v>294</v>
      </c>
      <c r="CB19" s="257">
        <v>0</v>
      </c>
      <c r="CC19" s="261">
        <v>0</v>
      </c>
      <c r="CD19" s="258">
        <v>0</v>
      </c>
      <c r="CE19" s="260">
        <v>0</v>
      </c>
      <c r="CF19" s="261">
        <v>0</v>
      </c>
      <c r="CG19" s="261">
        <v>5</v>
      </c>
      <c r="CH19" s="261">
        <v>1</v>
      </c>
      <c r="CI19" s="261">
        <v>2</v>
      </c>
      <c r="CJ19" s="261">
        <v>0</v>
      </c>
      <c r="CK19" s="258">
        <v>8</v>
      </c>
      <c r="CL19" s="263">
        <v>8</v>
      </c>
      <c r="CM19" s="257">
        <v>0</v>
      </c>
      <c r="CN19" s="261">
        <v>0</v>
      </c>
      <c r="CO19" s="258">
        <v>0</v>
      </c>
      <c r="CP19" s="260">
        <v>0</v>
      </c>
      <c r="CQ19" s="261">
        <v>0</v>
      </c>
      <c r="CR19" s="261">
        <v>0</v>
      </c>
      <c r="CS19" s="261">
        <v>0</v>
      </c>
      <c r="CT19" s="261">
        <v>0</v>
      </c>
      <c r="CU19" s="261">
        <v>0</v>
      </c>
      <c r="CV19" s="258">
        <v>0</v>
      </c>
      <c r="CW19" s="263">
        <v>0</v>
      </c>
      <c r="CX19" s="257">
        <v>0</v>
      </c>
      <c r="CY19" s="261">
        <v>0</v>
      </c>
      <c r="CZ19" s="258">
        <v>0</v>
      </c>
      <c r="DA19" s="260">
        <v>0</v>
      </c>
      <c r="DB19" s="261">
        <v>0</v>
      </c>
      <c r="DC19" s="261">
        <v>0</v>
      </c>
      <c r="DD19" s="261">
        <v>0</v>
      </c>
      <c r="DE19" s="261">
        <v>0</v>
      </c>
      <c r="DF19" s="261">
        <v>0</v>
      </c>
      <c r="DG19" s="258">
        <v>0</v>
      </c>
      <c r="DH19" s="263">
        <v>0</v>
      </c>
    </row>
    <row r="20" spans="2:112" ht="21" customHeight="1" x14ac:dyDescent="0.2">
      <c r="B20" s="472" t="s">
        <v>18</v>
      </c>
      <c r="C20" s="257">
        <v>0</v>
      </c>
      <c r="D20" s="258">
        <v>0</v>
      </c>
      <c r="E20" s="259">
        <v>0</v>
      </c>
      <c r="F20" s="260">
        <v>0</v>
      </c>
      <c r="G20" s="261">
        <v>310</v>
      </c>
      <c r="H20" s="261">
        <v>381</v>
      </c>
      <c r="I20" s="261">
        <v>511</v>
      </c>
      <c r="J20" s="261">
        <v>1197</v>
      </c>
      <c r="K20" s="261">
        <v>167</v>
      </c>
      <c r="L20" s="262">
        <v>2566</v>
      </c>
      <c r="M20" s="263">
        <v>2566</v>
      </c>
      <c r="N20" s="257">
        <v>0</v>
      </c>
      <c r="O20" s="261">
        <v>0</v>
      </c>
      <c r="P20" s="258">
        <v>0</v>
      </c>
      <c r="Q20" s="260">
        <v>0</v>
      </c>
      <c r="R20" s="261">
        <v>0</v>
      </c>
      <c r="S20" s="261">
        <v>0</v>
      </c>
      <c r="T20" s="261">
        <v>11</v>
      </c>
      <c r="U20" s="261">
        <v>17</v>
      </c>
      <c r="V20" s="261">
        <v>0</v>
      </c>
      <c r="W20" s="258">
        <v>28</v>
      </c>
      <c r="X20" s="263">
        <v>28</v>
      </c>
      <c r="Y20" s="257">
        <v>24</v>
      </c>
      <c r="Z20" s="261">
        <v>38</v>
      </c>
      <c r="AA20" s="258">
        <v>62</v>
      </c>
      <c r="AB20" s="260">
        <v>0</v>
      </c>
      <c r="AC20" s="261">
        <v>217</v>
      </c>
      <c r="AD20" s="261">
        <v>304</v>
      </c>
      <c r="AE20" s="261">
        <v>250</v>
      </c>
      <c r="AF20" s="261">
        <v>133</v>
      </c>
      <c r="AG20" s="261">
        <v>92</v>
      </c>
      <c r="AH20" s="258">
        <v>996</v>
      </c>
      <c r="AI20" s="263">
        <v>1058</v>
      </c>
      <c r="AJ20" s="257">
        <v>12</v>
      </c>
      <c r="AK20" s="261">
        <v>0</v>
      </c>
      <c r="AL20" s="258">
        <v>12</v>
      </c>
      <c r="AM20" s="260">
        <v>0</v>
      </c>
      <c r="AN20" s="261">
        <v>0</v>
      </c>
      <c r="AO20" s="261">
        <v>35</v>
      </c>
      <c r="AP20" s="261">
        <v>26</v>
      </c>
      <c r="AQ20" s="261">
        <v>6</v>
      </c>
      <c r="AR20" s="261">
        <v>0</v>
      </c>
      <c r="AS20" s="258">
        <v>67</v>
      </c>
      <c r="AT20" s="263">
        <v>79</v>
      </c>
      <c r="AU20" s="257">
        <v>0</v>
      </c>
      <c r="AV20" s="261">
        <v>0</v>
      </c>
      <c r="AW20" s="258">
        <v>0</v>
      </c>
      <c r="AX20" s="260">
        <v>0</v>
      </c>
      <c r="AY20" s="261">
        <v>341</v>
      </c>
      <c r="AZ20" s="261">
        <v>457</v>
      </c>
      <c r="BA20" s="261">
        <v>147</v>
      </c>
      <c r="BB20" s="261">
        <v>172</v>
      </c>
      <c r="BC20" s="261">
        <v>66</v>
      </c>
      <c r="BD20" s="262">
        <v>1183</v>
      </c>
      <c r="BE20" s="263">
        <v>1183</v>
      </c>
      <c r="BF20" s="257">
        <v>0</v>
      </c>
      <c r="BG20" s="261">
        <v>0</v>
      </c>
      <c r="BH20" s="258">
        <v>0</v>
      </c>
      <c r="BI20" s="260">
        <v>0</v>
      </c>
      <c r="BJ20" s="261">
        <v>90</v>
      </c>
      <c r="BK20" s="261">
        <v>149</v>
      </c>
      <c r="BL20" s="261">
        <v>56</v>
      </c>
      <c r="BM20" s="261">
        <v>59</v>
      </c>
      <c r="BN20" s="261">
        <v>7</v>
      </c>
      <c r="BO20" s="258">
        <v>361</v>
      </c>
      <c r="BP20" s="263">
        <v>361</v>
      </c>
      <c r="BQ20" s="257">
        <v>0</v>
      </c>
      <c r="BR20" s="261">
        <v>0</v>
      </c>
      <c r="BS20" s="258">
        <v>0</v>
      </c>
      <c r="BT20" s="260">
        <v>0</v>
      </c>
      <c r="BU20" s="261">
        <v>8</v>
      </c>
      <c r="BV20" s="261">
        <v>79</v>
      </c>
      <c r="BW20" s="261">
        <v>70</v>
      </c>
      <c r="BX20" s="261">
        <v>98</v>
      </c>
      <c r="BY20" s="261">
        <v>79</v>
      </c>
      <c r="BZ20" s="258">
        <v>334</v>
      </c>
      <c r="CA20" s="263">
        <v>334</v>
      </c>
      <c r="CB20" s="257">
        <v>0</v>
      </c>
      <c r="CC20" s="261">
        <v>0</v>
      </c>
      <c r="CD20" s="258">
        <v>0</v>
      </c>
      <c r="CE20" s="260">
        <v>0</v>
      </c>
      <c r="CF20" s="261">
        <v>2</v>
      </c>
      <c r="CG20" s="261">
        <v>2</v>
      </c>
      <c r="CH20" s="261">
        <v>0</v>
      </c>
      <c r="CI20" s="261">
        <v>0</v>
      </c>
      <c r="CJ20" s="261">
        <v>4</v>
      </c>
      <c r="CK20" s="258">
        <v>8</v>
      </c>
      <c r="CL20" s="263">
        <v>8</v>
      </c>
      <c r="CM20" s="257">
        <v>0</v>
      </c>
      <c r="CN20" s="261">
        <v>0</v>
      </c>
      <c r="CO20" s="258">
        <v>0</v>
      </c>
      <c r="CP20" s="260">
        <v>0</v>
      </c>
      <c r="CQ20" s="261">
        <v>0</v>
      </c>
      <c r="CR20" s="261">
        <v>0</v>
      </c>
      <c r="CS20" s="261">
        <v>0</v>
      </c>
      <c r="CT20" s="261">
        <v>0</v>
      </c>
      <c r="CU20" s="261">
        <v>0</v>
      </c>
      <c r="CV20" s="258">
        <v>0</v>
      </c>
      <c r="CW20" s="263">
        <v>0</v>
      </c>
      <c r="CX20" s="257">
        <v>0</v>
      </c>
      <c r="CY20" s="261">
        <v>0</v>
      </c>
      <c r="CZ20" s="258">
        <v>0</v>
      </c>
      <c r="DA20" s="260">
        <v>0</v>
      </c>
      <c r="DB20" s="261">
        <v>0</v>
      </c>
      <c r="DC20" s="261">
        <v>0</v>
      </c>
      <c r="DD20" s="261">
        <v>0</v>
      </c>
      <c r="DE20" s="261">
        <v>0</v>
      </c>
      <c r="DF20" s="261">
        <v>0</v>
      </c>
      <c r="DG20" s="258">
        <v>0</v>
      </c>
      <c r="DH20" s="263">
        <v>0</v>
      </c>
    </row>
    <row r="21" spans="2:112" ht="21" customHeight="1" x14ac:dyDescent="0.2">
      <c r="B21" s="472" t="s">
        <v>19</v>
      </c>
      <c r="C21" s="257">
        <v>0</v>
      </c>
      <c r="D21" s="258">
        <v>0</v>
      </c>
      <c r="E21" s="259">
        <v>0</v>
      </c>
      <c r="F21" s="260">
        <v>0</v>
      </c>
      <c r="G21" s="261">
        <v>96</v>
      </c>
      <c r="H21" s="261">
        <v>113</v>
      </c>
      <c r="I21" s="261">
        <v>175</v>
      </c>
      <c r="J21" s="261">
        <v>96</v>
      </c>
      <c r="K21" s="261">
        <v>4</v>
      </c>
      <c r="L21" s="262">
        <v>484</v>
      </c>
      <c r="M21" s="263">
        <v>484</v>
      </c>
      <c r="N21" s="257">
        <v>0</v>
      </c>
      <c r="O21" s="261">
        <v>0</v>
      </c>
      <c r="P21" s="258">
        <v>0</v>
      </c>
      <c r="Q21" s="260">
        <v>0</v>
      </c>
      <c r="R21" s="261">
        <v>0</v>
      </c>
      <c r="S21" s="261">
        <v>0</v>
      </c>
      <c r="T21" s="261">
        <v>1</v>
      </c>
      <c r="U21" s="261">
        <v>2</v>
      </c>
      <c r="V21" s="261">
        <v>8</v>
      </c>
      <c r="W21" s="258">
        <v>11</v>
      </c>
      <c r="X21" s="263">
        <v>11</v>
      </c>
      <c r="Y21" s="257">
        <v>21</v>
      </c>
      <c r="Z21" s="261">
        <v>33</v>
      </c>
      <c r="AA21" s="258">
        <v>54</v>
      </c>
      <c r="AB21" s="260">
        <v>0</v>
      </c>
      <c r="AC21" s="261">
        <v>175</v>
      </c>
      <c r="AD21" s="261">
        <v>78</v>
      </c>
      <c r="AE21" s="261">
        <v>33</v>
      </c>
      <c r="AF21" s="261">
        <v>61</v>
      </c>
      <c r="AG21" s="261">
        <v>11</v>
      </c>
      <c r="AH21" s="258">
        <v>358</v>
      </c>
      <c r="AI21" s="263">
        <v>412</v>
      </c>
      <c r="AJ21" s="257">
        <v>0</v>
      </c>
      <c r="AK21" s="261">
        <v>0</v>
      </c>
      <c r="AL21" s="258">
        <v>0</v>
      </c>
      <c r="AM21" s="260">
        <v>0</v>
      </c>
      <c r="AN21" s="261">
        <v>32</v>
      </c>
      <c r="AO21" s="261">
        <v>0</v>
      </c>
      <c r="AP21" s="261">
        <v>0</v>
      </c>
      <c r="AQ21" s="261">
        <v>30</v>
      </c>
      <c r="AR21" s="261">
        <v>0</v>
      </c>
      <c r="AS21" s="258">
        <v>62</v>
      </c>
      <c r="AT21" s="263">
        <v>62</v>
      </c>
      <c r="AU21" s="257">
        <v>0</v>
      </c>
      <c r="AV21" s="261">
        <v>0</v>
      </c>
      <c r="AW21" s="258">
        <v>0</v>
      </c>
      <c r="AX21" s="260">
        <v>0</v>
      </c>
      <c r="AY21" s="261">
        <v>108</v>
      </c>
      <c r="AZ21" s="261">
        <v>104</v>
      </c>
      <c r="BA21" s="261">
        <v>22</v>
      </c>
      <c r="BB21" s="261">
        <v>4</v>
      </c>
      <c r="BC21" s="261">
        <v>44</v>
      </c>
      <c r="BD21" s="262">
        <v>282</v>
      </c>
      <c r="BE21" s="263">
        <v>282</v>
      </c>
      <c r="BF21" s="257">
        <v>0</v>
      </c>
      <c r="BG21" s="261">
        <v>0</v>
      </c>
      <c r="BH21" s="258">
        <v>0</v>
      </c>
      <c r="BI21" s="260">
        <v>0</v>
      </c>
      <c r="BJ21" s="261">
        <v>82</v>
      </c>
      <c r="BK21" s="261">
        <v>42</v>
      </c>
      <c r="BL21" s="261">
        <v>47</v>
      </c>
      <c r="BM21" s="261">
        <v>26</v>
      </c>
      <c r="BN21" s="261">
        <v>8</v>
      </c>
      <c r="BO21" s="258">
        <v>205</v>
      </c>
      <c r="BP21" s="263">
        <v>205</v>
      </c>
      <c r="BQ21" s="257">
        <v>0</v>
      </c>
      <c r="BR21" s="261">
        <v>3</v>
      </c>
      <c r="BS21" s="258">
        <v>3</v>
      </c>
      <c r="BT21" s="260">
        <v>0</v>
      </c>
      <c r="BU21" s="261">
        <v>11</v>
      </c>
      <c r="BV21" s="261">
        <v>3</v>
      </c>
      <c r="BW21" s="261">
        <v>53</v>
      </c>
      <c r="BX21" s="261">
        <v>7</v>
      </c>
      <c r="BY21" s="261">
        <v>0</v>
      </c>
      <c r="BZ21" s="258">
        <v>74</v>
      </c>
      <c r="CA21" s="263">
        <v>77</v>
      </c>
      <c r="CB21" s="257">
        <v>0</v>
      </c>
      <c r="CC21" s="261">
        <v>0</v>
      </c>
      <c r="CD21" s="258">
        <v>0</v>
      </c>
      <c r="CE21" s="260">
        <v>0</v>
      </c>
      <c r="CF21" s="261">
        <v>15</v>
      </c>
      <c r="CG21" s="261">
        <v>0</v>
      </c>
      <c r="CH21" s="261">
        <v>0</v>
      </c>
      <c r="CI21" s="261">
        <v>12</v>
      </c>
      <c r="CJ21" s="261">
        <v>9</v>
      </c>
      <c r="CK21" s="258">
        <v>36</v>
      </c>
      <c r="CL21" s="263">
        <v>36</v>
      </c>
      <c r="CM21" s="257">
        <v>0</v>
      </c>
      <c r="CN21" s="261">
        <v>0</v>
      </c>
      <c r="CO21" s="258">
        <v>0</v>
      </c>
      <c r="CP21" s="260">
        <v>0</v>
      </c>
      <c r="CQ21" s="261">
        <v>0</v>
      </c>
      <c r="CR21" s="261">
        <v>0</v>
      </c>
      <c r="CS21" s="261">
        <v>0</v>
      </c>
      <c r="CT21" s="261">
        <v>0</v>
      </c>
      <c r="CU21" s="261">
        <v>0</v>
      </c>
      <c r="CV21" s="258">
        <v>0</v>
      </c>
      <c r="CW21" s="263">
        <v>0</v>
      </c>
      <c r="CX21" s="257">
        <v>0</v>
      </c>
      <c r="CY21" s="261">
        <v>0</v>
      </c>
      <c r="CZ21" s="258">
        <v>0</v>
      </c>
      <c r="DA21" s="260">
        <v>0</v>
      </c>
      <c r="DB21" s="261">
        <v>0</v>
      </c>
      <c r="DC21" s="261">
        <v>0</v>
      </c>
      <c r="DD21" s="261">
        <v>0</v>
      </c>
      <c r="DE21" s="261">
        <v>0</v>
      </c>
      <c r="DF21" s="261">
        <v>0</v>
      </c>
      <c r="DG21" s="258">
        <v>0</v>
      </c>
      <c r="DH21" s="263">
        <v>0</v>
      </c>
    </row>
    <row r="22" spans="2:112" ht="21" customHeight="1" x14ac:dyDescent="0.2">
      <c r="B22" s="472" t="s">
        <v>20</v>
      </c>
      <c r="C22" s="257">
        <v>0</v>
      </c>
      <c r="D22" s="258">
        <v>0</v>
      </c>
      <c r="E22" s="259">
        <v>0</v>
      </c>
      <c r="F22" s="260">
        <v>0</v>
      </c>
      <c r="G22" s="261">
        <v>80</v>
      </c>
      <c r="H22" s="261">
        <v>212</v>
      </c>
      <c r="I22" s="261">
        <v>120</v>
      </c>
      <c r="J22" s="261">
        <v>174</v>
      </c>
      <c r="K22" s="261">
        <v>267</v>
      </c>
      <c r="L22" s="262">
        <v>853</v>
      </c>
      <c r="M22" s="263">
        <v>853</v>
      </c>
      <c r="N22" s="257">
        <v>0</v>
      </c>
      <c r="O22" s="261">
        <v>0</v>
      </c>
      <c r="P22" s="258">
        <v>0</v>
      </c>
      <c r="Q22" s="260">
        <v>0</v>
      </c>
      <c r="R22" s="261">
        <v>8</v>
      </c>
      <c r="S22" s="261">
        <v>0</v>
      </c>
      <c r="T22" s="261">
        <v>0</v>
      </c>
      <c r="U22" s="261">
        <v>19</v>
      </c>
      <c r="V22" s="261">
        <v>13</v>
      </c>
      <c r="W22" s="258">
        <v>40</v>
      </c>
      <c r="X22" s="263">
        <v>40</v>
      </c>
      <c r="Y22" s="257">
        <v>5</v>
      </c>
      <c r="Z22" s="261">
        <v>34</v>
      </c>
      <c r="AA22" s="258">
        <v>39</v>
      </c>
      <c r="AB22" s="260">
        <v>0</v>
      </c>
      <c r="AC22" s="261">
        <v>133</v>
      </c>
      <c r="AD22" s="261">
        <v>74</v>
      </c>
      <c r="AE22" s="261">
        <v>73</v>
      </c>
      <c r="AF22" s="261">
        <v>58</v>
      </c>
      <c r="AG22" s="261">
        <v>44</v>
      </c>
      <c r="AH22" s="258">
        <v>382</v>
      </c>
      <c r="AI22" s="263">
        <v>421</v>
      </c>
      <c r="AJ22" s="257">
        <v>0</v>
      </c>
      <c r="AK22" s="261">
        <v>24</v>
      </c>
      <c r="AL22" s="258">
        <v>24</v>
      </c>
      <c r="AM22" s="260">
        <v>0</v>
      </c>
      <c r="AN22" s="261">
        <v>56</v>
      </c>
      <c r="AO22" s="261">
        <v>46</v>
      </c>
      <c r="AP22" s="261">
        <v>39</v>
      </c>
      <c r="AQ22" s="261">
        <v>28</v>
      </c>
      <c r="AR22" s="261">
        <v>10</v>
      </c>
      <c r="AS22" s="258">
        <v>179</v>
      </c>
      <c r="AT22" s="263">
        <v>203</v>
      </c>
      <c r="AU22" s="257">
        <v>0</v>
      </c>
      <c r="AV22" s="261">
        <v>0</v>
      </c>
      <c r="AW22" s="258">
        <v>0</v>
      </c>
      <c r="AX22" s="260">
        <v>0</v>
      </c>
      <c r="AY22" s="261">
        <v>133</v>
      </c>
      <c r="AZ22" s="261">
        <v>126</v>
      </c>
      <c r="BA22" s="261">
        <v>75</v>
      </c>
      <c r="BB22" s="261">
        <v>47</v>
      </c>
      <c r="BC22" s="261">
        <v>21</v>
      </c>
      <c r="BD22" s="262">
        <v>402</v>
      </c>
      <c r="BE22" s="263">
        <v>402</v>
      </c>
      <c r="BF22" s="257">
        <v>0</v>
      </c>
      <c r="BG22" s="261">
        <v>0</v>
      </c>
      <c r="BH22" s="258">
        <v>0</v>
      </c>
      <c r="BI22" s="260">
        <v>0</v>
      </c>
      <c r="BJ22" s="261">
        <v>20</v>
      </c>
      <c r="BK22" s="261">
        <v>103</v>
      </c>
      <c r="BL22" s="261">
        <v>40</v>
      </c>
      <c r="BM22" s="261">
        <v>18</v>
      </c>
      <c r="BN22" s="261">
        <v>15</v>
      </c>
      <c r="BO22" s="258">
        <v>196</v>
      </c>
      <c r="BP22" s="263">
        <v>196</v>
      </c>
      <c r="BQ22" s="257">
        <v>0</v>
      </c>
      <c r="BR22" s="261">
        <v>0</v>
      </c>
      <c r="BS22" s="258">
        <v>0</v>
      </c>
      <c r="BT22" s="260">
        <v>0</v>
      </c>
      <c r="BU22" s="261">
        <v>54</v>
      </c>
      <c r="BV22" s="261">
        <v>8</v>
      </c>
      <c r="BW22" s="261">
        <v>55</v>
      </c>
      <c r="BX22" s="261">
        <v>46</v>
      </c>
      <c r="BY22" s="261">
        <v>6</v>
      </c>
      <c r="BZ22" s="258">
        <v>169</v>
      </c>
      <c r="CA22" s="263">
        <v>169</v>
      </c>
      <c r="CB22" s="257">
        <v>0</v>
      </c>
      <c r="CC22" s="261">
        <v>0</v>
      </c>
      <c r="CD22" s="258">
        <v>0</v>
      </c>
      <c r="CE22" s="260">
        <v>0</v>
      </c>
      <c r="CF22" s="261">
        <v>2</v>
      </c>
      <c r="CG22" s="261">
        <v>0</v>
      </c>
      <c r="CH22" s="261">
        <v>4</v>
      </c>
      <c r="CI22" s="261">
        <v>0</v>
      </c>
      <c r="CJ22" s="261">
        <v>0</v>
      </c>
      <c r="CK22" s="258">
        <v>6</v>
      </c>
      <c r="CL22" s="263">
        <v>6</v>
      </c>
      <c r="CM22" s="257">
        <v>0</v>
      </c>
      <c r="CN22" s="261">
        <v>0</v>
      </c>
      <c r="CO22" s="258">
        <v>0</v>
      </c>
      <c r="CP22" s="260">
        <v>0</v>
      </c>
      <c r="CQ22" s="261">
        <v>0</v>
      </c>
      <c r="CR22" s="261">
        <v>0</v>
      </c>
      <c r="CS22" s="261">
        <v>0</v>
      </c>
      <c r="CT22" s="261">
        <v>0</v>
      </c>
      <c r="CU22" s="261">
        <v>0</v>
      </c>
      <c r="CV22" s="258">
        <v>0</v>
      </c>
      <c r="CW22" s="263">
        <v>0</v>
      </c>
      <c r="CX22" s="257">
        <v>0</v>
      </c>
      <c r="CY22" s="261">
        <v>0</v>
      </c>
      <c r="CZ22" s="258">
        <v>0</v>
      </c>
      <c r="DA22" s="260">
        <v>0</v>
      </c>
      <c r="DB22" s="261">
        <v>0</v>
      </c>
      <c r="DC22" s="261">
        <v>0</v>
      </c>
      <c r="DD22" s="261">
        <v>0</v>
      </c>
      <c r="DE22" s="261">
        <v>0</v>
      </c>
      <c r="DF22" s="261">
        <v>0</v>
      </c>
      <c r="DG22" s="258">
        <v>0</v>
      </c>
      <c r="DH22" s="263">
        <v>0</v>
      </c>
    </row>
    <row r="23" spans="2:112" ht="21" customHeight="1" x14ac:dyDescent="0.2">
      <c r="B23" s="472" t="s">
        <v>21</v>
      </c>
      <c r="C23" s="257">
        <v>0</v>
      </c>
      <c r="D23" s="258">
        <v>0</v>
      </c>
      <c r="E23" s="259">
        <v>0</v>
      </c>
      <c r="F23" s="260">
        <v>0</v>
      </c>
      <c r="G23" s="261">
        <v>234</v>
      </c>
      <c r="H23" s="261">
        <v>228</v>
      </c>
      <c r="I23" s="261">
        <v>350</v>
      </c>
      <c r="J23" s="261">
        <v>155</v>
      </c>
      <c r="K23" s="261">
        <v>149</v>
      </c>
      <c r="L23" s="262">
        <v>1116</v>
      </c>
      <c r="M23" s="263">
        <v>1116</v>
      </c>
      <c r="N23" s="257">
        <v>0</v>
      </c>
      <c r="O23" s="261">
        <v>0</v>
      </c>
      <c r="P23" s="258">
        <v>0</v>
      </c>
      <c r="Q23" s="260">
        <v>0</v>
      </c>
      <c r="R23" s="261">
        <v>0</v>
      </c>
      <c r="S23" s="261">
        <v>0</v>
      </c>
      <c r="T23" s="261">
        <v>0</v>
      </c>
      <c r="U23" s="261">
        <v>0</v>
      </c>
      <c r="V23" s="261">
        <v>13</v>
      </c>
      <c r="W23" s="258">
        <v>13</v>
      </c>
      <c r="X23" s="263">
        <v>13</v>
      </c>
      <c r="Y23" s="257">
        <v>0</v>
      </c>
      <c r="Z23" s="261">
        <v>32</v>
      </c>
      <c r="AA23" s="258">
        <v>32</v>
      </c>
      <c r="AB23" s="260">
        <v>0</v>
      </c>
      <c r="AC23" s="261">
        <v>144</v>
      </c>
      <c r="AD23" s="261">
        <v>128</v>
      </c>
      <c r="AE23" s="261">
        <v>53</v>
      </c>
      <c r="AF23" s="261">
        <v>18</v>
      </c>
      <c r="AG23" s="261">
        <v>88</v>
      </c>
      <c r="AH23" s="258">
        <v>431</v>
      </c>
      <c r="AI23" s="263">
        <v>463</v>
      </c>
      <c r="AJ23" s="257">
        <v>0</v>
      </c>
      <c r="AK23" s="261">
        <v>27</v>
      </c>
      <c r="AL23" s="258">
        <v>27</v>
      </c>
      <c r="AM23" s="260">
        <v>0</v>
      </c>
      <c r="AN23" s="261">
        <v>0</v>
      </c>
      <c r="AO23" s="261">
        <v>10</v>
      </c>
      <c r="AP23" s="261">
        <v>18</v>
      </c>
      <c r="AQ23" s="261">
        <v>0</v>
      </c>
      <c r="AR23" s="261">
        <v>15</v>
      </c>
      <c r="AS23" s="258">
        <v>43</v>
      </c>
      <c r="AT23" s="263">
        <v>70</v>
      </c>
      <c r="AU23" s="257">
        <v>0</v>
      </c>
      <c r="AV23" s="261">
        <v>0</v>
      </c>
      <c r="AW23" s="258">
        <v>0</v>
      </c>
      <c r="AX23" s="260">
        <v>0</v>
      </c>
      <c r="AY23" s="261">
        <v>143</v>
      </c>
      <c r="AZ23" s="261">
        <v>94</v>
      </c>
      <c r="BA23" s="261">
        <v>57</v>
      </c>
      <c r="BB23" s="261">
        <v>29</v>
      </c>
      <c r="BC23" s="261">
        <v>0</v>
      </c>
      <c r="BD23" s="262">
        <v>323</v>
      </c>
      <c r="BE23" s="263">
        <v>323</v>
      </c>
      <c r="BF23" s="257">
        <v>0</v>
      </c>
      <c r="BG23" s="261">
        <v>0</v>
      </c>
      <c r="BH23" s="258">
        <v>0</v>
      </c>
      <c r="BI23" s="260">
        <v>0</v>
      </c>
      <c r="BJ23" s="261">
        <v>19</v>
      </c>
      <c r="BK23" s="261">
        <v>9</v>
      </c>
      <c r="BL23" s="261">
        <v>21</v>
      </c>
      <c r="BM23" s="261">
        <v>0</v>
      </c>
      <c r="BN23" s="261">
        <v>12</v>
      </c>
      <c r="BO23" s="258">
        <v>61</v>
      </c>
      <c r="BP23" s="263">
        <v>61</v>
      </c>
      <c r="BQ23" s="257">
        <v>0</v>
      </c>
      <c r="BR23" s="261">
        <v>8</v>
      </c>
      <c r="BS23" s="258">
        <v>8</v>
      </c>
      <c r="BT23" s="260">
        <v>0</v>
      </c>
      <c r="BU23" s="261">
        <v>14</v>
      </c>
      <c r="BV23" s="261">
        <v>10</v>
      </c>
      <c r="BW23" s="261">
        <v>69</v>
      </c>
      <c r="BX23" s="261">
        <v>20</v>
      </c>
      <c r="BY23" s="261">
        <v>0</v>
      </c>
      <c r="BZ23" s="258">
        <v>113</v>
      </c>
      <c r="CA23" s="263">
        <v>121</v>
      </c>
      <c r="CB23" s="257">
        <v>0</v>
      </c>
      <c r="CC23" s="261">
        <v>0</v>
      </c>
      <c r="CD23" s="258">
        <v>0</v>
      </c>
      <c r="CE23" s="260">
        <v>0</v>
      </c>
      <c r="CF23" s="261">
        <v>0</v>
      </c>
      <c r="CG23" s="261">
        <v>0</v>
      </c>
      <c r="CH23" s="261">
        <v>0</v>
      </c>
      <c r="CI23" s="261">
        <v>0</v>
      </c>
      <c r="CJ23" s="261">
        <v>0</v>
      </c>
      <c r="CK23" s="258">
        <v>0</v>
      </c>
      <c r="CL23" s="263">
        <v>0</v>
      </c>
      <c r="CM23" s="257">
        <v>0</v>
      </c>
      <c r="CN23" s="261">
        <v>0</v>
      </c>
      <c r="CO23" s="258">
        <v>0</v>
      </c>
      <c r="CP23" s="260">
        <v>0</v>
      </c>
      <c r="CQ23" s="261">
        <v>0</v>
      </c>
      <c r="CR23" s="261">
        <v>0</v>
      </c>
      <c r="CS23" s="261">
        <v>0</v>
      </c>
      <c r="CT23" s="261">
        <v>0</v>
      </c>
      <c r="CU23" s="261">
        <v>0</v>
      </c>
      <c r="CV23" s="258">
        <v>0</v>
      </c>
      <c r="CW23" s="263">
        <v>0</v>
      </c>
      <c r="CX23" s="257">
        <v>0</v>
      </c>
      <c r="CY23" s="261">
        <v>0</v>
      </c>
      <c r="CZ23" s="258">
        <v>0</v>
      </c>
      <c r="DA23" s="260">
        <v>0</v>
      </c>
      <c r="DB23" s="261">
        <v>0</v>
      </c>
      <c r="DC23" s="261">
        <v>0</v>
      </c>
      <c r="DD23" s="261">
        <v>0</v>
      </c>
      <c r="DE23" s="261">
        <v>0</v>
      </c>
      <c r="DF23" s="261">
        <v>0</v>
      </c>
      <c r="DG23" s="258">
        <v>0</v>
      </c>
      <c r="DH23" s="263">
        <v>0</v>
      </c>
    </row>
    <row r="24" spans="2:112" ht="21" customHeight="1" x14ac:dyDescent="0.2">
      <c r="B24" s="472" t="s">
        <v>22</v>
      </c>
      <c r="C24" s="257">
        <v>0</v>
      </c>
      <c r="D24" s="258">
        <v>0</v>
      </c>
      <c r="E24" s="259">
        <v>0</v>
      </c>
      <c r="F24" s="260">
        <v>0</v>
      </c>
      <c r="G24" s="261">
        <v>31</v>
      </c>
      <c r="H24" s="261">
        <v>0</v>
      </c>
      <c r="I24" s="261">
        <v>60</v>
      </c>
      <c r="J24" s="261">
        <v>83</v>
      </c>
      <c r="K24" s="261">
        <v>149</v>
      </c>
      <c r="L24" s="262">
        <v>323</v>
      </c>
      <c r="M24" s="263">
        <v>323</v>
      </c>
      <c r="N24" s="257">
        <v>0</v>
      </c>
      <c r="O24" s="261">
        <v>0</v>
      </c>
      <c r="P24" s="258">
        <v>0</v>
      </c>
      <c r="Q24" s="260">
        <v>0</v>
      </c>
      <c r="R24" s="261">
        <v>1</v>
      </c>
      <c r="S24" s="261">
        <v>0</v>
      </c>
      <c r="T24" s="261">
        <v>1</v>
      </c>
      <c r="U24" s="261">
        <v>0</v>
      </c>
      <c r="V24" s="261">
        <v>37</v>
      </c>
      <c r="W24" s="258">
        <v>39</v>
      </c>
      <c r="X24" s="263">
        <v>39</v>
      </c>
      <c r="Y24" s="257">
        <v>0</v>
      </c>
      <c r="Z24" s="261">
        <v>0</v>
      </c>
      <c r="AA24" s="258">
        <v>0</v>
      </c>
      <c r="AB24" s="260">
        <v>0</v>
      </c>
      <c r="AC24" s="261">
        <v>33</v>
      </c>
      <c r="AD24" s="261">
        <v>31</v>
      </c>
      <c r="AE24" s="261">
        <v>24</v>
      </c>
      <c r="AF24" s="261">
        <v>38</v>
      </c>
      <c r="AG24" s="261">
        <v>106</v>
      </c>
      <c r="AH24" s="258">
        <v>232</v>
      </c>
      <c r="AI24" s="263">
        <v>232</v>
      </c>
      <c r="AJ24" s="257">
        <v>0</v>
      </c>
      <c r="AK24" s="261">
        <v>0</v>
      </c>
      <c r="AL24" s="258">
        <v>0</v>
      </c>
      <c r="AM24" s="260">
        <v>0</v>
      </c>
      <c r="AN24" s="261">
        <v>12</v>
      </c>
      <c r="AO24" s="261">
        <v>15</v>
      </c>
      <c r="AP24" s="261">
        <v>0</v>
      </c>
      <c r="AQ24" s="261">
        <v>0</v>
      </c>
      <c r="AR24" s="261">
        <v>0</v>
      </c>
      <c r="AS24" s="258">
        <v>27</v>
      </c>
      <c r="AT24" s="263">
        <v>27</v>
      </c>
      <c r="AU24" s="257">
        <v>0</v>
      </c>
      <c r="AV24" s="261">
        <v>0</v>
      </c>
      <c r="AW24" s="258">
        <v>0</v>
      </c>
      <c r="AX24" s="260">
        <v>0</v>
      </c>
      <c r="AY24" s="261">
        <v>19</v>
      </c>
      <c r="AZ24" s="261">
        <v>27</v>
      </c>
      <c r="BA24" s="261">
        <v>56</v>
      </c>
      <c r="BB24" s="261">
        <v>46</v>
      </c>
      <c r="BC24" s="261">
        <v>20</v>
      </c>
      <c r="BD24" s="262">
        <v>168</v>
      </c>
      <c r="BE24" s="263">
        <v>168</v>
      </c>
      <c r="BF24" s="257">
        <v>0</v>
      </c>
      <c r="BG24" s="261">
        <v>0</v>
      </c>
      <c r="BH24" s="258">
        <v>0</v>
      </c>
      <c r="BI24" s="260">
        <v>0</v>
      </c>
      <c r="BJ24" s="261">
        <v>28</v>
      </c>
      <c r="BK24" s="261">
        <v>5</v>
      </c>
      <c r="BL24" s="261">
        <v>0</v>
      </c>
      <c r="BM24" s="261">
        <v>46</v>
      </c>
      <c r="BN24" s="261">
        <v>0</v>
      </c>
      <c r="BO24" s="258">
        <v>79</v>
      </c>
      <c r="BP24" s="263">
        <v>79</v>
      </c>
      <c r="BQ24" s="257">
        <v>0</v>
      </c>
      <c r="BR24" s="261">
        <v>0</v>
      </c>
      <c r="BS24" s="258">
        <v>0</v>
      </c>
      <c r="BT24" s="260">
        <v>0</v>
      </c>
      <c r="BU24" s="261">
        <v>7</v>
      </c>
      <c r="BV24" s="261">
        <v>14</v>
      </c>
      <c r="BW24" s="261">
        <v>2</v>
      </c>
      <c r="BX24" s="261">
        <v>16</v>
      </c>
      <c r="BY24" s="261">
        <v>0</v>
      </c>
      <c r="BZ24" s="258">
        <v>39</v>
      </c>
      <c r="CA24" s="263">
        <v>39</v>
      </c>
      <c r="CB24" s="257">
        <v>0</v>
      </c>
      <c r="CC24" s="261">
        <v>0</v>
      </c>
      <c r="CD24" s="258">
        <v>0</v>
      </c>
      <c r="CE24" s="260">
        <v>0</v>
      </c>
      <c r="CF24" s="261">
        <v>0</v>
      </c>
      <c r="CG24" s="261">
        <v>0</v>
      </c>
      <c r="CH24" s="261">
        <v>0</v>
      </c>
      <c r="CI24" s="261">
        <v>26</v>
      </c>
      <c r="CJ24" s="261">
        <v>0</v>
      </c>
      <c r="CK24" s="258">
        <v>26</v>
      </c>
      <c r="CL24" s="263">
        <v>26</v>
      </c>
      <c r="CM24" s="257">
        <v>0</v>
      </c>
      <c r="CN24" s="261">
        <v>0</v>
      </c>
      <c r="CO24" s="258">
        <v>0</v>
      </c>
      <c r="CP24" s="260">
        <v>0</v>
      </c>
      <c r="CQ24" s="261">
        <v>0</v>
      </c>
      <c r="CR24" s="261">
        <v>0</v>
      </c>
      <c r="CS24" s="261">
        <v>0</v>
      </c>
      <c r="CT24" s="261">
        <v>0</v>
      </c>
      <c r="CU24" s="261">
        <v>0</v>
      </c>
      <c r="CV24" s="258">
        <v>0</v>
      </c>
      <c r="CW24" s="263">
        <v>0</v>
      </c>
      <c r="CX24" s="257">
        <v>0</v>
      </c>
      <c r="CY24" s="261">
        <v>0</v>
      </c>
      <c r="CZ24" s="258">
        <v>0</v>
      </c>
      <c r="DA24" s="260">
        <v>0</v>
      </c>
      <c r="DB24" s="261">
        <v>0</v>
      </c>
      <c r="DC24" s="261">
        <v>0</v>
      </c>
      <c r="DD24" s="261">
        <v>0</v>
      </c>
      <c r="DE24" s="261">
        <v>0</v>
      </c>
      <c r="DF24" s="261">
        <v>0</v>
      </c>
      <c r="DG24" s="258">
        <v>0</v>
      </c>
      <c r="DH24" s="263">
        <v>0</v>
      </c>
    </row>
    <row r="25" spans="2:112" ht="21" customHeight="1" x14ac:dyDescent="0.2">
      <c r="B25" s="472" t="s">
        <v>23</v>
      </c>
      <c r="C25" s="257">
        <v>0</v>
      </c>
      <c r="D25" s="258">
        <v>0</v>
      </c>
      <c r="E25" s="259">
        <v>0</v>
      </c>
      <c r="F25" s="260">
        <v>0</v>
      </c>
      <c r="G25" s="261">
        <v>27</v>
      </c>
      <c r="H25" s="261">
        <v>90</v>
      </c>
      <c r="I25" s="261">
        <v>164</v>
      </c>
      <c r="J25" s="261">
        <v>26</v>
      </c>
      <c r="K25" s="261">
        <v>0</v>
      </c>
      <c r="L25" s="262">
        <v>307</v>
      </c>
      <c r="M25" s="263">
        <v>307</v>
      </c>
      <c r="N25" s="257">
        <v>0</v>
      </c>
      <c r="O25" s="261">
        <v>0</v>
      </c>
      <c r="P25" s="258">
        <v>0</v>
      </c>
      <c r="Q25" s="260">
        <v>0</v>
      </c>
      <c r="R25" s="261">
        <v>4</v>
      </c>
      <c r="S25" s="261">
        <v>0</v>
      </c>
      <c r="T25" s="261">
        <v>6</v>
      </c>
      <c r="U25" s="261">
        <v>0</v>
      </c>
      <c r="V25" s="261">
        <v>4</v>
      </c>
      <c r="W25" s="258">
        <v>14</v>
      </c>
      <c r="X25" s="263">
        <v>14</v>
      </c>
      <c r="Y25" s="257">
        <v>23</v>
      </c>
      <c r="Z25" s="261">
        <v>34</v>
      </c>
      <c r="AA25" s="258">
        <v>57</v>
      </c>
      <c r="AB25" s="260">
        <v>0</v>
      </c>
      <c r="AC25" s="261">
        <v>62</v>
      </c>
      <c r="AD25" s="261">
        <v>121</v>
      </c>
      <c r="AE25" s="261">
        <v>107</v>
      </c>
      <c r="AF25" s="261">
        <v>33</v>
      </c>
      <c r="AG25" s="261">
        <v>5</v>
      </c>
      <c r="AH25" s="258">
        <v>328</v>
      </c>
      <c r="AI25" s="263">
        <v>385</v>
      </c>
      <c r="AJ25" s="257">
        <v>0</v>
      </c>
      <c r="AK25" s="261">
        <v>12</v>
      </c>
      <c r="AL25" s="258">
        <v>12</v>
      </c>
      <c r="AM25" s="260">
        <v>0</v>
      </c>
      <c r="AN25" s="261">
        <v>0</v>
      </c>
      <c r="AO25" s="261">
        <v>24</v>
      </c>
      <c r="AP25" s="261">
        <v>0</v>
      </c>
      <c r="AQ25" s="261">
        <v>0</v>
      </c>
      <c r="AR25" s="261">
        <v>0</v>
      </c>
      <c r="AS25" s="258">
        <v>24</v>
      </c>
      <c r="AT25" s="263">
        <v>36</v>
      </c>
      <c r="AU25" s="257">
        <v>0</v>
      </c>
      <c r="AV25" s="261">
        <v>0</v>
      </c>
      <c r="AW25" s="258">
        <v>0</v>
      </c>
      <c r="AX25" s="260">
        <v>0</v>
      </c>
      <c r="AY25" s="261">
        <v>106</v>
      </c>
      <c r="AZ25" s="261">
        <v>99</v>
      </c>
      <c r="BA25" s="261">
        <v>48</v>
      </c>
      <c r="BB25" s="261">
        <v>42</v>
      </c>
      <c r="BC25" s="261">
        <v>0</v>
      </c>
      <c r="BD25" s="262">
        <v>295</v>
      </c>
      <c r="BE25" s="263">
        <v>295</v>
      </c>
      <c r="BF25" s="257">
        <v>0</v>
      </c>
      <c r="BG25" s="261">
        <v>0</v>
      </c>
      <c r="BH25" s="258">
        <v>0</v>
      </c>
      <c r="BI25" s="260">
        <v>0</v>
      </c>
      <c r="BJ25" s="261">
        <v>16</v>
      </c>
      <c r="BK25" s="261">
        <v>16</v>
      </c>
      <c r="BL25" s="261">
        <v>15</v>
      </c>
      <c r="BM25" s="261">
        <v>15</v>
      </c>
      <c r="BN25" s="261">
        <v>22</v>
      </c>
      <c r="BO25" s="258">
        <v>84</v>
      </c>
      <c r="BP25" s="263">
        <v>84</v>
      </c>
      <c r="BQ25" s="257">
        <v>0</v>
      </c>
      <c r="BR25" s="261">
        <v>0</v>
      </c>
      <c r="BS25" s="258">
        <v>0</v>
      </c>
      <c r="BT25" s="260">
        <v>0</v>
      </c>
      <c r="BU25" s="261">
        <v>12</v>
      </c>
      <c r="BV25" s="261">
        <v>30</v>
      </c>
      <c r="BW25" s="261">
        <v>34</v>
      </c>
      <c r="BX25" s="261">
        <v>11</v>
      </c>
      <c r="BY25" s="261">
        <v>0</v>
      </c>
      <c r="BZ25" s="258">
        <v>87</v>
      </c>
      <c r="CA25" s="263">
        <v>87</v>
      </c>
      <c r="CB25" s="257">
        <v>0</v>
      </c>
      <c r="CC25" s="261">
        <v>0</v>
      </c>
      <c r="CD25" s="258">
        <v>0</v>
      </c>
      <c r="CE25" s="260">
        <v>0</v>
      </c>
      <c r="CF25" s="261">
        <v>0</v>
      </c>
      <c r="CG25" s="261">
        <v>0</v>
      </c>
      <c r="CH25" s="261">
        <v>2</v>
      </c>
      <c r="CI25" s="261">
        <v>0</v>
      </c>
      <c r="CJ25" s="261">
        <v>0</v>
      </c>
      <c r="CK25" s="258">
        <v>2</v>
      </c>
      <c r="CL25" s="263">
        <v>2</v>
      </c>
      <c r="CM25" s="257">
        <v>0</v>
      </c>
      <c r="CN25" s="261">
        <v>0</v>
      </c>
      <c r="CO25" s="258">
        <v>0</v>
      </c>
      <c r="CP25" s="260">
        <v>0</v>
      </c>
      <c r="CQ25" s="261">
        <v>0</v>
      </c>
      <c r="CR25" s="261">
        <v>0</v>
      </c>
      <c r="CS25" s="261">
        <v>0</v>
      </c>
      <c r="CT25" s="261">
        <v>0</v>
      </c>
      <c r="CU25" s="261">
        <v>0</v>
      </c>
      <c r="CV25" s="258">
        <v>0</v>
      </c>
      <c r="CW25" s="263">
        <v>0</v>
      </c>
      <c r="CX25" s="257">
        <v>0</v>
      </c>
      <c r="CY25" s="261">
        <v>0</v>
      </c>
      <c r="CZ25" s="258">
        <v>0</v>
      </c>
      <c r="DA25" s="260">
        <v>0</v>
      </c>
      <c r="DB25" s="261">
        <v>0</v>
      </c>
      <c r="DC25" s="261">
        <v>0</v>
      </c>
      <c r="DD25" s="261">
        <v>0</v>
      </c>
      <c r="DE25" s="261">
        <v>0</v>
      </c>
      <c r="DF25" s="261">
        <v>0</v>
      </c>
      <c r="DG25" s="258">
        <v>0</v>
      </c>
      <c r="DH25" s="263">
        <v>0</v>
      </c>
    </row>
    <row r="26" spans="2:112" ht="21" customHeight="1" x14ac:dyDescent="0.2">
      <c r="B26" s="472" t="s">
        <v>24</v>
      </c>
      <c r="C26" s="257">
        <v>0</v>
      </c>
      <c r="D26" s="258">
        <v>0</v>
      </c>
      <c r="E26" s="259">
        <v>0</v>
      </c>
      <c r="F26" s="260">
        <v>0</v>
      </c>
      <c r="G26" s="261">
        <v>84</v>
      </c>
      <c r="H26" s="261">
        <v>43</v>
      </c>
      <c r="I26" s="261">
        <v>95</v>
      </c>
      <c r="J26" s="261">
        <v>135</v>
      </c>
      <c r="K26" s="261">
        <v>132</v>
      </c>
      <c r="L26" s="262">
        <v>489</v>
      </c>
      <c r="M26" s="263">
        <v>489</v>
      </c>
      <c r="N26" s="257">
        <v>0</v>
      </c>
      <c r="O26" s="261">
        <v>0</v>
      </c>
      <c r="P26" s="258">
        <v>0</v>
      </c>
      <c r="Q26" s="260">
        <v>0</v>
      </c>
      <c r="R26" s="261">
        <v>10</v>
      </c>
      <c r="S26" s="261">
        <v>0</v>
      </c>
      <c r="T26" s="261">
        <v>0</v>
      </c>
      <c r="U26" s="261">
        <v>0</v>
      </c>
      <c r="V26" s="261">
        <v>8</v>
      </c>
      <c r="W26" s="258">
        <v>18</v>
      </c>
      <c r="X26" s="263">
        <v>18</v>
      </c>
      <c r="Y26" s="257">
        <v>19</v>
      </c>
      <c r="Z26" s="261">
        <v>7</v>
      </c>
      <c r="AA26" s="258">
        <v>26</v>
      </c>
      <c r="AB26" s="260">
        <v>0</v>
      </c>
      <c r="AC26" s="261">
        <v>93</v>
      </c>
      <c r="AD26" s="261">
        <v>50</v>
      </c>
      <c r="AE26" s="261">
        <v>31</v>
      </c>
      <c r="AF26" s="261">
        <v>67</v>
      </c>
      <c r="AG26" s="261">
        <v>25</v>
      </c>
      <c r="AH26" s="258">
        <v>266</v>
      </c>
      <c r="AI26" s="263">
        <v>292</v>
      </c>
      <c r="AJ26" s="257">
        <v>0</v>
      </c>
      <c r="AK26" s="261">
        <v>0</v>
      </c>
      <c r="AL26" s="258">
        <v>0</v>
      </c>
      <c r="AM26" s="260">
        <v>0</v>
      </c>
      <c r="AN26" s="261">
        <v>0</v>
      </c>
      <c r="AO26" s="261">
        <v>8</v>
      </c>
      <c r="AP26" s="261">
        <v>0</v>
      </c>
      <c r="AQ26" s="261">
        <v>0</v>
      </c>
      <c r="AR26" s="261">
        <v>12</v>
      </c>
      <c r="AS26" s="258">
        <v>20</v>
      </c>
      <c r="AT26" s="263">
        <v>20</v>
      </c>
      <c r="AU26" s="257">
        <v>0</v>
      </c>
      <c r="AV26" s="261">
        <v>0</v>
      </c>
      <c r="AW26" s="258">
        <v>0</v>
      </c>
      <c r="AX26" s="260">
        <v>0</v>
      </c>
      <c r="AY26" s="261">
        <v>97</v>
      </c>
      <c r="AZ26" s="261">
        <v>31</v>
      </c>
      <c r="BA26" s="261">
        <v>26</v>
      </c>
      <c r="BB26" s="261">
        <v>0</v>
      </c>
      <c r="BC26" s="261">
        <v>0</v>
      </c>
      <c r="BD26" s="262">
        <v>154</v>
      </c>
      <c r="BE26" s="263">
        <v>154</v>
      </c>
      <c r="BF26" s="257">
        <v>0</v>
      </c>
      <c r="BG26" s="261">
        <v>0</v>
      </c>
      <c r="BH26" s="258">
        <v>0</v>
      </c>
      <c r="BI26" s="260">
        <v>0</v>
      </c>
      <c r="BJ26" s="261">
        <v>30</v>
      </c>
      <c r="BK26" s="261">
        <v>28</v>
      </c>
      <c r="BL26" s="261">
        <v>19</v>
      </c>
      <c r="BM26" s="261">
        <v>13</v>
      </c>
      <c r="BN26" s="261">
        <v>24</v>
      </c>
      <c r="BO26" s="258">
        <v>114</v>
      </c>
      <c r="BP26" s="263">
        <v>114</v>
      </c>
      <c r="BQ26" s="257">
        <v>0</v>
      </c>
      <c r="BR26" s="261">
        <v>0</v>
      </c>
      <c r="BS26" s="258">
        <v>0</v>
      </c>
      <c r="BT26" s="260">
        <v>0</v>
      </c>
      <c r="BU26" s="261">
        <v>0</v>
      </c>
      <c r="BV26" s="261">
        <v>2</v>
      </c>
      <c r="BW26" s="261">
        <v>5</v>
      </c>
      <c r="BX26" s="261">
        <v>0</v>
      </c>
      <c r="BY26" s="261">
        <v>10</v>
      </c>
      <c r="BZ26" s="258">
        <v>17</v>
      </c>
      <c r="CA26" s="263">
        <v>17</v>
      </c>
      <c r="CB26" s="257">
        <v>0</v>
      </c>
      <c r="CC26" s="261">
        <v>0</v>
      </c>
      <c r="CD26" s="258">
        <v>0</v>
      </c>
      <c r="CE26" s="260">
        <v>0</v>
      </c>
      <c r="CF26" s="261">
        <v>0</v>
      </c>
      <c r="CG26" s="261">
        <v>3</v>
      </c>
      <c r="CH26" s="261">
        <v>0</v>
      </c>
      <c r="CI26" s="261">
        <v>0</v>
      </c>
      <c r="CJ26" s="261">
        <v>0</v>
      </c>
      <c r="CK26" s="258">
        <v>3</v>
      </c>
      <c r="CL26" s="263">
        <v>3</v>
      </c>
      <c r="CM26" s="257">
        <v>0</v>
      </c>
      <c r="CN26" s="261">
        <v>0</v>
      </c>
      <c r="CO26" s="258">
        <v>0</v>
      </c>
      <c r="CP26" s="260">
        <v>0</v>
      </c>
      <c r="CQ26" s="261">
        <v>0</v>
      </c>
      <c r="CR26" s="261">
        <v>0</v>
      </c>
      <c r="CS26" s="261">
        <v>0</v>
      </c>
      <c r="CT26" s="261">
        <v>0</v>
      </c>
      <c r="CU26" s="261">
        <v>0</v>
      </c>
      <c r="CV26" s="258">
        <v>0</v>
      </c>
      <c r="CW26" s="263">
        <v>0</v>
      </c>
      <c r="CX26" s="257">
        <v>0</v>
      </c>
      <c r="CY26" s="261">
        <v>0</v>
      </c>
      <c r="CZ26" s="258">
        <v>0</v>
      </c>
      <c r="DA26" s="260">
        <v>0</v>
      </c>
      <c r="DB26" s="261">
        <v>0</v>
      </c>
      <c r="DC26" s="261">
        <v>0</v>
      </c>
      <c r="DD26" s="261">
        <v>0</v>
      </c>
      <c r="DE26" s="261">
        <v>0</v>
      </c>
      <c r="DF26" s="261">
        <v>0</v>
      </c>
      <c r="DG26" s="258">
        <v>0</v>
      </c>
      <c r="DH26" s="263">
        <v>0</v>
      </c>
    </row>
    <row r="27" spans="2:112" ht="21" customHeight="1" x14ac:dyDescent="0.2">
      <c r="B27" s="472" t="s">
        <v>25</v>
      </c>
      <c r="C27" s="257">
        <v>0</v>
      </c>
      <c r="D27" s="258">
        <v>0</v>
      </c>
      <c r="E27" s="259">
        <v>0</v>
      </c>
      <c r="F27" s="260">
        <v>0</v>
      </c>
      <c r="G27" s="261">
        <v>29</v>
      </c>
      <c r="H27" s="261">
        <v>52</v>
      </c>
      <c r="I27" s="261">
        <v>9</v>
      </c>
      <c r="J27" s="261">
        <v>8</v>
      </c>
      <c r="K27" s="261">
        <v>0</v>
      </c>
      <c r="L27" s="262">
        <v>98</v>
      </c>
      <c r="M27" s="263">
        <v>98</v>
      </c>
      <c r="N27" s="257">
        <v>0</v>
      </c>
      <c r="O27" s="261">
        <v>0</v>
      </c>
      <c r="P27" s="258">
        <v>0</v>
      </c>
      <c r="Q27" s="260">
        <v>0</v>
      </c>
      <c r="R27" s="261">
        <v>0</v>
      </c>
      <c r="S27" s="261">
        <v>4</v>
      </c>
      <c r="T27" s="261">
        <v>0</v>
      </c>
      <c r="U27" s="261">
        <v>0</v>
      </c>
      <c r="V27" s="261">
        <v>6</v>
      </c>
      <c r="W27" s="258">
        <v>10</v>
      </c>
      <c r="X27" s="263">
        <v>10</v>
      </c>
      <c r="Y27" s="257">
        <v>3</v>
      </c>
      <c r="Z27" s="261">
        <v>26</v>
      </c>
      <c r="AA27" s="258">
        <v>29</v>
      </c>
      <c r="AB27" s="260">
        <v>0</v>
      </c>
      <c r="AC27" s="261">
        <v>31</v>
      </c>
      <c r="AD27" s="261">
        <v>33</v>
      </c>
      <c r="AE27" s="261">
        <v>0</v>
      </c>
      <c r="AF27" s="261">
        <v>0</v>
      </c>
      <c r="AG27" s="261">
        <v>19</v>
      </c>
      <c r="AH27" s="258">
        <v>83</v>
      </c>
      <c r="AI27" s="263">
        <v>112</v>
      </c>
      <c r="AJ27" s="257">
        <v>0</v>
      </c>
      <c r="AK27" s="261">
        <v>0</v>
      </c>
      <c r="AL27" s="258">
        <v>0</v>
      </c>
      <c r="AM27" s="260">
        <v>0</v>
      </c>
      <c r="AN27" s="261">
        <v>0</v>
      </c>
      <c r="AO27" s="261">
        <v>0</v>
      </c>
      <c r="AP27" s="261">
        <v>0</v>
      </c>
      <c r="AQ27" s="261">
        <v>0</v>
      </c>
      <c r="AR27" s="261">
        <v>0</v>
      </c>
      <c r="AS27" s="258">
        <v>0</v>
      </c>
      <c r="AT27" s="263">
        <v>0</v>
      </c>
      <c r="AU27" s="257">
        <v>0</v>
      </c>
      <c r="AV27" s="261">
        <v>0</v>
      </c>
      <c r="AW27" s="258">
        <v>0</v>
      </c>
      <c r="AX27" s="260">
        <v>0</v>
      </c>
      <c r="AY27" s="261">
        <v>27</v>
      </c>
      <c r="AZ27" s="261">
        <v>34</v>
      </c>
      <c r="BA27" s="261">
        <v>4</v>
      </c>
      <c r="BB27" s="261">
        <v>6</v>
      </c>
      <c r="BC27" s="261">
        <v>0</v>
      </c>
      <c r="BD27" s="262">
        <v>71</v>
      </c>
      <c r="BE27" s="263">
        <v>71</v>
      </c>
      <c r="BF27" s="257">
        <v>0</v>
      </c>
      <c r="BG27" s="261">
        <v>0</v>
      </c>
      <c r="BH27" s="258">
        <v>0</v>
      </c>
      <c r="BI27" s="260">
        <v>0</v>
      </c>
      <c r="BJ27" s="261">
        <v>4</v>
      </c>
      <c r="BK27" s="261">
        <v>9</v>
      </c>
      <c r="BL27" s="261">
        <v>11</v>
      </c>
      <c r="BM27" s="261">
        <v>0</v>
      </c>
      <c r="BN27" s="261">
        <v>11</v>
      </c>
      <c r="BO27" s="258">
        <v>35</v>
      </c>
      <c r="BP27" s="263">
        <v>35</v>
      </c>
      <c r="BQ27" s="257">
        <v>0</v>
      </c>
      <c r="BR27" s="261">
        <v>3</v>
      </c>
      <c r="BS27" s="258">
        <v>3</v>
      </c>
      <c r="BT27" s="260">
        <v>0</v>
      </c>
      <c r="BU27" s="261">
        <v>7</v>
      </c>
      <c r="BV27" s="261">
        <v>0</v>
      </c>
      <c r="BW27" s="261">
        <v>63</v>
      </c>
      <c r="BX27" s="261">
        <v>0</v>
      </c>
      <c r="BY27" s="261">
        <v>0</v>
      </c>
      <c r="BZ27" s="258">
        <v>70</v>
      </c>
      <c r="CA27" s="263">
        <v>73</v>
      </c>
      <c r="CB27" s="257">
        <v>0</v>
      </c>
      <c r="CC27" s="261">
        <v>0</v>
      </c>
      <c r="CD27" s="258">
        <v>0</v>
      </c>
      <c r="CE27" s="260">
        <v>0</v>
      </c>
      <c r="CF27" s="261">
        <v>0</v>
      </c>
      <c r="CG27" s="261">
        <v>0</v>
      </c>
      <c r="CH27" s="261">
        <v>0</v>
      </c>
      <c r="CI27" s="261">
        <v>0</v>
      </c>
      <c r="CJ27" s="261">
        <v>0</v>
      </c>
      <c r="CK27" s="258">
        <v>0</v>
      </c>
      <c r="CL27" s="263">
        <v>0</v>
      </c>
      <c r="CM27" s="257">
        <v>0</v>
      </c>
      <c r="CN27" s="261">
        <v>0</v>
      </c>
      <c r="CO27" s="258">
        <v>0</v>
      </c>
      <c r="CP27" s="260">
        <v>0</v>
      </c>
      <c r="CQ27" s="261">
        <v>0</v>
      </c>
      <c r="CR27" s="261">
        <v>0</v>
      </c>
      <c r="CS27" s="261">
        <v>0</v>
      </c>
      <c r="CT27" s="261">
        <v>0</v>
      </c>
      <c r="CU27" s="261">
        <v>0</v>
      </c>
      <c r="CV27" s="258">
        <v>0</v>
      </c>
      <c r="CW27" s="263">
        <v>0</v>
      </c>
      <c r="CX27" s="257">
        <v>0</v>
      </c>
      <c r="CY27" s="261">
        <v>0</v>
      </c>
      <c r="CZ27" s="258">
        <v>0</v>
      </c>
      <c r="DA27" s="260">
        <v>0</v>
      </c>
      <c r="DB27" s="261">
        <v>0</v>
      </c>
      <c r="DC27" s="261">
        <v>0</v>
      </c>
      <c r="DD27" s="261">
        <v>0</v>
      </c>
      <c r="DE27" s="261">
        <v>0</v>
      </c>
      <c r="DF27" s="261">
        <v>0</v>
      </c>
      <c r="DG27" s="258">
        <v>0</v>
      </c>
      <c r="DH27" s="263">
        <v>0</v>
      </c>
    </row>
    <row r="28" spans="2:112" ht="21" customHeight="1" x14ac:dyDescent="0.2">
      <c r="B28" s="472" t="s">
        <v>26</v>
      </c>
      <c r="C28" s="257">
        <v>0</v>
      </c>
      <c r="D28" s="258">
        <v>0</v>
      </c>
      <c r="E28" s="259">
        <v>0</v>
      </c>
      <c r="F28" s="260">
        <v>0</v>
      </c>
      <c r="G28" s="261">
        <v>50</v>
      </c>
      <c r="H28" s="261">
        <v>70</v>
      </c>
      <c r="I28" s="261">
        <v>18</v>
      </c>
      <c r="J28" s="261">
        <v>38</v>
      </c>
      <c r="K28" s="261">
        <v>200</v>
      </c>
      <c r="L28" s="262">
        <v>376</v>
      </c>
      <c r="M28" s="263">
        <v>376</v>
      </c>
      <c r="N28" s="257">
        <v>0</v>
      </c>
      <c r="O28" s="261">
        <v>0</v>
      </c>
      <c r="P28" s="258">
        <v>0</v>
      </c>
      <c r="Q28" s="260">
        <v>0</v>
      </c>
      <c r="R28" s="261">
        <v>0</v>
      </c>
      <c r="S28" s="261">
        <v>0</v>
      </c>
      <c r="T28" s="261">
        <v>0</v>
      </c>
      <c r="U28" s="261">
        <v>0</v>
      </c>
      <c r="V28" s="261">
        <v>14</v>
      </c>
      <c r="W28" s="258">
        <v>14</v>
      </c>
      <c r="X28" s="263">
        <v>14</v>
      </c>
      <c r="Y28" s="257">
        <v>0</v>
      </c>
      <c r="Z28" s="261">
        <v>0</v>
      </c>
      <c r="AA28" s="258">
        <v>0</v>
      </c>
      <c r="AB28" s="260">
        <v>0</v>
      </c>
      <c r="AC28" s="261">
        <v>50</v>
      </c>
      <c r="AD28" s="261">
        <v>73</v>
      </c>
      <c r="AE28" s="261">
        <v>0</v>
      </c>
      <c r="AF28" s="261">
        <v>25</v>
      </c>
      <c r="AG28" s="261">
        <v>87</v>
      </c>
      <c r="AH28" s="258">
        <v>235</v>
      </c>
      <c r="AI28" s="263">
        <v>235</v>
      </c>
      <c r="AJ28" s="257">
        <v>0</v>
      </c>
      <c r="AK28" s="261">
        <v>27</v>
      </c>
      <c r="AL28" s="258">
        <v>27</v>
      </c>
      <c r="AM28" s="260">
        <v>0</v>
      </c>
      <c r="AN28" s="261">
        <v>0</v>
      </c>
      <c r="AO28" s="261">
        <v>0</v>
      </c>
      <c r="AP28" s="261">
        <v>0</v>
      </c>
      <c r="AQ28" s="261">
        <v>0</v>
      </c>
      <c r="AR28" s="261">
        <v>0</v>
      </c>
      <c r="AS28" s="258">
        <v>0</v>
      </c>
      <c r="AT28" s="263">
        <v>27</v>
      </c>
      <c r="AU28" s="257">
        <v>0</v>
      </c>
      <c r="AV28" s="261">
        <v>0</v>
      </c>
      <c r="AW28" s="258">
        <v>0</v>
      </c>
      <c r="AX28" s="260">
        <v>0</v>
      </c>
      <c r="AY28" s="261">
        <v>61</v>
      </c>
      <c r="AZ28" s="261">
        <v>20</v>
      </c>
      <c r="BA28" s="261">
        <v>9</v>
      </c>
      <c r="BB28" s="261">
        <v>11</v>
      </c>
      <c r="BC28" s="261">
        <v>0</v>
      </c>
      <c r="BD28" s="262">
        <v>101</v>
      </c>
      <c r="BE28" s="263">
        <v>101</v>
      </c>
      <c r="BF28" s="257">
        <v>0</v>
      </c>
      <c r="BG28" s="261">
        <v>0</v>
      </c>
      <c r="BH28" s="258">
        <v>0</v>
      </c>
      <c r="BI28" s="260">
        <v>0</v>
      </c>
      <c r="BJ28" s="261">
        <v>33</v>
      </c>
      <c r="BK28" s="261">
        <v>18</v>
      </c>
      <c r="BL28" s="261">
        <v>0</v>
      </c>
      <c r="BM28" s="261">
        <v>0</v>
      </c>
      <c r="BN28" s="261">
        <v>0</v>
      </c>
      <c r="BO28" s="258">
        <v>51</v>
      </c>
      <c r="BP28" s="263">
        <v>51</v>
      </c>
      <c r="BQ28" s="257">
        <v>0</v>
      </c>
      <c r="BR28" s="261">
        <v>0</v>
      </c>
      <c r="BS28" s="258">
        <v>0</v>
      </c>
      <c r="BT28" s="260">
        <v>0</v>
      </c>
      <c r="BU28" s="261">
        <v>19</v>
      </c>
      <c r="BV28" s="261">
        <v>8</v>
      </c>
      <c r="BW28" s="261">
        <v>4</v>
      </c>
      <c r="BX28" s="261">
        <v>0</v>
      </c>
      <c r="BY28" s="261">
        <v>29</v>
      </c>
      <c r="BZ28" s="258">
        <v>60</v>
      </c>
      <c r="CA28" s="263">
        <v>60</v>
      </c>
      <c r="CB28" s="257">
        <v>0</v>
      </c>
      <c r="CC28" s="261">
        <v>0</v>
      </c>
      <c r="CD28" s="258">
        <v>0</v>
      </c>
      <c r="CE28" s="260">
        <v>0</v>
      </c>
      <c r="CF28" s="261">
        <v>0</v>
      </c>
      <c r="CG28" s="261">
        <v>0</v>
      </c>
      <c r="CH28" s="261">
        <v>0</v>
      </c>
      <c r="CI28" s="261">
        <v>0</v>
      </c>
      <c r="CJ28" s="261">
        <v>0</v>
      </c>
      <c r="CK28" s="258">
        <v>0</v>
      </c>
      <c r="CL28" s="263">
        <v>0</v>
      </c>
      <c r="CM28" s="257">
        <v>0</v>
      </c>
      <c r="CN28" s="261">
        <v>0</v>
      </c>
      <c r="CO28" s="258">
        <v>0</v>
      </c>
      <c r="CP28" s="260">
        <v>0</v>
      </c>
      <c r="CQ28" s="261">
        <v>0</v>
      </c>
      <c r="CR28" s="261">
        <v>0</v>
      </c>
      <c r="CS28" s="261">
        <v>0</v>
      </c>
      <c r="CT28" s="261">
        <v>0</v>
      </c>
      <c r="CU28" s="261">
        <v>0</v>
      </c>
      <c r="CV28" s="258">
        <v>0</v>
      </c>
      <c r="CW28" s="263">
        <v>0</v>
      </c>
      <c r="CX28" s="257">
        <v>0</v>
      </c>
      <c r="CY28" s="261">
        <v>0</v>
      </c>
      <c r="CZ28" s="258">
        <v>0</v>
      </c>
      <c r="DA28" s="260">
        <v>0</v>
      </c>
      <c r="DB28" s="261">
        <v>0</v>
      </c>
      <c r="DC28" s="261">
        <v>0</v>
      </c>
      <c r="DD28" s="261">
        <v>0</v>
      </c>
      <c r="DE28" s="261">
        <v>0</v>
      </c>
      <c r="DF28" s="261">
        <v>0</v>
      </c>
      <c r="DG28" s="258">
        <v>0</v>
      </c>
      <c r="DH28" s="263">
        <v>0</v>
      </c>
    </row>
    <row r="29" spans="2:112" ht="21" customHeight="1" x14ac:dyDescent="0.2">
      <c r="B29" s="472" t="s">
        <v>27</v>
      </c>
      <c r="C29" s="257">
        <v>0</v>
      </c>
      <c r="D29" s="258">
        <v>0</v>
      </c>
      <c r="E29" s="259">
        <v>0</v>
      </c>
      <c r="F29" s="260">
        <v>0</v>
      </c>
      <c r="G29" s="261">
        <v>9</v>
      </c>
      <c r="H29" s="261">
        <v>47</v>
      </c>
      <c r="I29" s="261">
        <v>150</v>
      </c>
      <c r="J29" s="261">
        <v>0</v>
      </c>
      <c r="K29" s="261">
        <v>8</v>
      </c>
      <c r="L29" s="262">
        <v>214</v>
      </c>
      <c r="M29" s="263">
        <v>214</v>
      </c>
      <c r="N29" s="257">
        <v>0</v>
      </c>
      <c r="O29" s="261">
        <v>0</v>
      </c>
      <c r="P29" s="258">
        <v>0</v>
      </c>
      <c r="Q29" s="260">
        <v>0</v>
      </c>
      <c r="R29" s="261">
        <v>0</v>
      </c>
      <c r="S29" s="261">
        <v>0</v>
      </c>
      <c r="T29" s="261">
        <v>0</v>
      </c>
      <c r="U29" s="261">
        <v>4</v>
      </c>
      <c r="V29" s="261">
        <v>0</v>
      </c>
      <c r="W29" s="258">
        <v>4</v>
      </c>
      <c r="X29" s="263">
        <v>4</v>
      </c>
      <c r="Y29" s="257">
        <v>0</v>
      </c>
      <c r="Z29" s="261">
        <v>16</v>
      </c>
      <c r="AA29" s="258">
        <v>16</v>
      </c>
      <c r="AB29" s="260">
        <v>0</v>
      </c>
      <c r="AC29" s="261">
        <v>0</v>
      </c>
      <c r="AD29" s="261">
        <v>70</v>
      </c>
      <c r="AE29" s="261">
        <v>26</v>
      </c>
      <c r="AF29" s="261">
        <v>9</v>
      </c>
      <c r="AG29" s="261">
        <v>19</v>
      </c>
      <c r="AH29" s="258">
        <v>124</v>
      </c>
      <c r="AI29" s="263">
        <v>140</v>
      </c>
      <c r="AJ29" s="257">
        <v>0</v>
      </c>
      <c r="AK29" s="261">
        <v>0</v>
      </c>
      <c r="AL29" s="258">
        <v>0</v>
      </c>
      <c r="AM29" s="260">
        <v>0</v>
      </c>
      <c r="AN29" s="261">
        <v>0</v>
      </c>
      <c r="AO29" s="261">
        <v>0</v>
      </c>
      <c r="AP29" s="261">
        <v>0</v>
      </c>
      <c r="AQ29" s="261">
        <v>0</v>
      </c>
      <c r="AR29" s="261">
        <v>0</v>
      </c>
      <c r="AS29" s="258">
        <v>0</v>
      </c>
      <c r="AT29" s="263">
        <v>0</v>
      </c>
      <c r="AU29" s="257">
        <v>0</v>
      </c>
      <c r="AV29" s="261">
        <v>0</v>
      </c>
      <c r="AW29" s="258">
        <v>0</v>
      </c>
      <c r="AX29" s="260">
        <v>0</v>
      </c>
      <c r="AY29" s="261">
        <v>36</v>
      </c>
      <c r="AZ29" s="261">
        <v>19</v>
      </c>
      <c r="BA29" s="261">
        <v>17</v>
      </c>
      <c r="BB29" s="261">
        <v>16</v>
      </c>
      <c r="BC29" s="261">
        <v>0</v>
      </c>
      <c r="BD29" s="262">
        <v>88</v>
      </c>
      <c r="BE29" s="263">
        <v>88</v>
      </c>
      <c r="BF29" s="257">
        <v>0</v>
      </c>
      <c r="BG29" s="261">
        <v>0</v>
      </c>
      <c r="BH29" s="258">
        <v>0</v>
      </c>
      <c r="BI29" s="260">
        <v>0</v>
      </c>
      <c r="BJ29" s="261">
        <v>12</v>
      </c>
      <c r="BK29" s="261">
        <v>16</v>
      </c>
      <c r="BL29" s="261">
        <v>9</v>
      </c>
      <c r="BM29" s="261">
        <v>0</v>
      </c>
      <c r="BN29" s="261">
        <v>0</v>
      </c>
      <c r="BO29" s="258">
        <v>37</v>
      </c>
      <c r="BP29" s="263">
        <v>37</v>
      </c>
      <c r="BQ29" s="257">
        <v>0</v>
      </c>
      <c r="BR29" s="261">
        <v>2</v>
      </c>
      <c r="BS29" s="258">
        <v>2</v>
      </c>
      <c r="BT29" s="260">
        <v>0</v>
      </c>
      <c r="BU29" s="261">
        <v>6</v>
      </c>
      <c r="BV29" s="261">
        <v>5</v>
      </c>
      <c r="BW29" s="261">
        <v>0</v>
      </c>
      <c r="BX29" s="261">
        <v>8</v>
      </c>
      <c r="BY29" s="261">
        <v>0</v>
      </c>
      <c r="BZ29" s="258">
        <v>19</v>
      </c>
      <c r="CA29" s="263">
        <v>21</v>
      </c>
      <c r="CB29" s="257">
        <v>0</v>
      </c>
      <c r="CC29" s="261">
        <v>0</v>
      </c>
      <c r="CD29" s="258">
        <v>0</v>
      </c>
      <c r="CE29" s="260">
        <v>0</v>
      </c>
      <c r="CF29" s="261">
        <v>0</v>
      </c>
      <c r="CG29" s="261">
        <v>2</v>
      </c>
      <c r="CH29" s="261">
        <v>0</v>
      </c>
      <c r="CI29" s="261">
        <v>0</v>
      </c>
      <c r="CJ29" s="261">
        <v>0</v>
      </c>
      <c r="CK29" s="258">
        <v>2</v>
      </c>
      <c r="CL29" s="263">
        <v>2</v>
      </c>
      <c r="CM29" s="257">
        <v>0</v>
      </c>
      <c r="CN29" s="261">
        <v>0</v>
      </c>
      <c r="CO29" s="258">
        <v>0</v>
      </c>
      <c r="CP29" s="260">
        <v>0</v>
      </c>
      <c r="CQ29" s="261">
        <v>0</v>
      </c>
      <c r="CR29" s="261">
        <v>0</v>
      </c>
      <c r="CS29" s="261">
        <v>0</v>
      </c>
      <c r="CT29" s="261">
        <v>0</v>
      </c>
      <c r="CU29" s="261">
        <v>0</v>
      </c>
      <c r="CV29" s="258">
        <v>0</v>
      </c>
      <c r="CW29" s="263">
        <v>0</v>
      </c>
      <c r="CX29" s="257">
        <v>0</v>
      </c>
      <c r="CY29" s="261">
        <v>0</v>
      </c>
      <c r="CZ29" s="258">
        <v>0</v>
      </c>
      <c r="DA29" s="260">
        <v>0</v>
      </c>
      <c r="DB29" s="261">
        <v>0</v>
      </c>
      <c r="DC29" s="261">
        <v>0</v>
      </c>
      <c r="DD29" s="261">
        <v>0</v>
      </c>
      <c r="DE29" s="261">
        <v>0</v>
      </c>
      <c r="DF29" s="261">
        <v>0</v>
      </c>
      <c r="DG29" s="258">
        <v>0</v>
      </c>
      <c r="DH29" s="263">
        <v>0</v>
      </c>
    </row>
    <row r="30" spans="2:112" ht="21" customHeight="1" x14ac:dyDescent="0.2">
      <c r="B30" s="472" t="s">
        <v>28</v>
      </c>
      <c r="C30" s="257">
        <v>0</v>
      </c>
      <c r="D30" s="258">
        <v>0</v>
      </c>
      <c r="E30" s="259">
        <v>0</v>
      </c>
      <c r="F30" s="260">
        <v>0</v>
      </c>
      <c r="G30" s="261">
        <v>9</v>
      </c>
      <c r="H30" s="261">
        <v>14</v>
      </c>
      <c r="I30" s="261">
        <v>0</v>
      </c>
      <c r="J30" s="261">
        <v>27</v>
      </c>
      <c r="K30" s="261">
        <v>0</v>
      </c>
      <c r="L30" s="262">
        <v>50</v>
      </c>
      <c r="M30" s="263">
        <v>50</v>
      </c>
      <c r="N30" s="257">
        <v>0</v>
      </c>
      <c r="O30" s="261">
        <v>0</v>
      </c>
      <c r="P30" s="258">
        <v>0</v>
      </c>
      <c r="Q30" s="260">
        <v>0</v>
      </c>
      <c r="R30" s="261">
        <v>0</v>
      </c>
      <c r="S30" s="261">
        <v>0</v>
      </c>
      <c r="T30" s="261">
        <v>0</v>
      </c>
      <c r="U30" s="261">
        <v>0</v>
      </c>
      <c r="V30" s="261">
        <v>0</v>
      </c>
      <c r="W30" s="258">
        <v>0</v>
      </c>
      <c r="X30" s="263">
        <v>0</v>
      </c>
      <c r="Y30" s="257">
        <v>0</v>
      </c>
      <c r="Z30" s="261">
        <v>0</v>
      </c>
      <c r="AA30" s="258">
        <v>0</v>
      </c>
      <c r="AB30" s="260">
        <v>0</v>
      </c>
      <c r="AC30" s="261">
        <v>0</v>
      </c>
      <c r="AD30" s="261">
        <v>14</v>
      </c>
      <c r="AE30" s="261">
        <v>4</v>
      </c>
      <c r="AF30" s="261">
        <v>0</v>
      </c>
      <c r="AG30" s="261">
        <v>0</v>
      </c>
      <c r="AH30" s="258">
        <v>18</v>
      </c>
      <c r="AI30" s="263">
        <v>18</v>
      </c>
      <c r="AJ30" s="257">
        <v>0</v>
      </c>
      <c r="AK30" s="261">
        <v>0</v>
      </c>
      <c r="AL30" s="258">
        <v>0</v>
      </c>
      <c r="AM30" s="260">
        <v>0</v>
      </c>
      <c r="AN30" s="261">
        <v>0</v>
      </c>
      <c r="AO30" s="261">
        <v>0</v>
      </c>
      <c r="AP30" s="261">
        <v>0</v>
      </c>
      <c r="AQ30" s="261">
        <v>0</v>
      </c>
      <c r="AR30" s="261">
        <v>0</v>
      </c>
      <c r="AS30" s="258">
        <v>0</v>
      </c>
      <c r="AT30" s="263">
        <v>0</v>
      </c>
      <c r="AU30" s="257">
        <v>0</v>
      </c>
      <c r="AV30" s="261">
        <v>0</v>
      </c>
      <c r="AW30" s="258">
        <v>0</v>
      </c>
      <c r="AX30" s="260">
        <v>0</v>
      </c>
      <c r="AY30" s="261">
        <v>4</v>
      </c>
      <c r="AZ30" s="261">
        <v>13</v>
      </c>
      <c r="BA30" s="261">
        <v>25</v>
      </c>
      <c r="BB30" s="261">
        <v>12</v>
      </c>
      <c r="BC30" s="261">
        <v>0</v>
      </c>
      <c r="BD30" s="262">
        <v>54</v>
      </c>
      <c r="BE30" s="263">
        <v>54</v>
      </c>
      <c r="BF30" s="257">
        <v>0</v>
      </c>
      <c r="BG30" s="261">
        <v>0</v>
      </c>
      <c r="BH30" s="258">
        <v>0</v>
      </c>
      <c r="BI30" s="260">
        <v>0</v>
      </c>
      <c r="BJ30" s="261">
        <v>0</v>
      </c>
      <c r="BK30" s="261">
        <v>2</v>
      </c>
      <c r="BL30" s="261">
        <v>4</v>
      </c>
      <c r="BM30" s="261">
        <v>0</v>
      </c>
      <c r="BN30" s="261">
        <v>0</v>
      </c>
      <c r="BO30" s="258">
        <v>6</v>
      </c>
      <c r="BP30" s="263">
        <v>6</v>
      </c>
      <c r="BQ30" s="257">
        <v>0</v>
      </c>
      <c r="BR30" s="261">
        <v>0</v>
      </c>
      <c r="BS30" s="258">
        <v>0</v>
      </c>
      <c r="BT30" s="260">
        <v>0</v>
      </c>
      <c r="BU30" s="261">
        <v>0</v>
      </c>
      <c r="BV30" s="261">
        <v>6</v>
      </c>
      <c r="BW30" s="261">
        <v>18</v>
      </c>
      <c r="BX30" s="261">
        <v>0</v>
      </c>
      <c r="BY30" s="261">
        <v>0</v>
      </c>
      <c r="BZ30" s="258">
        <v>24</v>
      </c>
      <c r="CA30" s="263">
        <v>24</v>
      </c>
      <c r="CB30" s="257">
        <v>0</v>
      </c>
      <c r="CC30" s="261">
        <v>0</v>
      </c>
      <c r="CD30" s="258">
        <v>0</v>
      </c>
      <c r="CE30" s="260">
        <v>0</v>
      </c>
      <c r="CF30" s="261">
        <v>0</v>
      </c>
      <c r="CG30" s="261">
        <v>0</v>
      </c>
      <c r="CH30" s="261">
        <v>0</v>
      </c>
      <c r="CI30" s="261">
        <v>0</v>
      </c>
      <c r="CJ30" s="261">
        <v>0</v>
      </c>
      <c r="CK30" s="258">
        <v>0</v>
      </c>
      <c r="CL30" s="263">
        <v>0</v>
      </c>
      <c r="CM30" s="257">
        <v>0</v>
      </c>
      <c r="CN30" s="261">
        <v>0</v>
      </c>
      <c r="CO30" s="258">
        <v>0</v>
      </c>
      <c r="CP30" s="260">
        <v>0</v>
      </c>
      <c r="CQ30" s="261">
        <v>0</v>
      </c>
      <c r="CR30" s="261">
        <v>0</v>
      </c>
      <c r="CS30" s="261">
        <v>0</v>
      </c>
      <c r="CT30" s="261">
        <v>0</v>
      </c>
      <c r="CU30" s="261">
        <v>0</v>
      </c>
      <c r="CV30" s="258">
        <v>0</v>
      </c>
      <c r="CW30" s="263">
        <v>0</v>
      </c>
      <c r="CX30" s="257">
        <v>0</v>
      </c>
      <c r="CY30" s="261">
        <v>0</v>
      </c>
      <c r="CZ30" s="258">
        <v>0</v>
      </c>
      <c r="DA30" s="260">
        <v>0</v>
      </c>
      <c r="DB30" s="261">
        <v>0</v>
      </c>
      <c r="DC30" s="261">
        <v>0</v>
      </c>
      <c r="DD30" s="261">
        <v>0</v>
      </c>
      <c r="DE30" s="261">
        <v>0</v>
      </c>
      <c r="DF30" s="261">
        <v>0</v>
      </c>
      <c r="DG30" s="258">
        <v>0</v>
      </c>
      <c r="DH30" s="263">
        <v>0</v>
      </c>
    </row>
    <row r="31" spans="2:112" ht="21" customHeight="1" x14ac:dyDescent="0.2">
      <c r="B31" s="472" t="s">
        <v>29</v>
      </c>
      <c r="C31" s="257">
        <v>0</v>
      </c>
      <c r="D31" s="258">
        <v>0</v>
      </c>
      <c r="E31" s="259">
        <v>0</v>
      </c>
      <c r="F31" s="260">
        <v>0</v>
      </c>
      <c r="G31" s="261">
        <v>8</v>
      </c>
      <c r="H31" s="261">
        <v>26</v>
      </c>
      <c r="I31" s="261">
        <v>0</v>
      </c>
      <c r="J31" s="261">
        <v>75</v>
      </c>
      <c r="K31" s="261">
        <v>0</v>
      </c>
      <c r="L31" s="262">
        <v>109</v>
      </c>
      <c r="M31" s="263">
        <v>109</v>
      </c>
      <c r="N31" s="257">
        <v>0</v>
      </c>
      <c r="O31" s="261">
        <v>0</v>
      </c>
      <c r="P31" s="258">
        <v>0</v>
      </c>
      <c r="Q31" s="260">
        <v>0</v>
      </c>
      <c r="R31" s="261">
        <v>0</v>
      </c>
      <c r="S31" s="261">
        <v>0</v>
      </c>
      <c r="T31" s="261">
        <v>1</v>
      </c>
      <c r="U31" s="261">
        <v>0</v>
      </c>
      <c r="V31" s="261">
        <v>0</v>
      </c>
      <c r="W31" s="258">
        <v>1</v>
      </c>
      <c r="X31" s="263">
        <v>1</v>
      </c>
      <c r="Y31" s="257">
        <v>0</v>
      </c>
      <c r="Z31" s="261">
        <v>7</v>
      </c>
      <c r="AA31" s="258">
        <v>7</v>
      </c>
      <c r="AB31" s="260">
        <v>0</v>
      </c>
      <c r="AC31" s="261">
        <v>27</v>
      </c>
      <c r="AD31" s="261">
        <v>19</v>
      </c>
      <c r="AE31" s="261">
        <v>32</v>
      </c>
      <c r="AF31" s="261">
        <v>5</v>
      </c>
      <c r="AG31" s="261">
        <v>0</v>
      </c>
      <c r="AH31" s="258">
        <v>83</v>
      </c>
      <c r="AI31" s="263">
        <v>90</v>
      </c>
      <c r="AJ31" s="257">
        <v>0</v>
      </c>
      <c r="AK31" s="261">
        <v>0</v>
      </c>
      <c r="AL31" s="258">
        <v>0</v>
      </c>
      <c r="AM31" s="260">
        <v>0</v>
      </c>
      <c r="AN31" s="261">
        <v>15</v>
      </c>
      <c r="AO31" s="261">
        <v>0</v>
      </c>
      <c r="AP31" s="261">
        <v>0</v>
      </c>
      <c r="AQ31" s="261">
        <v>12</v>
      </c>
      <c r="AR31" s="261">
        <v>0</v>
      </c>
      <c r="AS31" s="258">
        <v>27</v>
      </c>
      <c r="AT31" s="263">
        <v>27</v>
      </c>
      <c r="AU31" s="257">
        <v>0</v>
      </c>
      <c r="AV31" s="261">
        <v>0</v>
      </c>
      <c r="AW31" s="258">
        <v>0</v>
      </c>
      <c r="AX31" s="260">
        <v>0</v>
      </c>
      <c r="AY31" s="261">
        <v>18</v>
      </c>
      <c r="AZ31" s="261">
        <v>3</v>
      </c>
      <c r="BA31" s="261">
        <v>0</v>
      </c>
      <c r="BB31" s="261">
        <v>4</v>
      </c>
      <c r="BC31" s="261">
        <v>0</v>
      </c>
      <c r="BD31" s="262">
        <v>25</v>
      </c>
      <c r="BE31" s="263">
        <v>25</v>
      </c>
      <c r="BF31" s="257">
        <v>0</v>
      </c>
      <c r="BG31" s="261">
        <v>0</v>
      </c>
      <c r="BH31" s="258">
        <v>0</v>
      </c>
      <c r="BI31" s="260">
        <v>0</v>
      </c>
      <c r="BJ31" s="261">
        <v>9</v>
      </c>
      <c r="BK31" s="261">
        <v>0</v>
      </c>
      <c r="BL31" s="261">
        <v>13</v>
      </c>
      <c r="BM31" s="261">
        <v>0</v>
      </c>
      <c r="BN31" s="261">
        <v>0</v>
      </c>
      <c r="BO31" s="258">
        <v>22</v>
      </c>
      <c r="BP31" s="263">
        <v>22</v>
      </c>
      <c r="BQ31" s="257">
        <v>0</v>
      </c>
      <c r="BR31" s="261">
        <v>0</v>
      </c>
      <c r="BS31" s="258">
        <v>0</v>
      </c>
      <c r="BT31" s="260">
        <v>0</v>
      </c>
      <c r="BU31" s="261">
        <v>0</v>
      </c>
      <c r="BV31" s="261">
        <v>0</v>
      </c>
      <c r="BW31" s="261">
        <v>0</v>
      </c>
      <c r="BX31" s="261">
        <v>0</v>
      </c>
      <c r="BY31" s="261">
        <v>0</v>
      </c>
      <c r="BZ31" s="258">
        <v>0</v>
      </c>
      <c r="CA31" s="263">
        <v>0</v>
      </c>
      <c r="CB31" s="257">
        <v>0</v>
      </c>
      <c r="CC31" s="261">
        <v>0</v>
      </c>
      <c r="CD31" s="258">
        <v>0</v>
      </c>
      <c r="CE31" s="260">
        <v>0</v>
      </c>
      <c r="CF31" s="261">
        <v>2</v>
      </c>
      <c r="CG31" s="261">
        <v>0</v>
      </c>
      <c r="CH31" s="261">
        <v>0</v>
      </c>
      <c r="CI31" s="261">
        <v>0</v>
      </c>
      <c r="CJ31" s="261">
        <v>0</v>
      </c>
      <c r="CK31" s="258">
        <v>2</v>
      </c>
      <c r="CL31" s="263">
        <v>2</v>
      </c>
      <c r="CM31" s="257">
        <v>0</v>
      </c>
      <c r="CN31" s="261">
        <v>0</v>
      </c>
      <c r="CO31" s="258">
        <v>0</v>
      </c>
      <c r="CP31" s="260">
        <v>0</v>
      </c>
      <c r="CQ31" s="261">
        <v>0</v>
      </c>
      <c r="CR31" s="261">
        <v>0</v>
      </c>
      <c r="CS31" s="261">
        <v>0</v>
      </c>
      <c r="CT31" s="261">
        <v>0</v>
      </c>
      <c r="CU31" s="261">
        <v>0</v>
      </c>
      <c r="CV31" s="258">
        <v>0</v>
      </c>
      <c r="CW31" s="263">
        <v>0</v>
      </c>
      <c r="CX31" s="257">
        <v>0</v>
      </c>
      <c r="CY31" s="261">
        <v>0</v>
      </c>
      <c r="CZ31" s="258">
        <v>0</v>
      </c>
      <c r="DA31" s="260">
        <v>0</v>
      </c>
      <c r="DB31" s="261">
        <v>0</v>
      </c>
      <c r="DC31" s="261">
        <v>0</v>
      </c>
      <c r="DD31" s="261">
        <v>0</v>
      </c>
      <c r="DE31" s="261">
        <v>0</v>
      </c>
      <c r="DF31" s="261">
        <v>0</v>
      </c>
      <c r="DG31" s="258">
        <v>0</v>
      </c>
      <c r="DH31" s="263">
        <v>0</v>
      </c>
    </row>
    <row r="32" spans="2:112" ht="21" customHeight="1" x14ac:dyDescent="0.2">
      <c r="B32" s="472" t="s">
        <v>30</v>
      </c>
      <c r="C32" s="257">
        <v>0</v>
      </c>
      <c r="D32" s="258">
        <v>0</v>
      </c>
      <c r="E32" s="259">
        <v>0</v>
      </c>
      <c r="F32" s="260">
        <v>0</v>
      </c>
      <c r="G32" s="261">
        <v>23</v>
      </c>
      <c r="H32" s="261">
        <v>26</v>
      </c>
      <c r="I32" s="261">
        <v>0</v>
      </c>
      <c r="J32" s="261">
        <v>33</v>
      </c>
      <c r="K32" s="261">
        <v>0</v>
      </c>
      <c r="L32" s="262">
        <v>82</v>
      </c>
      <c r="M32" s="263">
        <v>82</v>
      </c>
      <c r="N32" s="257">
        <v>0</v>
      </c>
      <c r="O32" s="261">
        <v>0</v>
      </c>
      <c r="P32" s="258">
        <v>0</v>
      </c>
      <c r="Q32" s="260">
        <v>0</v>
      </c>
      <c r="R32" s="261">
        <v>4</v>
      </c>
      <c r="S32" s="261">
        <v>0</v>
      </c>
      <c r="T32" s="261">
        <v>5</v>
      </c>
      <c r="U32" s="261">
        <v>0</v>
      </c>
      <c r="V32" s="261">
        <v>0</v>
      </c>
      <c r="W32" s="258">
        <v>9</v>
      </c>
      <c r="X32" s="263">
        <v>9</v>
      </c>
      <c r="Y32" s="257">
        <v>0</v>
      </c>
      <c r="Z32" s="261">
        <v>0</v>
      </c>
      <c r="AA32" s="258">
        <v>0</v>
      </c>
      <c r="AB32" s="260">
        <v>0</v>
      </c>
      <c r="AC32" s="261">
        <v>16</v>
      </c>
      <c r="AD32" s="261">
        <v>0</v>
      </c>
      <c r="AE32" s="261">
        <v>4</v>
      </c>
      <c r="AF32" s="261">
        <v>0</v>
      </c>
      <c r="AG32" s="261">
        <v>0</v>
      </c>
      <c r="AH32" s="258">
        <v>20</v>
      </c>
      <c r="AI32" s="263">
        <v>20</v>
      </c>
      <c r="AJ32" s="257">
        <v>0</v>
      </c>
      <c r="AK32" s="261">
        <v>0</v>
      </c>
      <c r="AL32" s="258">
        <v>0</v>
      </c>
      <c r="AM32" s="260">
        <v>0</v>
      </c>
      <c r="AN32" s="261">
        <v>0</v>
      </c>
      <c r="AO32" s="261">
        <v>28</v>
      </c>
      <c r="AP32" s="261">
        <v>0</v>
      </c>
      <c r="AQ32" s="261">
        <v>0</v>
      </c>
      <c r="AR32" s="261">
        <v>0</v>
      </c>
      <c r="AS32" s="258">
        <v>28</v>
      </c>
      <c r="AT32" s="263">
        <v>28</v>
      </c>
      <c r="AU32" s="257">
        <v>0</v>
      </c>
      <c r="AV32" s="261">
        <v>0</v>
      </c>
      <c r="AW32" s="258">
        <v>0</v>
      </c>
      <c r="AX32" s="260">
        <v>0</v>
      </c>
      <c r="AY32" s="261">
        <v>16</v>
      </c>
      <c r="AZ32" s="261">
        <v>25</v>
      </c>
      <c r="BA32" s="261">
        <v>0</v>
      </c>
      <c r="BB32" s="261">
        <v>0</v>
      </c>
      <c r="BC32" s="261">
        <v>0</v>
      </c>
      <c r="BD32" s="262">
        <v>41</v>
      </c>
      <c r="BE32" s="263">
        <v>41</v>
      </c>
      <c r="BF32" s="257">
        <v>0</v>
      </c>
      <c r="BG32" s="261">
        <v>0</v>
      </c>
      <c r="BH32" s="258">
        <v>0</v>
      </c>
      <c r="BI32" s="260">
        <v>0</v>
      </c>
      <c r="BJ32" s="261">
        <v>7</v>
      </c>
      <c r="BK32" s="261">
        <v>0</v>
      </c>
      <c r="BL32" s="261">
        <v>0</v>
      </c>
      <c r="BM32" s="261">
        <v>6</v>
      </c>
      <c r="BN32" s="261">
        <v>0</v>
      </c>
      <c r="BO32" s="258">
        <v>13</v>
      </c>
      <c r="BP32" s="263">
        <v>13</v>
      </c>
      <c r="BQ32" s="257">
        <v>0</v>
      </c>
      <c r="BR32" s="261">
        <v>0</v>
      </c>
      <c r="BS32" s="258">
        <v>0</v>
      </c>
      <c r="BT32" s="260">
        <v>0</v>
      </c>
      <c r="BU32" s="261">
        <v>0</v>
      </c>
      <c r="BV32" s="261">
        <v>21</v>
      </c>
      <c r="BW32" s="261">
        <v>0</v>
      </c>
      <c r="BX32" s="261">
        <v>3</v>
      </c>
      <c r="BY32" s="261">
        <v>0</v>
      </c>
      <c r="BZ32" s="258">
        <v>24</v>
      </c>
      <c r="CA32" s="263">
        <v>24</v>
      </c>
      <c r="CB32" s="257">
        <v>0</v>
      </c>
      <c r="CC32" s="261">
        <v>0</v>
      </c>
      <c r="CD32" s="258">
        <v>0</v>
      </c>
      <c r="CE32" s="260">
        <v>0</v>
      </c>
      <c r="CF32" s="261">
        <v>0</v>
      </c>
      <c r="CG32" s="261">
        <v>0</v>
      </c>
      <c r="CH32" s="261">
        <v>0</v>
      </c>
      <c r="CI32" s="261">
        <v>0</v>
      </c>
      <c r="CJ32" s="261">
        <v>0</v>
      </c>
      <c r="CK32" s="258">
        <v>0</v>
      </c>
      <c r="CL32" s="263">
        <v>0</v>
      </c>
      <c r="CM32" s="257">
        <v>0</v>
      </c>
      <c r="CN32" s="261">
        <v>0</v>
      </c>
      <c r="CO32" s="258">
        <v>0</v>
      </c>
      <c r="CP32" s="260">
        <v>0</v>
      </c>
      <c r="CQ32" s="261">
        <v>0</v>
      </c>
      <c r="CR32" s="261">
        <v>0</v>
      </c>
      <c r="CS32" s="261">
        <v>0</v>
      </c>
      <c r="CT32" s="261">
        <v>0</v>
      </c>
      <c r="CU32" s="261">
        <v>0</v>
      </c>
      <c r="CV32" s="258">
        <v>0</v>
      </c>
      <c r="CW32" s="263">
        <v>0</v>
      </c>
      <c r="CX32" s="257">
        <v>0</v>
      </c>
      <c r="CY32" s="261">
        <v>0</v>
      </c>
      <c r="CZ32" s="258">
        <v>0</v>
      </c>
      <c r="DA32" s="260">
        <v>0</v>
      </c>
      <c r="DB32" s="261">
        <v>0</v>
      </c>
      <c r="DC32" s="261">
        <v>0</v>
      </c>
      <c r="DD32" s="261">
        <v>0</v>
      </c>
      <c r="DE32" s="261">
        <v>0</v>
      </c>
      <c r="DF32" s="261">
        <v>0</v>
      </c>
      <c r="DG32" s="258">
        <v>0</v>
      </c>
      <c r="DH32" s="263">
        <v>0</v>
      </c>
    </row>
    <row r="33" spans="2:112" ht="21" customHeight="1" x14ac:dyDescent="0.2">
      <c r="B33" s="472" t="s">
        <v>31</v>
      </c>
      <c r="C33" s="257">
        <v>0</v>
      </c>
      <c r="D33" s="258">
        <v>0</v>
      </c>
      <c r="E33" s="259">
        <v>0</v>
      </c>
      <c r="F33" s="260">
        <v>0</v>
      </c>
      <c r="G33" s="261">
        <v>17</v>
      </c>
      <c r="H33" s="261">
        <v>0</v>
      </c>
      <c r="I33" s="261">
        <v>0</v>
      </c>
      <c r="J33" s="261">
        <v>56</v>
      </c>
      <c r="K33" s="261">
        <v>0</v>
      </c>
      <c r="L33" s="262">
        <v>73</v>
      </c>
      <c r="M33" s="263">
        <v>73</v>
      </c>
      <c r="N33" s="257">
        <v>0</v>
      </c>
      <c r="O33" s="261">
        <v>0</v>
      </c>
      <c r="P33" s="258">
        <v>0</v>
      </c>
      <c r="Q33" s="260">
        <v>0</v>
      </c>
      <c r="R33" s="261">
        <v>0</v>
      </c>
      <c r="S33" s="261">
        <v>0</v>
      </c>
      <c r="T33" s="261">
        <v>0</v>
      </c>
      <c r="U33" s="261">
        <v>0</v>
      </c>
      <c r="V33" s="261">
        <v>8</v>
      </c>
      <c r="W33" s="258">
        <v>8</v>
      </c>
      <c r="X33" s="263">
        <v>8</v>
      </c>
      <c r="Y33" s="257">
        <v>0</v>
      </c>
      <c r="Z33" s="261">
        <v>0</v>
      </c>
      <c r="AA33" s="258">
        <v>0</v>
      </c>
      <c r="AB33" s="260">
        <v>0</v>
      </c>
      <c r="AC33" s="261">
        <v>41</v>
      </c>
      <c r="AD33" s="261">
        <v>8</v>
      </c>
      <c r="AE33" s="261">
        <v>21</v>
      </c>
      <c r="AF33" s="261">
        <v>2</v>
      </c>
      <c r="AG33" s="261">
        <v>29</v>
      </c>
      <c r="AH33" s="258">
        <v>101</v>
      </c>
      <c r="AI33" s="263">
        <v>101</v>
      </c>
      <c r="AJ33" s="257">
        <v>0</v>
      </c>
      <c r="AK33" s="261">
        <v>0</v>
      </c>
      <c r="AL33" s="258">
        <v>0</v>
      </c>
      <c r="AM33" s="260">
        <v>0</v>
      </c>
      <c r="AN33" s="261">
        <v>0</v>
      </c>
      <c r="AO33" s="261">
        <v>0</v>
      </c>
      <c r="AP33" s="261">
        <v>0</v>
      </c>
      <c r="AQ33" s="261">
        <v>0</v>
      </c>
      <c r="AR33" s="261">
        <v>0</v>
      </c>
      <c r="AS33" s="258">
        <v>0</v>
      </c>
      <c r="AT33" s="263">
        <v>0</v>
      </c>
      <c r="AU33" s="257">
        <v>0</v>
      </c>
      <c r="AV33" s="261">
        <v>0</v>
      </c>
      <c r="AW33" s="258">
        <v>0</v>
      </c>
      <c r="AX33" s="260">
        <v>0</v>
      </c>
      <c r="AY33" s="261">
        <v>13</v>
      </c>
      <c r="AZ33" s="261">
        <v>34</v>
      </c>
      <c r="BA33" s="261">
        <v>17</v>
      </c>
      <c r="BB33" s="261">
        <v>0</v>
      </c>
      <c r="BC33" s="261">
        <v>0</v>
      </c>
      <c r="BD33" s="262">
        <v>64</v>
      </c>
      <c r="BE33" s="263">
        <v>64</v>
      </c>
      <c r="BF33" s="257">
        <v>0</v>
      </c>
      <c r="BG33" s="261">
        <v>0</v>
      </c>
      <c r="BH33" s="258">
        <v>0</v>
      </c>
      <c r="BI33" s="260">
        <v>0</v>
      </c>
      <c r="BJ33" s="261">
        <v>6</v>
      </c>
      <c r="BK33" s="261">
        <v>13</v>
      </c>
      <c r="BL33" s="261">
        <v>0</v>
      </c>
      <c r="BM33" s="261">
        <v>0</v>
      </c>
      <c r="BN33" s="261">
        <v>0</v>
      </c>
      <c r="BO33" s="258">
        <v>19</v>
      </c>
      <c r="BP33" s="263">
        <v>19</v>
      </c>
      <c r="BQ33" s="257">
        <v>0</v>
      </c>
      <c r="BR33" s="261">
        <v>0</v>
      </c>
      <c r="BS33" s="258">
        <v>0</v>
      </c>
      <c r="BT33" s="260">
        <v>0</v>
      </c>
      <c r="BU33" s="261">
        <v>4</v>
      </c>
      <c r="BV33" s="261">
        <v>0</v>
      </c>
      <c r="BW33" s="261">
        <v>0</v>
      </c>
      <c r="BX33" s="261">
        <v>0</v>
      </c>
      <c r="BY33" s="261">
        <v>0</v>
      </c>
      <c r="BZ33" s="258">
        <v>4</v>
      </c>
      <c r="CA33" s="263">
        <v>4</v>
      </c>
      <c r="CB33" s="257">
        <v>0</v>
      </c>
      <c r="CC33" s="261">
        <v>0</v>
      </c>
      <c r="CD33" s="258">
        <v>0</v>
      </c>
      <c r="CE33" s="260">
        <v>0</v>
      </c>
      <c r="CF33" s="261">
        <v>0</v>
      </c>
      <c r="CG33" s="261">
        <v>0</v>
      </c>
      <c r="CH33" s="261">
        <v>0</v>
      </c>
      <c r="CI33" s="261">
        <v>0</v>
      </c>
      <c r="CJ33" s="261">
        <v>1</v>
      </c>
      <c r="CK33" s="258">
        <v>1</v>
      </c>
      <c r="CL33" s="263">
        <v>1</v>
      </c>
      <c r="CM33" s="257">
        <v>0</v>
      </c>
      <c r="CN33" s="261">
        <v>0</v>
      </c>
      <c r="CO33" s="258">
        <v>0</v>
      </c>
      <c r="CP33" s="260">
        <v>0</v>
      </c>
      <c r="CQ33" s="261">
        <v>0</v>
      </c>
      <c r="CR33" s="261">
        <v>0</v>
      </c>
      <c r="CS33" s="261">
        <v>0</v>
      </c>
      <c r="CT33" s="261">
        <v>0</v>
      </c>
      <c r="CU33" s="261">
        <v>0</v>
      </c>
      <c r="CV33" s="258">
        <v>0</v>
      </c>
      <c r="CW33" s="263">
        <v>0</v>
      </c>
      <c r="CX33" s="257">
        <v>0</v>
      </c>
      <c r="CY33" s="261">
        <v>0</v>
      </c>
      <c r="CZ33" s="258">
        <v>0</v>
      </c>
      <c r="DA33" s="260">
        <v>0</v>
      </c>
      <c r="DB33" s="261">
        <v>0</v>
      </c>
      <c r="DC33" s="261">
        <v>0</v>
      </c>
      <c r="DD33" s="261">
        <v>0</v>
      </c>
      <c r="DE33" s="261">
        <v>0</v>
      </c>
      <c r="DF33" s="261">
        <v>0</v>
      </c>
      <c r="DG33" s="258">
        <v>0</v>
      </c>
      <c r="DH33" s="263">
        <v>0</v>
      </c>
    </row>
    <row r="34" spans="2:112" ht="21" customHeight="1" x14ac:dyDescent="0.2">
      <c r="B34" s="472" t="s">
        <v>32</v>
      </c>
      <c r="C34" s="257">
        <v>0</v>
      </c>
      <c r="D34" s="258">
        <v>0</v>
      </c>
      <c r="E34" s="259">
        <v>0</v>
      </c>
      <c r="F34" s="260">
        <v>0</v>
      </c>
      <c r="G34" s="261">
        <v>9</v>
      </c>
      <c r="H34" s="261">
        <v>23</v>
      </c>
      <c r="I34" s="261">
        <v>31</v>
      </c>
      <c r="J34" s="261">
        <v>0</v>
      </c>
      <c r="K34" s="261">
        <v>0</v>
      </c>
      <c r="L34" s="262">
        <v>63</v>
      </c>
      <c r="M34" s="263">
        <v>63</v>
      </c>
      <c r="N34" s="257">
        <v>0</v>
      </c>
      <c r="O34" s="261">
        <v>0</v>
      </c>
      <c r="P34" s="258">
        <v>0</v>
      </c>
      <c r="Q34" s="260">
        <v>0</v>
      </c>
      <c r="R34" s="261">
        <v>0</v>
      </c>
      <c r="S34" s="261">
        <v>0</v>
      </c>
      <c r="T34" s="261">
        <v>4</v>
      </c>
      <c r="U34" s="261">
        <v>0</v>
      </c>
      <c r="V34" s="261">
        <v>0</v>
      </c>
      <c r="W34" s="258">
        <v>4</v>
      </c>
      <c r="X34" s="263">
        <v>4</v>
      </c>
      <c r="Y34" s="257">
        <v>0</v>
      </c>
      <c r="Z34" s="261">
        <v>0</v>
      </c>
      <c r="AA34" s="258">
        <v>0</v>
      </c>
      <c r="AB34" s="260">
        <v>0</v>
      </c>
      <c r="AC34" s="261">
        <v>28</v>
      </c>
      <c r="AD34" s="261">
        <v>7</v>
      </c>
      <c r="AE34" s="261">
        <v>10</v>
      </c>
      <c r="AF34" s="261">
        <v>0</v>
      </c>
      <c r="AG34" s="261">
        <v>16</v>
      </c>
      <c r="AH34" s="258">
        <v>61</v>
      </c>
      <c r="AI34" s="263">
        <v>61</v>
      </c>
      <c r="AJ34" s="257">
        <v>0</v>
      </c>
      <c r="AK34" s="261">
        <v>0</v>
      </c>
      <c r="AL34" s="258">
        <v>0</v>
      </c>
      <c r="AM34" s="260">
        <v>0</v>
      </c>
      <c r="AN34" s="261">
        <v>0</v>
      </c>
      <c r="AO34" s="261">
        <v>12</v>
      </c>
      <c r="AP34" s="261">
        <v>0</v>
      </c>
      <c r="AQ34" s="261">
        <v>12</v>
      </c>
      <c r="AR34" s="261">
        <v>0</v>
      </c>
      <c r="AS34" s="258">
        <v>24</v>
      </c>
      <c r="AT34" s="263">
        <v>24</v>
      </c>
      <c r="AU34" s="257">
        <v>0</v>
      </c>
      <c r="AV34" s="261">
        <v>0</v>
      </c>
      <c r="AW34" s="258">
        <v>0</v>
      </c>
      <c r="AX34" s="260">
        <v>0</v>
      </c>
      <c r="AY34" s="261">
        <v>47</v>
      </c>
      <c r="AZ34" s="261">
        <v>38</v>
      </c>
      <c r="BA34" s="261">
        <v>0</v>
      </c>
      <c r="BB34" s="261">
        <v>16</v>
      </c>
      <c r="BC34" s="261">
        <v>6</v>
      </c>
      <c r="BD34" s="262">
        <v>107</v>
      </c>
      <c r="BE34" s="263">
        <v>107</v>
      </c>
      <c r="BF34" s="257">
        <v>0</v>
      </c>
      <c r="BG34" s="261">
        <v>0</v>
      </c>
      <c r="BH34" s="258">
        <v>0</v>
      </c>
      <c r="BI34" s="260">
        <v>0</v>
      </c>
      <c r="BJ34" s="261">
        <v>0</v>
      </c>
      <c r="BK34" s="261">
        <v>12</v>
      </c>
      <c r="BL34" s="261">
        <v>6</v>
      </c>
      <c r="BM34" s="261">
        <v>12</v>
      </c>
      <c r="BN34" s="261">
        <v>4</v>
      </c>
      <c r="BO34" s="258">
        <v>34</v>
      </c>
      <c r="BP34" s="263">
        <v>34</v>
      </c>
      <c r="BQ34" s="257">
        <v>0</v>
      </c>
      <c r="BR34" s="261">
        <v>0</v>
      </c>
      <c r="BS34" s="258">
        <v>0</v>
      </c>
      <c r="BT34" s="260">
        <v>0</v>
      </c>
      <c r="BU34" s="261">
        <v>0</v>
      </c>
      <c r="BV34" s="261">
        <v>3</v>
      </c>
      <c r="BW34" s="261">
        <v>0</v>
      </c>
      <c r="BX34" s="261">
        <v>7</v>
      </c>
      <c r="BY34" s="261">
        <v>2</v>
      </c>
      <c r="BZ34" s="258">
        <v>12</v>
      </c>
      <c r="CA34" s="263">
        <v>12</v>
      </c>
      <c r="CB34" s="257">
        <v>0</v>
      </c>
      <c r="CC34" s="261">
        <v>0</v>
      </c>
      <c r="CD34" s="258">
        <v>0</v>
      </c>
      <c r="CE34" s="260">
        <v>0</v>
      </c>
      <c r="CF34" s="261">
        <v>0</v>
      </c>
      <c r="CG34" s="261">
        <v>0</v>
      </c>
      <c r="CH34" s="261">
        <v>0</v>
      </c>
      <c r="CI34" s="261">
        <v>0</v>
      </c>
      <c r="CJ34" s="261">
        <v>4</v>
      </c>
      <c r="CK34" s="258">
        <v>4</v>
      </c>
      <c r="CL34" s="263">
        <v>4</v>
      </c>
      <c r="CM34" s="257">
        <v>0</v>
      </c>
      <c r="CN34" s="261">
        <v>0</v>
      </c>
      <c r="CO34" s="258">
        <v>0</v>
      </c>
      <c r="CP34" s="260">
        <v>0</v>
      </c>
      <c r="CQ34" s="261">
        <v>0</v>
      </c>
      <c r="CR34" s="261">
        <v>0</v>
      </c>
      <c r="CS34" s="261">
        <v>0</v>
      </c>
      <c r="CT34" s="261">
        <v>0</v>
      </c>
      <c r="CU34" s="261">
        <v>0</v>
      </c>
      <c r="CV34" s="258">
        <v>0</v>
      </c>
      <c r="CW34" s="263">
        <v>0</v>
      </c>
      <c r="CX34" s="257">
        <v>0</v>
      </c>
      <c r="CY34" s="261">
        <v>0</v>
      </c>
      <c r="CZ34" s="258">
        <v>0</v>
      </c>
      <c r="DA34" s="260">
        <v>0</v>
      </c>
      <c r="DB34" s="261">
        <v>0</v>
      </c>
      <c r="DC34" s="261">
        <v>0</v>
      </c>
      <c r="DD34" s="261">
        <v>0</v>
      </c>
      <c r="DE34" s="261">
        <v>0</v>
      </c>
      <c r="DF34" s="261">
        <v>0</v>
      </c>
      <c r="DG34" s="258">
        <v>0</v>
      </c>
      <c r="DH34" s="263">
        <v>0</v>
      </c>
    </row>
    <row r="35" spans="2:112" ht="21" customHeight="1" x14ac:dyDescent="0.2">
      <c r="B35" s="472" t="s">
        <v>33</v>
      </c>
      <c r="C35" s="257">
        <v>0</v>
      </c>
      <c r="D35" s="258">
        <v>0</v>
      </c>
      <c r="E35" s="259">
        <v>0</v>
      </c>
      <c r="F35" s="260">
        <v>0</v>
      </c>
      <c r="G35" s="261">
        <v>31</v>
      </c>
      <c r="H35" s="261">
        <v>0</v>
      </c>
      <c r="I35" s="261">
        <v>0</v>
      </c>
      <c r="J35" s="261">
        <v>0</v>
      </c>
      <c r="K35" s="261">
        <v>97</v>
      </c>
      <c r="L35" s="262">
        <v>128</v>
      </c>
      <c r="M35" s="263">
        <v>128</v>
      </c>
      <c r="N35" s="257">
        <v>0</v>
      </c>
      <c r="O35" s="261">
        <v>0</v>
      </c>
      <c r="P35" s="258">
        <v>0</v>
      </c>
      <c r="Q35" s="260">
        <v>0</v>
      </c>
      <c r="R35" s="261">
        <v>0</v>
      </c>
      <c r="S35" s="261">
        <v>0</v>
      </c>
      <c r="T35" s="261">
        <v>0</v>
      </c>
      <c r="U35" s="261">
        <v>0</v>
      </c>
      <c r="V35" s="261">
        <v>0</v>
      </c>
      <c r="W35" s="258">
        <v>0</v>
      </c>
      <c r="X35" s="263">
        <v>0</v>
      </c>
      <c r="Y35" s="257">
        <v>0</v>
      </c>
      <c r="Z35" s="261">
        <v>0</v>
      </c>
      <c r="AA35" s="258">
        <v>0</v>
      </c>
      <c r="AB35" s="260">
        <v>0</v>
      </c>
      <c r="AC35" s="261">
        <v>0</v>
      </c>
      <c r="AD35" s="261">
        <v>5</v>
      </c>
      <c r="AE35" s="261">
        <v>0</v>
      </c>
      <c r="AF35" s="261">
        <v>0</v>
      </c>
      <c r="AG35" s="261">
        <v>2</v>
      </c>
      <c r="AH35" s="258">
        <v>7</v>
      </c>
      <c r="AI35" s="263">
        <v>7</v>
      </c>
      <c r="AJ35" s="257">
        <v>0</v>
      </c>
      <c r="AK35" s="261">
        <v>0</v>
      </c>
      <c r="AL35" s="258">
        <v>0</v>
      </c>
      <c r="AM35" s="260">
        <v>0</v>
      </c>
      <c r="AN35" s="261">
        <v>21</v>
      </c>
      <c r="AO35" s="261">
        <v>18</v>
      </c>
      <c r="AP35" s="261">
        <v>12</v>
      </c>
      <c r="AQ35" s="261">
        <v>21</v>
      </c>
      <c r="AR35" s="261">
        <v>0</v>
      </c>
      <c r="AS35" s="258">
        <v>72</v>
      </c>
      <c r="AT35" s="263">
        <v>72</v>
      </c>
      <c r="AU35" s="257">
        <v>0</v>
      </c>
      <c r="AV35" s="261">
        <v>0</v>
      </c>
      <c r="AW35" s="258">
        <v>0</v>
      </c>
      <c r="AX35" s="260">
        <v>0</v>
      </c>
      <c r="AY35" s="261">
        <v>12</v>
      </c>
      <c r="AZ35" s="261">
        <v>0</v>
      </c>
      <c r="BA35" s="261">
        <v>0</v>
      </c>
      <c r="BB35" s="261">
        <v>0</v>
      </c>
      <c r="BC35" s="261">
        <v>13</v>
      </c>
      <c r="BD35" s="262">
        <v>25</v>
      </c>
      <c r="BE35" s="263">
        <v>25</v>
      </c>
      <c r="BF35" s="257">
        <v>0</v>
      </c>
      <c r="BG35" s="261">
        <v>0</v>
      </c>
      <c r="BH35" s="258">
        <v>0</v>
      </c>
      <c r="BI35" s="260">
        <v>0</v>
      </c>
      <c r="BJ35" s="261">
        <v>8</v>
      </c>
      <c r="BK35" s="261">
        <v>0</v>
      </c>
      <c r="BL35" s="261">
        <v>5</v>
      </c>
      <c r="BM35" s="261">
        <v>0</v>
      </c>
      <c r="BN35" s="261">
        <v>0</v>
      </c>
      <c r="BO35" s="258">
        <v>13</v>
      </c>
      <c r="BP35" s="263">
        <v>13</v>
      </c>
      <c r="BQ35" s="257">
        <v>0</v>
      </c>
      <c r="BR35" s="261">
        <v>0</v>
      </c>
      <c r="BS35" s="258">
        <v>0</v>
      </c>
      <c r="BT35" s="260">
        <v>0</v>
      </c>
      <c r="BU35" s="261">
        <v>0</v>
      </c>
      <c r="BV35" s="261">
        <v>0</v>
      </c>
      <c r="BW35" s="261">
        <v>3</v>
      </c>
      <c r="BX35" s="261">
        <v>2</v>
      </c>
      <c r="BY35" s="261">
        <v>0</v>
      </c>
      <c r="BZ35" s="258">
        <v>5</v>
      </c>
      <c r="CA35" s="263">
        <v>5</v>
      </c>
      <c r="CB35" s="257">
        <v>0</v>
      </c>
      <c r="CC35" s="261">
        <v>0</v>
      </c>
      <c r="CD35" s="258">
        <v>0</v>
      </c>
      <c r="CE35" s="260">
        <v>0</v>
      </c>
      <c r="CF35" s="261">
        <v>10</v>
      </c>
      <c r="CG35" s="261">
        <v>0</v>
      </c>
      <c r="CH35" s="261">
        <v>0</v>
      </c>
      <c r="CI35" s="261">
        <v>0</v>
      </c>
      <c r="CJ35" s="261">
        <v>0</v>
      </c>
      <c r="CK35" s="258">
        <v>10</v>
      </c>
      <c r="CL35" s="263">
        <v>10</v>
      </c>
      <c r="CM35" s="257">
        <v>0</v>
      </c>
      <c r="CN35" s="261">
        <v>0</v>
      </c>
      <c r="CO35" s="258">
        <v>0</v>
      </c>
      <c r="CP35" s="260">
        <v>0</v>
      </c>
      <c r="CQ35" s="261">
        <v>0</v>
      </c>
      <c r="CR35" s="261">
        <v>0</v>
      </c>
      <c r="CS35" s="261">
        <v>0</v>
      </c>
      <c r="CT35" s="261">
        <v>0</v>
      </c>
      <c r="CU35" s="261">
        <v>0</v>
      </c>
      <c r="CV35" s="258">
        <v>0</v>
      </c>
      <c r="CW35" s="263">
        <v>0</v>
      </c>
      <c r="CX35" s="257">
        <v>0</v>
      </c>
      <c r="CY35" s="261">
        <v>0</v>
      </c>
      <c r="CZ35" s="258">
        <v>0</v>
      </c>
      <c r="DA35" s="260">
        <v>0</v>
      </c>
      <c r="DB35" s="261">
        <v>0</v>
      </c>
      <c r="DC35" s="261">
        <v>0</v>
      </c>
      <c r="DD35" s="261">
        <v>0</v>
      </c>
      <c r="DE35" s="261">
        <v>0</v>
      </c>
      <c r="DF35" s="261">
        <v>0</v>
      </c>
      <c r="DG35" s="258">
        <v>0</v>
      </c>
      <c r="DH35" s="263">
        <v>0</v>
      </c>
    </row>
    <row r="36" spans="2:112" ht="21" customHeight="1" x14ac:dyDescent="0.2">
      <c r="B36" s="472" t="s">
        <v>34</v>
      </c>
      <c r="C36" s="257">
        <v>0</v>
      </c>
      <c r="D36" s="258">
        <v>0</v>
      </c>
      <c r="E36" s="259">
        <v>0</v>
      </c>
      <c r="F36" s="260">
        <v>0</v>
      </c>
      <c r="G36" s="261">
        <v>11</v>
      </c>
      <c r="H36" s="261">
        <v>0</v>
      </c>
      <c r="I36" s="261">
        <v>0</v>
      </c>
      <c r="J36" s="261">
        <v>0</v>
      </c>
      <c r="K36" s="261">
        <v>0</v>
      </c>
      <c r="L36" s="262">
        <v>11</v>
      </c>
      <c r="M36" s="263">
        <v>11</v>
      </c>
      <c r="N36" s="257">
        <v>0</v>
      </c>
      <c r="O36" s="261">
        <v>0</v>
      </c>
      <c r="P36" s="258">
        <v>0</v>
      </c>
      <c r="Q36" s="260">
        <v>0</v>
      </c>
      <c r="R36" s="261">
        <v>0</v>
      </c>
      <c r="S36" s="261">
        <v>0</v>
      </c>
      <c r="T36" s="261">
        <v>0</v>
      </c>
      <c r="U36" s="261">
        <v>0</v>
      </c>
      <c r="V36" s="261">
        <v>0</v>
      </c>
      <c r="W36" s="258">
        <v>0</v>
      </c>
      <c r="X36" s="263">
        <v>0</v>
      </c>
      <c r="Y36" s="257">
        <v>0</v>
      </c>
      <c r="Z36" s="261">
        <v>15</v>
      </c>
      <c r="AA36" s="258">
        <v>15</v>
      </c>
      <c r="AB36" s="260">
        <v>0</v>
      </c>
      <c r="AC36" s="261">
        <v>0</v>
      </c>
      <c r="AD36" s="261">
        <v>0</v>
      </c>
      <c r="AE36" s="261">
        <v>0</v>
      </c>
      <c r="AF36" s="261">
        <v>0</v>
      </c>
      <c r="AG36" s="261">
        <v>0</v>
      </c>
      <c r="AH36" s="258">
        <v>0</v>
      </c>
      <c r="AI36" s="263">
        <v>15</v>
      </c>
      <c r="AJ36" s="257">
        <v>0</v>
      </c>
      <c r="AK36" s="261">
        <v>0</v>
      </c>
      <c r="AL36" s="258">
        <v>0</v>
      </c>
      <c r="AM36" s="260">
        <v>0</v>
      </c>
      <c r="AN36" s="261">
        <v>0</v>
      </c>
      <c r="AO36" s="261">
        <v>16</v>
      </c>
      <c r="AP36" s="261">
        <v>0</v>
      </c>
      <c r="AQ36" s="261">
        <v>0</v>
      </c>
      <c r="AR36" s="261">
        <v>0</v>
      </c>
      <c r="AS36" s="258">
        <v>16</v>
      </c>
      <c r="AT36" s="263">
        <v>16</v>
      </c>
      <c r="AU36" s="257">
        <v>0</v>
      </c>
      <c r="AV36" s="261">
        <v>0</v>
      </c>
      <c r="AW36" s="258">
        <v>0</v>
      </c>
      <c r="AX36" s="260">
        <v>0</v>
      </c>
      <c r="AY36" s="261">
        <v>0</v>
      </c>
      <c r="AZ36" s="261">
        <v>29</v>
      </c>
      <c r="BA36" s="261">
        <v>27</v>
      </c>
      <c r="BB36" s="261">
        <v>3</v>
      </c>
      <c r="BC36" s="261">
        <v>0</v>
      </c>
      <c r="BD36" s="262">
        <v>59</v>
      </c>
      <c r="BE36" s="263">
        <v>59</v>
      </c>
      <c r="BF36" s="257">
        <v>0</v>
      </c>
      <c r="BG36" s="261">
        <v>0</v>
      </c>
      <c r="BH36" s="258">
        <v>0</v>
      </c>
      <c r="BI36" s="260">
        <v>0</v>
      </c>
      <c r="BJ36" s="261">
        <v>0</v>
      </c>
      <c r="BK36" s="261">
        <v>0</v>
      </c>
      <c r="BL36" s="261">
        <v>0</v>
      </c>
      <c r="BM36" s="261">
        <v>0</v>
      </c>
      <c r="BN36" s="261">
        <v>0</v>
      </c>
      <c r="BO36" s="258">
        <v>0</v>
      </c>
      <c r="BP36" s="263">
        <v>0</v>
      </c>
      <c r="BQ36" s="257">
        <v>0</v>
      </c>
      <c r="BR36" s="261">
        <v>0</v>
      </c>
      <c r="BS36" s="258">
        <v>0</v>
      </c>
      <c r="BT36" s="260">
        <v>0</v>
      </c>
      <c r="BU36" s="261">
        <v>0</v>
      </c>
      <c r="BV36" s="261">
        <v>0</v>
      </c>
      <c r="BW36" s="261">
        <v>0</v>
      </c>
      <c r="BX36" s="261">
        <v>0</v>
      </c>
      <c r="BY36" s="261">
        <v>0</v>
      </c>
      <c r="BZ36" s="258">
        <v>0</v>
      </c>
      <c r="CA36" s="263">
        <v>0</v>
      </c>
      <c r="CB36" s="257">
        <v>0</v>
      </c>
      <c r="CC36" s="261">
        <v>0</v>
      </c>
      <c r="CD36" s="258">
        <v>0</v>
      </c>
      <c r="CE36" s="260">
        <v>0</v>
      </c>
      <c r="CF36" s="261">
        <v>0</v>
      </c>
      <c r="CG36" s="261">
        <v>0</v>
      </c>
      <c r="CH36" s="261">
        <v>0</v>
      </c>
      <c r="CI36" s="261">
        <v>0</v>
      </c>
      <c r="CJ36" s="261">
        <v>0</v>
      </c>
      <c r="CK36" s="258">
        <v>0</v>
      </c>
      <c r="CL36" s="263">
        <v>0</v>
      </c>
      <c r="CM36" s="257">
        <v>0</v>
      </c>
      <c r="CN36" s="261">
        <v>0</v>
      </c>
      <c r="CO36" s="258">
        <v>0</v>
      </c>
      <c r="CP36" s="260">
        <v>0</v>
      </c>
      <c r="CQ36" s="261">
        <v>0</v>
      </c>
      <c r="CR36" s="261">
        <v>0</v>
      </c>
      <c r="CS36" s="261">
        <v>0</v>
      </c>
      <c r="CT36" s="261">
        <v>0</v>
      </c>
      <c r="CU36" s="261">
        <v>0</v>
      </c>
      <c r="CV36" s="258">
        <v>0</v>
      </c>
      <c r="CW36" s="263">
        <v>0</v>
      </c>
      <c r="CX36" s="257">
        <v>0</v>
      </c>
      <c r="CY36" s="261">
        <v>0</v>
      </c>
      <c r="CZ36" s="258">
        <v>0</v>
      </c>
      <c r="DA36" s="260">
        <v>0</v>
      </c>
      <c r="DB36" s="261">
        <v>0</v>
      </c>
      <c r="DC36" s="261">
        <v>0</v>
      </c>
      <c r="DD36" s="261">
        <v>0</v>
      </c>
      <c r="DE36" s="261">
        <v>0</v>
      </c>
      <c r="DF36" s="261">
        <v>0</v>
      </c>
      <c r="DG36" s="258">
        <v>0</v>
      </c>
      <c r="DH36" s="263">
        <v>0</v>
      </c>
    </row>
    <row r="37" spans="2:112" ht="21" customHeight="1" x14ac:dyDescent="0.2">
      <c r="B37" s="472" t="s">
        <v>35</v>
      </c>
      <c r="C37" s="257">
        <v>0</v>
      </c>
      <c r="D37" s="258">
        <v>0</v>
      </c>
      <c r="E37" s="259">
        <v>0</v>
      </c>
      <c r="F37" s="260">
        <v>0</v>
      </c>
      <c r="G37" s="261">
        <v>68</v>
      </c>
      <c r="H37" s="261">
        <v>25</v>
      </c>
      <c r="I37" s="261">
        <v>12</v>
      </c>
      <c r="J37" s="261">
        <v>0</v>
      </c>
      <c r="K37" s="261">
        <v>0</v>
      </c>
      <c r="L37" s="262">
        <v>105</v>
      </c>
      <c r="M37" s="263">
        <v>105</v>
      </c>
      <c r="N37" s="257">
        <v>0</v>
      </c>
      <c r="O37" s="261">
        <v>0</v>
      </c>
      <c r="P37" s="258">
        <v>0</v>
      </c>
      <c r="Q37" s="260">
        <v>0</v>
      </c>
      <c r="R37" s="261">
        <v>0</v>
      </c>
      <c r="S37" s="261">
        <v>0</v>
      </c>
      <c r="T37" s="261">
        <v>0</v>
      </c>
      <c r="U37" s="261">
        <v>0</v>
      </c>
      <c r="V37" s="261">
        <v>0</v>
      </c>
      <c r="W37" s="258">
        <v>0</v>
      </c>
      <c r="X37" s="263">
        <v>0</v>
      </c>
      <c r="Y37" s="257">
        <v>0</v>
      </c>
      <c r="Z37" s="261">
        <v>13</v>
      </c>
      <c r="AA37" s="258">
        <v>13</v>
      </c>
      <c r="AB37" s="260">
        <v>0</v>
      </c>
      <c r="AC37" s="261">
        <v>17</v>
      </c>
      <c r="AD37" s="261">
        <v>27</v>
      </c>
      <c r="AE37" s="261">
        <v>9</v>
      </c>
      <c r="AF37" s="261">
        <v>31</v>
      </c>
      <c r="AG37" s="261">
        <v>2</v>
      </c>
      <c r="AH37" s="258">
        <v>86</v>
      </c>
      <c r="AI37" s="263">
        <v>99</v>
      </c>
      <c r="AJ37" s="257">
        <v>12</v>
      </c>
      <c r="AK37" s="261">
        <v>12</v>
      </c>
      <c r="AL37" s="258">
        <v>24</v>
      </c>
      <c r="AM37" s="260">
        <v>0</v>
      </c>
      <c r="AN37" s="261">
        <v>30</v>
      </c>
      <c r="AO37" s="261">
        <v>0</v>
      </c>
      <c r="AP37" s="261">
        <v>0</v>
      </c>
      <c r="AQ37" s="261">
        <v>22</v>
      </c>
      <c r="AR37" s="261">
        <v>0</v>
      </c>
      <c r="AS37" s="258">
        <v>52</v>
      </c>
      <c r="AT37" s="263">
        <v>76</v>
      </c>
      <c r="AU37" s="257">
        <v>0</v>
      </c>
      <c r="AV37" s="261">
        <v>0</v>
      </c>
      <c r="AW37" s="258">
        <v>0</v>
      </c>
      <c r="AX37" s="260">
        <v>0</v>
      </c>
      <c r="AY37" s="261">
        <v>19</v>
      </c>
      <c r="AZ37" s="261">
        <v>15</v>
      </c>
      <c r="BA37" s="261">
        <v>4</v>
      </c>
      <c r="BB37" s="261">
        <v>8</v>
      </c>
      <c r="BC37" s="261">
        <v>6</v>
      </c>
      <c r="BD37" s="262">
        <v>52</v>
      </c>
      <c r="BE37" s="263">
        <v>52</v>
      </c>
      <c r="BF37" s="257">
        <v>0</v>
      </c>
      <c r="BG37" s="261">
        <v>0</v>
      </c>
      <c r="BH37" s="258">
        <v>0</v>
      </c>
      <c r="BI37" s="260">
        <v>0</v>
      </c>
      <c r="BJ37" s="261">
        <v>16</v>
      </c>
      <c r="BK37" s="261">
        <v>12</v>
      </c>
      <c r="BL37" s="261">
        <v>0</v>
      </c>
      <c r="BM37" s="261">
        <v>11</v>
      </c>
      <c r="BN37" s="261">
        <v>0</v>
      </c>
      <c r="BO37" s="258">
        <v>39</v>
      </c>
      <c r="BP37" s="263">
        <v>39</v>
      </c>
      <c r="BQ37" s="257">
        <v>0</v>
      </c>
      <c r="BR37" s="261">
        <v>0</v>
      </c>
      <c r="BS37" s="258">
        <v>0</v>
      </c>
      <c r="BT37" s="260">
        <v>0</v>
      </c>
      <c r="BU37" s="261">
        <v>0</v>
      </c>
      <c r="BV37" s="261">
        <v>0</v>
      </c>
      <c r="BW37" s="261">
        <v>0</v>
      </c>
      <c r="BX37" s="261">
        <v>0</v>
      </c>
      <c r="BY37" s="261">
        <v>10</v>
      </c>
      <c r="BZ37" s="258">
        <v>10</v>
      </c>
      <c r="CA37" s="263">
        <v>10</v>
      </c>
      <c r="CB37" s="257">
        <v>0</v>
      </c>
      <c r="CC37" s="261">
        <v>0</v>
      </c>
      <c r="CD37" s="258">
        <v>0</v>
      </c>
      <c r="CE37" s="260">
        <v>0</v>
      </c>
      <c r="CF37" s="261">
        <v>0</v>
      </c>
      <c r="CG37" s="261">
        <v>0</v>
      </c>
      <c r="CH37" s="261">
        <v>0</v>
      </c>
      <c r="CI37" s="261">
        <v>0</v>
      </c>
      <c r="CJ37" s="261">
        <v>0</v>
      </c>
      <c r="CK37" s="258">
        <v>0</v>
      </c>
      <c r="CL37" s="263">
        <v>0</v>
      </c>
      <c r="CM37" s="257">
        <v>0</v>
      </c>
      <c r="CN37" s="261">
        <v>0</v>
      </c>
      <c r="CO37" s="258">
        <v>0</v>
      </c>
      <c r="CP37" s="260">
        <v>0</v>
      </c>
      <c r="CQ37" s="261">
        <v>0</v>
      </c>
      <c r="CR37" s="261">
        <v>0</v>
      </c>
      <c r="CS37" s="261">
        <v>0</v>
      </c>
      <c r="CT37" s="261">
        <v>0</v>
      </c>
      <c r="CU37" s="261">
        <v>0</v>
      </c>
      <c r="CV37" s="258">
        <v>0</v>
      </c>
      <c r="CW37" s="263">
        <v>0</v>
      </c>
      <c r="CX37" s="257">
        <v>0</v>
      </c>
      <c r="CY37" s="261">
        <v>0</v>
      </c>
      <c r="CZ37" s="258">
        <v>0</v>
      </c>
      <c r="DA37" s="260">
        <v>0</v>
      </c>
      <c r="DB37" s="261">
        <v>0</v>
      </c>
      <c r="DC37" s="261">
        <v>0</v>
      </c>
      <c r="DD37" s="261">
        <v>0</v>
      </c>
      <c r="DE37" s="261">
        <v>0</v>
      </c>
      <c r="DF37" s="261">
        <v>0</v>
      </c>
      <c r="DG37" s="258">
        <v>0</v>
      </c>
      <c r="DH37" s="263">
        <v>0</v>
      </c>
    </row>
    <row r="38" spans="2:112" ht="21" customHeight="1" x14ac:dyDescent="0.2">
      <c r="B38" s="472" t="s">
        <v>36</v>
      </c>
      <c r="C38" s="257">
        <v>0</v>
      </c>
      <c r="D38" s="258">
        <v>0</v>
      </c>
      <c r="E38" s="259">
        <v>0</v>
      </c>
      <c r="F38" s="260">
        <v>0</v>
      </c>
      <c r="G38" s="261">
        <v>24</v>
      </c>
      <c r="H38" s="261">
        <v>7</v>
      </c>
      <c r="I38" s="261">
        <v>0</v>
      </c>
      <c r="J38" s="261">
        <v>93</v>
      </c>
      <c r="K38" s="261">
        <v>124</v>
      </c>
      <c r="L38" s="262">
        <v>248</v>
      </c>
      <c r="M38" s="263">
        <v>248</v>
      </c>
      <c r="N38" s="257">
        <v>0</v>
      </c>
      <c r="O38" s="261">
        <v>0</v>
      </c>
      <c r="P38" s="258">
        <v>0</v>
      </c>
      <c r="Q38" s="260">
        <v>0</v>
      </c>
      <c r="R38" s="261">
        <v>0</v>
      </c>
      <c r="S38" s="261">
        <v>0</v>
      </c>
      <c r="T38" s="261">
        <v>0</v>
      </c>
      <c r="U38" s="261">
        <v>0</v>
      </c>
      <c r="V38" s="261">
        <v>0</v>
      </c>
      <c r="W38" s="258">
        <v>0</v>
      </c>
      <c r="X38" s="263">
        <v>0</v>
      </c>
      <c r="Y38" s="257">
        <v>5</v>
      </c>
      <c r="Z38" s="261">
        <v>12</v>
      </c>
      <c r="AA38" s="258">
        <v>17</v>
      </c>
      <c r="AB38" s="260">
        <v>0</v>
      </c>
      <c r="AC38" s="261">
        <v>15</v>
      </c>
      <c r="AD38" s="261">
        <v>1</v>
      </c>
      <c r="AE38" s="261">
        <v>0</v>
      </c>
      <c r="AF38" s="261">
        <v>1</v>
      </c>
      <c r="AG38" s="261">
        <v>9</v>
      </c>
      <c r="AH38" s="258">
        <v>26</v>
      </c>
      <c r="AI38" s="263">
        <v>43</v>
      </c>
      <c r="AJ38" s="257">
        <v>0</v>
      </c>
      <c r="AK38" s="261">
        <v>0</v>
      </c>
      <c r="AL38" s="258">
        <v>0</v>
      </c>
      <c r="AM38" s="260">
        <v>0</v>
      </c>
      <c r="AN38" s="261">
        <v>16</v>
      </c>
      <c r="AO38" s="261">
        <v>0</v>
      </c>
      <c r="AP38" s="261">
        <v>0</v>
      </c>
      <c r="AQ38" s="261">
        <v>0</v>
      </c>
      <c r="AR38" s="261">
        <v>0</v>
      </c>
      <c r="AS38" s="258">
        <v>16</v>
      </c>
      <c r="AT38" s="263">
        <v>16</v>
      </c>
      <c r="AU38" s="257">
        <v>0</v>
      </c>
      <c r="AV38" s="261">
        <v>0</v>
      </c>
      <c r="AW38" s="258">
        <v>0</v>
      </c>
      <c r="AX38" s="260">
        <v>0</v>
      </c>
      <c r="AY38" s="261">
        <v>4</v>
      </c>
      <c r="AZ38" s="261">
        <v>41</v>
      </c>
      <c r="BA38" s="261">
        <v>0</v>
      </c>
      <c r="BB38" s="261">
        <v>12</v>
      </c>
      <c r="BC38" s="261">
        <v>0</v>
      </c>
      <c r="BD38" s="262">
        <v>57</v>
      </c>
      <c r="BE38" s="263">
        <v>57</v>
      </c>
      <c r="BF38" s="257">
        <v>0</v>
      </c>
      <c r="BG38" s="261">
        <v>0</v>
      </c>
      <c r="BH38" s="258">
        <v>0</v>
      </c>
      <c r="BI38" s="260">
        <v>0</v>
      </c>
      <c r="BJ38" s="261">
        <v>3</v>
      </c>
      <c r="BK38" s="261">
        <v>0</v>
      </c>
      <c r="BL38" s="261">
        <v>0</v>
      </c>
      <c r="BM38" s="261">
        <v>0</v>
      </c>
      <c r="BN38" s="261">
        <v>0</v>
      </c>
      <c r="BO38" s="258">
        <v>3</v>
      </c>
      <c r="BP38" s="263">
        <v>3</v>
      </c>
      <c r="BQ38" s="257">
        <v>0</v>
      </c>
      <c r="BR38" s="261">
        <v>0</v>
      </c>
      <c r="BS38" s="258">
        <v>0</v>
      </c>
      <c r="BT38" s="260">
        <v>0</v>
      </c>
      <c r="BU38" s="261">
        <v>0</v>
      </c>
      <c r="BV38" s="261">
        <v>25</v>
      </c>
      <c r="BW38" s="261">
        <v>0</v>
      </c>
      <c r="BX38" s="261">
        <v>9</v>
      </c>
      <c r="BY38" s="261">
        <v>0</v>
      </c>
      <c r="BZ38" s="258">
        <v>34</v>
      </c>
      <c r="CA38" s="263">
        <v>34</v>
      </c>
      <c r="CB38" s="257">
        <v>0</v>
      </c>
      <c r="CC38" s="261">
        <v>0</v>
      </c>
      <c r="CD38" s="258">
        <v>0</v>
      </c>
      <c r="CE38" s="260">
        <v>0</v>
      </c>
      <c r="CF38" s="261">
        <v>0</v>
      </c>
      <c r="CG38" s="261">
        <v>0</v>
      </c>
      <c r="CH38" s="261">
        <v>0</v>
      </c>
      <c r="CI38" s="261">
        <v>0</v>
      </c>
      <c r="CJ38" s="261">
        <v>0</v>
      </c>
      <c r="CK38" s="258">
        <v>0</v>
      </c>
      <c r="CL38" s="263">
        <v>0</v>
      </c>
      <c r="CM38" s="257">
        <v>0</v>
      </c>
      <c r="CN38" s="261">
        <v>0</v>
      </c>
      <c r="CO38" s="258">
        <v>0</v>
      </c>
      <c r="CP38" s="260">
        <v>0</v>
      </c>
      <c r="CQ38" s="261">
        <v>0</v>
      </c>
      <c r="CR38" s="261">
        <v>0</v>
      </c>
      <c r="CS38" s="261">
        <v>0</v>
      </c>
      <c r="CT38" s="261">
        <v>0</v>
      </c>
      <c r="CU38" s="261">
        <v>0</v>
      </c>
      <c r="CV38" s="258">
        <v>0</v>
      </c>
      <c r="CW38" s="263">
        <v>0</v>
      </c>
      <c r="CX38" s="257">
        <v>0</v>
      </c>
      <c r="CY38" s="261">
        <v>0</v>
      </c>
      <c r="CZ38" s="258">
        <v>0</v>
      </c>
      <c r="DA38" s="260">
        <v>0</v>
      </c>
      <c r="DB38" s="261">
        <v>0</v>
      </c>
      <c r="DC38" s="261">
        <v>0</v>
      </c>
      <c r="DD38" s="261">
        <v>0</v>
      </c>
      <c r="DE38" s="261">
        <v>0</v>
      </c>
      <c r="DF38" s="261">
        <v>0</v>
      </c>
      <c r="DG38" s="258">
        <v>0</v>
      </c>
      <c r="DH38" s="263">
        <v>0</v>
      </c>
    </row>
    <row r="39" spans="2:112" ht="21" customHeight="1" thickBot="1" x14ac:dyDescent="0.25">
      <c r="B39" s="473" t="s">
        <v>37</v>
      </c>
      <c r="C39" s="264">
        <v>0</v>
      </c>
      <c r="D39" s="265">
        <v>0</v>
      </c>
      <c r="E39" s="266">
        <v>0</v>
      </c>
      <c r="F39" s="267">
        <v>0</v>
      </c>
      <c r="G39" s="268">
        <v>0</v>
      </c>
      <c r="H39" s="268">
        <v>0</v>
      </c>
      <c r="I39" s="268">
        <v>0</v>
      </c>
      <c r="J39" s="268">
        <v>0</v>
      </c>
      <c r="K39" s="268">
        <v>23</v>
      </c>
      <c r="L39" s="269">
        <v>23</v>
      </c>
      <c r="M39" s="270">
        <v>23</v>
      </c>
      <c r="N39" s="264">
        <v>0</v>
      </c>
      <c r="O39" s="268">
        <v>0</v>
      </c>
      <c r="P39" s="265">
        <v>0</v>
      </c>
      <c r="Q39" s="267">
        <v>0</v>
      </c>
      <c r="R39" s="268">
        <v>0</v>
      </c>
      <c r="S39" s="268">
        <v>0</v>
      </c>
      <c r="T39" s="268">
        <v>0</v>
      </c>
      <c r="U39" s="268">
        <v>0</v>
      </c>
      <c r="V39" s="268">
        <v>0</v>
      </c>
      <c r="W39" s="265">
        <v>0</v>
      </c>
      <c r="X39" s="270">
        <v>0</v>
      </c>
      <c r="Y39" s="264">
        <v>0</v>
      </c>
      <c r="Z39" s="268">
        <v>0</v>
      </c>
      <c r="AA39" s="265">
        <v>0</v>
      </c>
      <c r="AB39" s="267">
        <v>0</v>
      </c>
      <c r="AC39" s="268">
        <v>0</v>
      </c>
      <c r="AD39" s="268">
        <v>0</v>
      </c>
      <c r="AE39" s="268">
        <v>0</v>
      </c>
      <c r="AF39" s="268">
        <v>6</v>
      </c>
      <c r="AG39" s="268">
        <v>5</v>
      </c>
      <c r="AH39" s="265">
        <v>11</v>
      </c>
      <c r="AI39" s="270">
        <v>11</v>
      </c>
      <c r="AJ39" s="264">
        <v>0</v>
      </c>
      <c r="AK39" s="268">
        <v>0</v>
      </c>
      <c r="AL39" s="265">
        <v>0</v>
      </c>
      <c r="AM39" s="267">
        <v>0</v>
      </c>
      <c r="AN39" s="268">
        <v>0</v>
      </c>
      <c r="AO39" s="268">
        <v>0</v>
      </c>
      <c r="AP39" s="268">
        <v>0</v>
      </c>
      <c r="AQ39" s="268">
        <v>0</v>
      </c>
      <c r="AR39" s="268">
        <v>0</v>
      </c>
      <c r="AS39" s="265">
        <v>0</v>
      </c>
      <c r="AT39" s="270">
        <v>0</v>
      </c>
      <c r="AU39" s="264">
        <v>0</v>
      </c>
      <c r="AV39" s="268">
        <v>0</v>
      </c>
      <c r="AW39" s="265">
        <v>0</v>
      </c>
      <c r="AX39" s="267">
        <v>0</v>
      </c>
      <c r="AY39" s="268">
        <v>0</v>
      </c>
      <c r="AZ39" s="268">
        <v>0</v>
      </c>
      <c r="BA39" s="268">
        <v>0</v>
      </c>
      <c r="BB39" s="268">
        <v>0</v>
      </c>
      <c r="BC39" s="268">
        <v>0</v>
      </c>
      <c r="BD39" s="269">
        <v>0</v>
      </c>
      <c r="BE39" s="270">
        <v>0</v>
      </c>
      <c r="BF39" s="264">
        <v>0</v>
      </c>
      <c r="BG39" s="268">
        <v>0</v>
      </c>
      <c r="BH39" s="265">
        <v>0</v>
      </c>
      <c r="BI39" s="267">
        <v>0</v>
      </c>
      <c r="BJ39" s="268">
        <v>0</v>
      </c>
      <c r="BK39" s="268">
        <v>0</v>
      </c>
      <c r="BL39" s="268">
        <v>0</v>
      </c>
      <c r="BM39" s="268">
        <v>0</v>
      </c>
      <c r="BN39" s="268">
        <v>0</v>
      </c>
      <c r="BO39" s="265">
        <v>0</v>
      </c>
      <c r="BP39" s="270">
        <v>0</v>
      </c>
      <c r="BQ39" s="264">
        <v>0</v>
      </c>
      <c r="BR39" s="268">
        <v>0</v>
      </c>
      <c r="BS39" s="265">
        <v>0</v>
      </c>
      <c r="BT39" s="267">
        <v>0</v>
      </c>
      <c r="BU39" s="268">
        <v>0</v>
      </c>
      <c r="BV39" s="268">
        <v>0</v>
      </c>
      <c r="BW39" s="268">
        <v>0</v>
      </c>
      <c r="BX39" s="268">
        <v>0</v>
      </c>
      <c r="BY39" s="268">
        <v>0</v>
      </c>
      <c r="BZ39" s="265">
        <v>0</v>
      </c>
      <c r="CA39" s="270">
        <v>0</v>
      </c>
      <c r="CB39" s="264">
        <v>0</v>
      </c>
      <c r="CC39" s="268">
        <v>0</v>
      </c>
      <c r="CD39" s="265">
        <v>0</v>
      </c>
      <c r="CE39" s="267">
        <v>0</v>
      </c>
      <c r="CF39" s="268">
        <v>0</v>
      </c>
      <c r="CG39" s="268">
        <v>0</v>
      </c>
      <c r="CH39" s="268">
        <v>0</v>
      </c>
      <c r="CI39" s="268">
        <v>0</v>
      </c>
      <c r="CJ39" s="268">
        <v>5</v>
      </c>
      <c r="CK39" s="265">
        <v>5</v>
      </c>
      <c r="CL39" s="270">
        <v>5</v>
      </c>
      <c r="CM39" s="264">
        <v>0</v>
      </c>
      <c r="CN39" s="268">
        <v>0</v>
      </c>
      <c r="CO39" s="265">
        <v>0</v>
      </c>
      <c r="CP39" s="267">
        <v>0</v>
      </c>
      <c r="CQ39" s="268">
        <v>0</v>
      </c>
      <c r="CR39" s="268">
        <v>0</v>
      </c>
      <c r="CS39" s="268">
        <v>0</v>
      </c>
      <c r="CT39" s="268">
        <v>0</v>
      </c>
      <c r="CU39" s="268">
        <v>0</v>
      </c>
      <c r="CV39" s="265">
        <v>0</v>
      </c>
      <c r="CW39" s="270">
        <v>0</v>
      </c>
      <c r="CX39" s="264">
        <v>0</v>
      </c>
      <c r="CY39" s="268">
        <v>0</v>
      </c>
      <c r="CZ39" s="265">
        <v>0</v>
      </c>
      <c r="DA39" s="267">
        <v>0</v>
      </c>
      <c r="DB39" s="268">
        <v>0</v>
      </c>
      <c r="DC39" s="268">
        <v>0</v>
      </c>
      <c r="DD39" s="268">
        <v>0</v>
      </c>
      <c r="DE39" s="268">
        <v>0</v>
      </c>
      <c r="DF39" s="268">
        <v>0</v>
      </c>
      <c r="DG39" s="265">
        <v>0</v>
      </c>
      <c r="DH39" s="270">
        <v>0</v>
      </c>
    </row>
    <row r="40" spans="2:112" ht="27" customHeight="1" x14ac:dyDescent="0.2"/>
  </sheetData>
  <mergeCells count="43">
    <mergeCell ref="CX3:DH3"/>
    <mergeCell ref="CX4:CZ4"/>
    <mergeCell ref="DA4:DG4"/>
    <mergeCell ref="DH4:DH5"/>
    <mergeCell ref="CB3:CL3"/>
    <mergeCell ref="CM3:CW3"/>
    <mergeCell ref="CB4:CD4"/>
    <mergeCell ref="CE4:CK4"/>
    <mergeCell ref="CL4:CL5"/>
    <mergeCell ref="CM4:CO4"/>
    <mergeCell ref="CP4:CV4"/>
    <mergeCell ref="CW4:CW5"/>
    <mergeCell ref="J1:K1"/>
    <mergeCell ref="M1:N1"/>
    <mergeCell ref="B3:B5"/>
    <mergeCell ref="C3:M3"/>
    <mergeCell ref="N3:X3"/>
    <mergeCell ref="Y3:AI3"/>
    <mergeCell ref="C4:E4"/>
    <mergeCell ref="F4:L4"/>
    <mergeCell ref="M4:M5"/>
    <mergeCell ref="N4:P4"/>
    <mergeCell ref="Q4:W4"/>
    <mergeCell ref="X4:X5"/>
    <mergeCell ref="Y4:AA4"/>
    <mergeCell ref="AB4:AH4"/>
    <mergeCell ref="AI4:AI5"/>
    <mergeCell ref="AJ4:AL4"/>
    <mergeCell ref="AJ3:AT3"/>
    <mergeCell ref="AU3:BE3"/>
    <mergeCell ref="BF3:BP3"/>
    <mergeCell ref="BQ3:CA3"/>
    <mergeCell ref="AM4:AS4"/>
    <mergeCell ref="AT4:AT5"/>
    <mergeCell ref="AU4:AW4"/>
    <mergeCell ref="AX4:BD4"/>
    <mergeCell ref="BE4:BE5"/>
    <mergeCell ref="BF4:BH4"/>
    <mergeCell ref="BI4:BO4"/>
    <mergeCell ref="BP4:BP5"/>
    <mergeCell ref="BQ4:BS4"/>
    <mergeCell ref="BT4:BZ4"/>
    <mergeCell ref="CA4:CA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2">
    <tabColor theme="6"/>
    <pageSetUpPr fitToPage="1"/>
  </sheetPr>
  <dimension ref="A1:AI39"/>
  <sheetViews>
    <sheetView zoomScaleNormal="100" zoomScaleSheetLayoutView="75" workbookViewId="0">
      <pane xSplit="2" ySplit="5" topLeftCell="C6"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39" customWidth="1"/>
    <col min="2" max="2" width="9.77734375" style="1" customWidth="1"/>
    <col min="3" max="5" width="7.77734375" style="3" customWidth="1"/>
    <col min="6" max="6" width="9.109375" style="3" customWidth="1"/>
    <col min="7" max="7" width="9.44140625" style="3" customWidth="1"/>
    <col min="8" max="26" width="7.77734375" style="3" customWidth="1"/>
    <col min="27" max="35" width="7.77734375" style="1" customWidth="1"/>
    <col min="36" max="16384" width="9" style="1"/>
  </cols>
  <sheetData>
    <row r="1" spans="2:35" ht="24" customHeight="1" x14ac:dyDescent="0.2">
      <c r="B1" s="15" t="s">
        <v>127</v>
      </c>
      <c r="F1" s="17"/>
      <c r="H1" s="500">
        <f>第１表!F2</f>
        <v>5</v>
      </c>
      <c r="I1" s="500"/>
      <c r="J1" s="477">
        <f>第１表!G2</f>
        <v>12</v>
      </c>
      <c r="K1" s="531">
        <f>IF(J1&lt;3,J1-2+12,J1-2)</f>
        <v>10</v>
      </c>
      <c r="L1" s="531"/>
    </row>
    <row r="2" spans="2:35" ht="24" customHeight="1" thickBot="1" x14ac:dyDescent="0.25">
      <c r="J2" s="5"/>
      <c r="K2" s="5"/>
      <c r="L2" s="5"/>
      <c r="M2" s="5"/>
      <c r="N2" s="5"/>
      <c r="O2" s="5"/>
      <c r="P2" s="25"/>
      <c r="Q2" s="25"/>
      <c r="R2" s="25"/>
    </row>
    <row r="3" spans="2:35" ht="21" customHeight="1" thickBot="1" x14ac:dyDescent="0.25">
      <c r="B3" s="21"/>
      <c r="C3" s="532" t="s">
        <v>53</v>
      </c>
      <c r="D3" s="533"/>
      <c r="E3" s="533"/>
      <c r="F3" s="533"/>
      <c r="G3" s="533"/>
      <c r="H3" s="533"/>
      <c r="I3" s="533"/>
      <c r="J3" s="533"/>
      <c r="K3" s="533"/>
      <c r="L3" s="533"/>
      <c r="M3" s="534"/>
      <c r="N3" s="532" t="s">
        <v>54</v>
      </c>
      <c r="O3" s="533"/>
      <c r="P3" s="533"/>
      <c r="Q3" s="533"/>
      <c r="R3" s="533"/>
      <c r="S3" s="533"/>
      <c r="T3" s="533"/>
      <c r="U3" s="533"/>
      <c r="V3" s="533"/>
      <c r="W3" s="533"/>
      <c r="X3" s="534"/>
      <c r="Y3" s="532" t="s">
        <v>55</v>
      </c>
      <c r="Z3" s="533"/>
      <c r="AA3" s="533"/>
      <c r="AB3" s="533"/>
      <c r="AC3" s="533"/>
      <c r="AD3" s="533"/>
      <c r="AE3" s="533"/>
      <c r="AF3" s="533"/>
      <c r="AG3" s="533"/>
      <c r="AH3" s="533"/>
      <c r="AI3" s="534"/>
    </row>
    <row r="4" spans="2:35" ht="30" customHeight="1" thickBot="1" x14ac:dyDescent="0.25">
      <c r="B4" s="21" t="s">
        <v>42</v>
      </c>
      <c r="C4" s="22" t="s">
        <v>43</v>
      </c>
      <c r="D4" s="6" t="s">
        <v>44</v>
      </c>
      <c r="E4" s="23" t="s">
        <v>45</v>
      </c>
      <c r="F4" s="24" t="s">
        <v>46</v>
      </c>
      <c r="G4" s="6" t="s">
        <v>47</v>
      </c>
      <c r="H4" s="6" t="s">
        <v>48</v>
      </c>
      <c r="I4" s="6" t="s">
        <v>49</v>
      </c>
      <c r="J4" s="6" t="s">
        <v>50</v>
      </c>
      <c r="K4" s="6" t="s">
        <v>51</v>
      </c>
      <c r="L4" s="23" t="s">
        <v>45</v>
      </c>
      <c r="M4" s="11" t="s">
        <v>52</v>
      </c>
      <c r="N4" s="22" t="s">
        <v>43</v>
      </c>
      <c r="O4" s="6" t="s">
        <v>44</v>
      </c>
      <c r="P4" s="23" t="s">
        <v>45</v>
      </c>
      <c r="Q4" s="24" t="s">
        <v>46</v>
      </c>
      <c r="R4" s="6" t="s">
        <v>47</v>
      </c>
      <c r="S4" s="6" t="s">
        <v>48</v>
      </c>
      <c r="T4" s="6" t="s">
        <v>49</v>
      </c>
      <c r="U4" s="6" t="s">
        <v>50</v>
      </c>
      <c r="V4" s="6" t="s">
        <v>51</v>
      </c>
      <c r="W4" s="23" t="s">
        <v>45</v>
      </c>
      <c r="X4" s="11" t="s">
        <v>52</v>
      </c>
      <c r="Y4" s="22" t="s">
        <v>43</v>
      </c>
      <c r="Z4" s="6" t="s">
        <v>44</v>
      </c>
      <c r="AA4" s="23" t="s">
        <v>45</v>
      </c>
      <c r="AB4" s="24" t="s">
        <v>46</v>
      </c>
      <c r="AC4" s="6" t="s">
        <v>47</v>
      </c>
      <c r="AD4" s="6" t="s">
        <v>48</v>
      </c>
      <c r="AE4" s="6" t="s">
        <v>49</v>
      </c>
      <c r="AF4" s="6" t="s">
        <v>50</v>
      </c>
      <c r="AG4" s="6" t="s">
        <v>51</v>
      </c>
      <c r="AH4" s="23" t="s">
        <v>45</v>
      </c>
      <c r="AI4" s="11" t="s">
        <v>52</v>
      </c>
    </row>
    <row r="5" spans="2:35" ht="21" customHeight="1" x14ac:dyDescent="0.2">
      <c r="B5" s="470" t="s">
        <v>4</v>
      </c>
      <c r="C5" s="81">
        <v>178</v>
      </c>
      <c r="D5" s="82">
        <v>331</v>
      </c>
      <c r="E5" s="83">
        <v>509</v>
      </c>
      <c r="F5" s="84">
        <v>0</v>
      </c>
      <c r="G5" s="82">
        <v>18901</v>
      </c>
      <c r="H5" s="82">
        <v>19388</v>
      </c>
      <c r="I5" s="82">
        <v>12987</v>
      </c>
      <c r="J5" s="82">
        <v>8163</v>
      </c>
      <c r="K5" s="82">
        <v>5168</v>
      </c>
      <c r="L5" s="83">
        <v>64607</v>
      </c>
      <c r="M5" s="85">
        <v>65116</v>
      </c>
      <c r="N5" s="86">
        <v>0</v>
      </c>
      <c r="O5" s="82">
        <v>2</v>
      </c>
      <c r="P5" s="83">
        <v>2</v>
      </c>
      <c r="Q5" s="84">
        <v>0</v>
      </c>
      <c r="R5" s="82">
        <v>207</v>
      </c>
      <c r="S5" s="82">
        <v>365</v>
      </c>
      <c r="T5" s="82">
        <v>233</v>
      </c>
      <c r="U5" s="82">
        <v>161</v>
      </c>
      <c r="V5" s="82">
        <v>170</v>
      </c>
      <c r="W5" s="83">
        <v>1136</v>
      </c>
      <c r="X5" s="85">
        <v>1138</v>
      </c>
      <c r="Y5" s="86">
        <v>178</v>
      </c>
      <c r="Z5" s="82">
        <v>333</v>
      </c>
      <c r="AA5" s="83">
        <v>511</v>
      </c>
      <c r="AB5" s="84">
        <v>0</v>
      </c>
      <c r="AC5" s="82">
        <v>19108</v>
      </c>
      <c r="AD5" s="82">
        <v>19753</v>
      </c>
      <c r="AE5" s="82">
        <v>13220</v>
      </c>
      <c r="AF5" s="82">
        <v>8324</v>
      </c>
      <c r="AG5" s="82">
        <v>5338</v>
      </c>
      <c r="AH5" s="83">
        <v>65743</v>
      </c>
      <c r="AI5" s="85">
        <v>66254</v>
      </c>
    </row>
    <row r="6" spans="2:35" ht="21" customHeight="1" x14ac:dyDescent="0.2">
      <c r="B6" s="471" t="s">
        <v>5</v>
      </c>
      <c r="C6" s="87">
        <v>78</v>
      </c>
      <c r="D6" s="88">
        <v>128</v>
      </c>
      <c r="E6" s="89">
        <v>206</v>
      </c>
      <c r="F6" s="90">
        <v>0</v>
      </c>
      <c r="G6" s="88">
        <v>7119</v>
      </c>
      <c r="H6" s="88">
        <v>9196</v>
      </c>
      <c r="I6" s="88">
        <v>5781</v>
      </c>
      <c r="J6" s="88">
        <v>3625</v>
      </c>
      <c r="K6" s="88">
        <v>2400</v>
      </c>
      <c r="L6" s="89">
        <v>28121</v>
      </c>
      <c r="M6" s="91">
        <v>28327</v>
      </c>
      <c r="N6" s="92">
        <v>0</v>
      </c>
      <c r="O6" s="88">
        <v>0</v>
      </c>
      <c r="P6" s="89">
        <v>0</v>
      </c>
      <c r="Q6" s="90">
        <v>0</v>
      </c>
      <c r="R6" s="88">
        <v>66</v>
      </c>
      <c r="S6" s="88">
        <v>175</v>
      </c>
      <c r="T6" s="88">
        <v>123</v>
      </c>
      <c r="U6" s="88">
        <v>81</v>
      </c>
      <c r="V6" s="88">
        <v>80</v>
      </c>
      <c r="W6" s="89">
        <v>525</v>
      </c>
      <c r="X6" s="91">
        <v>525</v>
      </c>
      <c r="Y6" s="92">
        <v>78</v>
      </c>
      <c r="Z6" s="88">
        <v>128</v>
      </c>
      <c r="AA6" s="89">
        <v>206</v>
      </c>
      <c r="AB6" s="90">
        <v>0</v>
      </c>
      <c r="AC6" s="88">
        <v>7185</v>
      </c>
      <c r="AD6" s="88">
        <v>9371</v>
      </c>
      <c r="AE6" s="88">
        <v>5904</v>
      </c>
      <c r="AF6" s="88">
        <v>3706</v>
      </c>
      <c r="AG6" s="88">
        <v>2480</v>
      </c>
      <c r="AH6" s="89">
        <v>28646</v>
      </c>
      <c r="AI6" s="91">
        <v>28852</v>
      </c>
    </row>
    <row r="7" spans="2:35" ht="21" customHeight="1" x14ac:dyDescent="0.2">
      <c r="B7" s="472" t="s">
        <v>6</v>
      </c>
      <c r="C7" s="87">
        <v>24</v>
      </c>
      <c r="D7" s="88">
        <v>38</v>
      </c>
      <c r="E7" s="89">
        <v>62</v>
      </c>
      <c r="F7" s="90">
        <v>0</v>
      </c>
      <c r="G7" s="88">
        <v>2914</v>
      </c>
      <c r="H7" s="88">
        <v>2614</v>
      </c>
      <c r="I7" s="88">
        <v>1922</v>
      </c>
      <c r="J7" s="88">
        <v>1346</v>
      </c>
      <c r="K7" s="88">
        <v>923</v>
      </c>
      <c r="L7" s="89">
        <v>9719</v>
      </c>
      <c r="M7" s="91">
        <v>9781</v>
      </c>
      <c r="N7" s="92">
        <v>0</v>
      </c>
      <c r="O7" s="88">
        <v>0</v>
      </c>
      <c r="P7" s="89">
        <v>0</v>
      </c>
      <c r="Q7" s="90">
        <v>0</v>
      </c>
      <c r="R7" s="88">
        <v>26</v>
      </c>
      <c r="S7" s="88">
        <v>32</v>
      </c>
      <c r="T7" s="88">
        <v>24</v>
      </c>
      <c r="U7" s="88">
        <v>23</v>
      </c>
      <c r="V7" s="88">
        <v>34</v>
      </c>
      <c r="W7" s="89">
        <v>139</v>
      </c>
      <c r="X7" s="91">
        <v>139</v>
      </c>
      <c r="Y7" s="92">
        <v>24</v>
      </c>
      <c r="Z7" s="88">
        <v>38</v>
      </c>
      <c r="AA7" s="89">
        <v>62</v>
      </c>
      <c r="AB7" s="90">
        <v>0</v>
      </c>
      <c r="AC7" s="88">
        <v>2940</v>
      </c>
      <c r="AD7" s="88">
        <v>2646</v>
      </c>
      <c r="AE7" s="88">
        <v>1946</v>
      </c>
      <c r="AF7" s="88">
        <v>1369</v>
      </c>
      <c r="AG7" s="88">
        <v>957</v>
      </c>
      <c r="AH7" s="89">
        <v>9858</v>
      </c>
      <c r="AI7" s="91">
        <v>9920</v>
      </c>
    </row>
    <row r="8" spans="2:35" ht="21" customHeight="1" x14ac:dyDescent="0.2">
      <c r="B8" s="472" t="s">
        <v>14</v>
      </c>
      <c r="C8" s="87">
        <v>21</v>
      </c>
      <c r="D8" s="88">
        <v>37</v>
      </c>
      <c r="E8" s="89">
        <v>58</v>
      </c>
      <c r="F8" s="90">
        <v>0</v>
      </c>
      <c r="G8" s="88">
        <v>1454</v>
      </c>
      <c r="H8" s="88">
        <v>1638</v>
      </c>
      <c r="I8" s="88">
        <v>1125</v>
      </c>
      <c r="J8" s="88">
        <v>662</v>
      </c>
      <c r="K8" s="88">
        <v>364</v>
      </c>
      <c r="L8" s="89">
        <v>5243</v>
      </c>
      <c r="M8" s="91">
        <v>5301</v>
      </c>
      <c r="N8" s="92">
        <v>0</v>
      </c>
      <c r="O8" s="88">
        <v>0</v>
      </c>
      <c r="P8" s="89">
        <v>0</v>
      </c>
      <c r="Q8" s="90">
        <v>0</v>
      </c>
      <c r="R8" s="88">
        <v>15</v>
      </c>
      <c r="S8" s="88">
        <v>31</v>
      </c>
      <c r="T8" s="88">
        <v>14</v>
      </c>
      <c r="U8" s="88">
        <v>9</v>
      </c>
      <c r="V8" s="88">
        <v>10</v>
      </c>
      <c r="W8" s="89">
        <v>79</v>
      </c>
      <c r="X8" s="91">
        <v>79</v>
      </c>
      <c r="Y8" s="92">
        <v>21</v>
      </c>
      <c r="Z8" s="88">
        <v>37</v>
      </c>
      <c r="AA8" s="89">
        <v>58</v>
      </c>
      <c r="AB8" s="90">
        <v>0</v>
      </c>
      <c r="AC8" s="88">
        <v>1469</v>
      </c>
      <c r="AD8" s="88">
        <v>1669</v>
      </c>
      <c r="AE8" s="88">
        <v>1139</v>
      </c>
      <c r="AF8" s="88">
        <v>671</v>
      </c>
      <c r="AG8" s="88">
        <v>374</v>
      </c>
      <c r="AH8" s="89">
        <v>5322</v>
      </c>
      <c r="AI8" s="91">
        <v>5380</v>
      </c>
    </row>
    <row r="9" spans="2:35" ht="21" customHeight="1" x14ac:dyDescent="0.2">
      <c r="B9" s="472" t="s">
        <v>7</v>
      </c>
      <c r="C9" s="87">
        <v>2</v>
      </c>
      <c r="D9" s="88">
        <v>5</v>
      </c>
      <c r="E9" s="89">
        <v>7</v>
      </c>
      <c r="F9" s="90">
        <v>0</v>
      </c>
      <c r="G9" s="88">
        <v>1386</v>
      </c>
      <c r="H9" s="88">
        <v>950</v>
      </c>
      <c r="I9" s="88">
        <v>571</v>
      </c>
      <c r="J9" s="88">
        <v>313</v>
      </c>
      <c r="K9" s="88">
        <v>173</v>
      </c>
      <c r="L9" s="89">
        <v>3393</v>
      </c>
      <c r="M9" s="91">
        <v>3400</v>
      </c>
      <c r="N9" s="92">
        <v>0</v>
      </c>
      <c r="O9" s="88">
        <v>0</v>
      </c>
      <c r="P9" s="89">
        <v>0</v>
      </c>
      <c r="Q9" s="90">
        <v>0</v>
      </c>
      <c r="R9" s="88">
        <v>17</v>
      </c>
      <c r="S9" s="88">
        <v>23</v>
      </c>
      <c r="T9" s="88">
        <v>11</v>
      </c>
      <c r="U9" s="88">
        <v>6</v>
      </c>
      <c r="V9" s="88">
        <v>8</v>
      </c>
      <c r="W9" s="89">
        <v>65</v>
      </c>
      <c r="X9" s="91">
        <v>65</v>
      </c>
      <c r="Y9" s="92">
        <v>2</v>
      </c>
      <c r="Z9" s="88">
        <v>5</v>
      </c>
      <c r="AA9" s="89">
        <v>7</v>
      </c>
      <c r="AB9" s="90">
        <v>0</v>
      </c>
      <c r="AC9" s="88">
        <v>1403</v>
      </c>
      <c r="AD9" s="88">
        <v>973</v>
      </c>
      <c r="AE9" s="88">
        <v>582</v>
      </c>
      <c r="AF9" s="88">
        <v>319</v>
      </c>
      <c r="AG9" s="88">
        <v>181</v>
      </c>
      <c r="AH9" s="89">
        <v>3458</v>
      </c>
      <c r="AI9" s="91">
        <v>3465</v>
      </c>
    </row>
    <row r="10" spans="2:35" ht="21" customHeight="1" x14ac:dyDescent="0.2">
      <c r="B10" s="472" t="s">
        <v>8</v>
      </c>
      <c r="C10" s="87">
        <v>9</v>
      </c>
      <c r="D10" s="88">
        <v>14</v>
      </c>
      <c r="E10" s="89">
        <v>23</v>
      </c>
      <c r="F10" s="90">
        <v>0</v>
      </c>
      <c r="G10" s="88">
        <v>750</v>
      </c>
      <c r="H10" s="88">
        <v>644</v>
      </c>
      <c r="I10" s="88">
        <v>381</v>
      </c>
      <c r="J10" s="88">
        <v>252</v>
      </c>
      <c r="K10" s="88">
        <v>134</v>
      </c>
      <c r="L10" s="89">
        <v>2161</v>
      </c>
      <c r="M10" s="91">
        <v>2184</v>
      </c>
      <c r="N10" s="92">
        <v>0</v>
      </c>
      <c r="O10" s="88">
        <v>0</v>
      </c>
      <c r="P10" s="89">
        <v>0</v>
      </c>
      <c r="Q10" s="90">
        <v>0</v>
      </c>
      <c r="R10" s="88">
        <v>15</v>
      </c>
      <c r="S10" s="88">
        <v>25</v>
      </c>
      <c r="T10" s="88">
        <v>7</v>
      </c>
      <c r="U10" s="88">
        <v>5</v>
      </c>
      <c r="V10" s="88">
        <v>3</v>
      </c>
      <c r="W10" s="89">
        <v>55</v>
      </c>
      <c r="X10" s="91">
        <v>55</v>
      </c>
      <c r="Y10" s="92">
        <v>9</v>
      </c>
      <c r="Z10" s="88">
        <v>14</v>
      </c>
      <c r="AA10" s="89">
        <v>23</v>
      </c>
      <c r="AB10" s="90">
        <v>0</v>
      </c>
      <c r="AC10" s="88">
        <v>765</v>
      </c>
      <c r="AD10" s="88">
        <v>669</v>
      </c>
      <c r="AE10" s="88">
        <v>388</v>
      </c>
      <c r="AF10" s="88">
        <v>257</v>
      </c>
      <c r="AG10" s="88">
        <v>137</v>
      </c>
      <c r="AH10" s="89">
        <v>2216</v>
      </c>
      <c r="AI10" s="91">
        <v>2239</v>
      </c>
    </row>
    <row r="11" spans="2:35" ht="21" customHeight="1" x14ac:dyDescent="0.2">
      <c r="B11" s="472" t="s">
        <v>9</v>
      </c>
      <c r="C11" s="87">
        <v>6</v>
      </c>
      <c r="D11" s="88">
        <v>9</v>
      </c>
      <c r="E11" s="89">
        <v>15</v>
      </c>
      <c r="F11" s="90">
        <v>0</v>
      </c>
      <c r="G11" s="88">
        <v>535</v>
      </c>
      <c r="H11" s="88">
        <v>352</v>
      </c>
      <c r="I11" s="88">
        <v>286</v>
      </c>
      <c r="J11" s="88">
        <v>196</v>
      </c>
      <c r="K11" s="88">
        <v>93</v>
      </c>
      <c r="L11" s="89">
        <v>1462</v>
      </c>
      <c r="M11" s="91">
        <v>1477</v>
      </c>
      <c r="N11" s="92">
        <v>0</v>
      </c>
      <c r="O11" s="88">
        <v>0</v>
      </c>
      <c r="P11" s="89">
        <v>0</v>
      </c>
      <c r="Q11" s="90">
        <v>0</v>
      </c>
      <c r="R11" s="88">
        <v>11</v>
      </c>
      <c r="S11" s="88">
        <v>13</v>
      </c>
      <c r="T11" s="88">
        <v>6</v>
      </c>
      <c r="U11" s="88">
        <v>5</v>
      </c>
      <c r="V11" s="88">
        <v>2</v>
      </c>
      <c r="W11" s="89">
        <v>37</v>
      </c>
      <c r="X11" s="91">
        <v>37</v>
      </c>
      <c r="Y11" s="92">
        <v>6</v>
      </c>
      <c r="Z11" s="88">
        <v>9</v>
      </c>
      <c r="AA11" s="89">
        <v>15</v>
      </c>
      <c r="AB11" s="90">
        <v>0</v>
      </c>
      <c r="AC11" s="88">
        <v>546</v>
      </c>
      <c r="AD11" s="88">
        <v>365</v>
      </c>
      <c r="AE11" s="88">
        <v>292</v>
      </c>
      <c r="AF11" s="88">
        <v>201</v>
      </c>
      <c r="AG11" s="88">
        <v>95</v>
      </c>
      <c r="AH11" s="89">
        <v>1499</v>
      </c>
      <c r="AI11" s="91">
        <v>1514</v>
      </c>
    </row>
    <row r="12" spans="2:35" ht="21" customHeight="1" x14ac:dyDescent="0.2">
      <c r="B12" s="472" t="s">
        <v>10</v>
      </c>
      <c r="C12" s="87">
        <v>12</v>
      </c>
      <c r="D12" s="88">
        <v>20</v>
      </c>
      <c r="E12" s="89">
        <v>32</v>
      </c>
      <c r="F12" s="90">
        <v>0</v>
      </c>
      <c r="G12" s="88">
        <v>799</v>
      </c>
      <c r="H12" s="88">
        <v>543</v>
      </c>
      <c r="I12" s="88">
        <v>414</v>
      </c>
      <c r="J12" s="88">
        <v>329</v>
      </c>
      <c r="K12" s="88">
        <v>257</v>
      </c>
      <c r="L12" s="89">
        <v>2342</v>
      </c>
      <c r="M12" s="91">
        <v>2374</v>
      </c>
      <c r="N12" s="92">
        <v>0</v>
      </c>
      <c r="O12" s="88">
        <v>1</v>
      </c>
      <c r="P12" s="89">
        <v>1</v>
      </c>
      <c r="Q12" s="90">
        <v>0</v>
      </c>
      <c r="R12" s="88">
        <v>15</v>
      </c>
      <c r="S12" s="88">
        <v>6</v>
      </c>
      <c r="T12" s="88">
        <v>5</v>
      </c>
      <c r="U12" s="88">
        <v>6</v>
      </c>
      <c r="V12" s="88">
        <v>6</v>
      </c>
      <c r="W12" s="89">
        <v>38</v>
      </c>
      <c r="X12" s="91">
        <v>39</v>
      </c>
      <c r="Y12" s="92">
        <v>12</v>
      </c>
      <c r="Z12" s="88">
        <v>21</v>
      </c>
      <c r="AA12" s="89">
        <v>33</v>
      </c>
      <c r="AB12" s="90">
        <v>0</v>
      </c>
      <c r="AC12" s="88">
        <v>814</v>
      </c>
      <c r="AD12" s="88">
        <v>549</v>
      </c>
      <c r="AE12" s="88">
        <v>419</v>
      </c>
      <c r="AF12" s="88">
        <v>335</v>
      </c>
      <c r="AG12" s="88">
        <v>263</v>
      </c>
      <c r="AH12" s="89">
        <v>2380</v>
      </c>
      <c r="AI12" s="91">
        <v>2413</v>
      </c>
    </row>
    <row r="13" spans="2:35" ht="21" customHeight="1" x14ac:dyDescent="0.2">
      <c r="B13" s="472" t="s">
        <v>11</v>
      </c>
      <c r="C13" s="87">
        <v>1</v>
      </c>
      <c r="D13" s="88">
        <v>6</v>
      </c>
      <c r="E13" s="89">
        <v>7</v>
      </c>
      <c r="F13" s="90">
        <v>0</v>
      </c>
      <c r="G13" s="88">
        <v>626</v>
      </c>
      <c r="H13" s="88">
        <v>399</v>
      </c>
      <c r="I13" s="88">
        <v>289</v>
      </c>
      <c r="J13" s="88">
        <v>155</v>
      </c>
      <c r="K13" s="88">
        <v>67</v>
      </c>
      <c r="L13" s="89">
        <v>1536</v>
      </c>
      <c r="M13" s="91">
        <v>1543</v>
      </c>
      <c r="N13" s="92">
        <v>0</v>
      </c>
      <c r="O13" s="88">
        <v>0</v>
      </c>
      <c r="P13" s="89">
        <v>0</v>
      </c>
      <c r="Q13" s="90">
        <v>0</v>
      </c>
      <c r="R13" s="88">
        <v>10</v>
      </c>
      <c r="S13" s="88">
        <v>5</v>
      </c>
      <c r="T13" s="88">
        <v>4</v>
      </c>
      <c r="U13" s="88">
        <v>4</v>
      </c>
      <c r="V13" s="88">
        <v>1</v>
      </c>
      <c r="W13" s="89">
        <v>24</v>
      </c>
      <c r="X13" s="91">
        <v>24</v>
      </c>
      <c r="Y13" s="92">
        <v>1</v>
      </c>
      <c r="Z13" s="88">
        <v>6</v>
      </c>
      <c r="AA13" s="89">
        <v>7</v>
      </c>
      <c r="AB13" s="90">
        <v>0</v>
      </c>
      <c r="AC13" s="88">
        <v>636</v>
      </c>
      <c r="AD13" s="88">
        <v>404</v>
      </c>
      <c r="AE13" s="88">
        <v>293</v>
      </c>
      <c r="AF13" s="88">
        <v>159</v>
      </c>
      <c r="AG13" s="88">
        <v>68</v>
      </c>
      <c r="AH13" s="89">
        <v>1560</v>
      </c>
      <c r="AI13" s="91">
        <v>1567</v>
      </c>
    </row>
    <row r="14" spans="2:35" ht="21" customHeight="1" x14ac:dyDescent="0.2">
      <c r="B14" s="472" t="s">
        <v>12</v>
      </c>
      <c r="C14" s="87">
        <v>0</v>
      </c>
      <c r="D14" s="88">
        <v>1</v>
      </c>
      <c r="E14" s="89">
        <v>1</v>
      </c>
      <c r="F14" s="90">
        <v>0</v>
      </c>
      <c r="G14" s="88">
        <v>447</v>
      </c>
      <c r="H14" s="88">
        <v>371</v>
      </c>
      <c r="I14" s="88">
        <v>279</v>
      </c>
      <c r="J14" s="88">
        <v>173</v>
      </c>
      <c r="K14" s="88">
        <v>122</v>
      </c>
      <c r="L14" s="89">
        <v>1392</v>
      </c>
      <c r="M14" s="91">
        <v>1393</v>
      </c>
      <c r="N14" s="92">
        <v>0</v>
      </c>
      <c r="O14" s="88">
        <v>0</v>
      </c>
      <c r="P14" s="89">
        <v>0</v>
      </c>
      <c r="Q14" s="90">
        <v>0</v>
      </c>
      <c r="R14" s="88">
        <v>4</v>
      </c>
      <c r="S14" s="88">
        <v>4</v>
      </c>
      <c r="T14" s="88">
        <v>2</v>
      </c>
      <c r="U14" s="88">
        <v>1</v>
      </c>
      <c r="V14" s="88">
        <v>4</v>
      </c>
      <c r="W14" s="89">
        <v>15</v>
      </c>
      <c r="X14" s="91">
        <v>15</v>
      </c>
      <c r="Y14" s="92">
        <v>0</v>
      </c>
      <c r="Z14" s="88">
        <v>1</v>
      </c>
      <c r="AA14" s="89">
        <v>1</v>
      </c>
      <c r="AB14" s="90">
        <v>0</v>
      </c>
      <c r="AC14" s="88">
        <v>451</v>
      </c>
      <c r="AD14" s="88">
        <v>375</v>
      </c>
      <c r="AE14" s="88">
        <v>281</v>
      </c>
      <c r="AF14" s="88">
        <v>174</v>
      </c>
      <c r="AG14" s="88">
        <v>126</v>
      </c>
      <c r="AH14" s="89">
        <v>1407</v>
      </c>
      <c r="AI14" s="91">
        <v>1408</v>
      </c>
    </row>
    <row r="15" spans="2:35" ht="21" customHeight="1" x14ac:dyDescent="0.2">
      <c r="B15" s="472" t="s">
        <v>13</v>
      </c>
      <c r="C15" s="87">
        <v>3</v>
      </c>
      <c r="D15" s="88">
        <v>4</v>
      </c>
      <c r="E15" s="89">
        <v>7</v>
      </c>
      <c r="F15" s="90">
        <v>0</v>
      </c>
      <c r="G15" s="88">
        <v>181</v>
      </c>
      <c r="H15" s="88">
        <v>181</v>
      </c>
      <c r="I15" s="88">
        <v>114</v>
      </c>
      <c r="J15" s="88">
        <v>63</v>
      </c>
      <c r="K15" s="88">
        <v>32</v>
      </c>
      <c r="L15" s="89">
        <v>571</v>
      </c>
      <c r="M15" s="91">
        <v>578</v>
      </c>
      <c r="N15" s="92">
        <v>0</v>
      </c>
      <c r="O15" s="88">
        <v>0</v>
      </c>
      <c r="P15" s="89">
        <v>0</v>
      </c>
      <c r="Q15" s="90">
        <v>0</v>
      </c>
      <c r="R15" s="88">
        <v>1</v>
      </c>
      <c r="S15" s="88">
        <v>3</v>
      </c>
      <c r="T15" s="88">
        <v>3</v>
      </c>
      <c r="U15" s="88">
        <v>0</v>
      </c>
      <c r="V15" s="88">
        <v>0</v>
      </c>
      <c r="W15" s="89">
        <v>7</v>
      </c>
      <c r="X15" s="91">
        <v>7</v>
      </c>
      <c r="Y15" s="92">
        <v>3</v>
      </c>
      <c r="Z15" s="88">
        <v>4</v>
      </c>
      <c r="AA15" s="89">
        <v>7</v>
      </c>
      <c r="AB15" s="90">
        <v>0</v>
      </c>
      <c r="AC15" s="88">
        <v>182</v>
      </c>
      <c r="AD15" s="88">
        <v>184</v>
      </c>
      <c r="AE15" s="88">
        <v>117</v>
      </c>
      <c r="AF15" s="88">
        <v>63</v>
      </c>
      <c r="AG15" s="88">
        <v>32</v>
      </c>
      <c r="AH15" s="89">
        <v>578</v>
      </c>
      <c r="AI15" s="91">
        <v>585</v>
      </c>
    </row>
    <row r="16" spans="2:35" ht="21" customHeight="1" x14ac:dyDescent="0.2">
      <c r="B16" s="472" t="s">
        <v>15</v>
      </c>
      <c r="C16" s="87">
        <v>3</v>
      </c>
      <c r="D16" s="88">
        <v>16</v>
      </c>
      <c r="E16" s="89">
        <v>19</v>
      </c>
      <c r="F16" s="90">
        <v>0</v>
      </c>
      <c r="G16" s="88">
        <v>226</v>
      </c>
      <c r="H16" s="88">
        <v>240</v>
      </c>
      <c r="I16" s="88">
        <v>148</v>
      </c>
      <c r="J16" s="88">
        <v>80</v>
      </c>
      <c r="K16" s="88">
        <v>49</v>
      </c>
      <c r="L16" s="89">
        <v>743</v>
      </c>
      <c r="M16" s="91">
        <v>762</v>
      </c>
      <c r="N16" s="92">
        <v>0</v>
      </c>
      <c r="O16" s="88">
        <v>1</v>
      </c>
      <c r="P16" s="89">
        <v>1</v>
      </c>
      <c r="Q16" s="90">
        <v>0</v>
      </c>
      <c r="R16" s="88">
        <v>3</v>
      </c>
      <c r="S16" s="88">
        <v>3</v>
      </c>
      <c r="T16" s="88">
        <v>1</v>
      </c>
      <c r="U16" s="88">
        <v>2</v>
      </c>
      <c r="V16" s="88">
        <v>2</v>
      </c>
      <c r="W16" s="89">
        <v>11</v>
      </c>
      <c r="X16" s="91">
        <v>12</v>
      </c>
      <c r="Y16" s="92">
        <v>3</v>
      </c>
      <c r="Z16" s="88">
        <v>17</v>
      </c>
      <c r="AA16" s="89">
        <v>20</v>
      </c>
      <c r="AB16" s="90">
        <v>0</v>
      </c>
      <c r="AC16" s="88">
        <v>229</v>
      </c>
      <c r="AD16" s="88">
        <v>243</v>
      </c>
      <c r="AE16" s="88">
        <v>149</v>
      </c>
      <c r="AF16" s="88">
        <v>82</v>
      </c>
      <c r="AG16" s="88">
        <v>51</v>
      </c>
      <c r="AH16" s="89">
        <v>754</v>
      </c>
      <c r="AI16" s="91">
        <v>774</v>
      </c>
    </row>
    <row r="17" spans="2:35" ht="21" customHeight="1" x14ac:dyDescent="0.2">
      <c r="B17" s="472" t="s">
        <v>16</v>
      </c>
      <c r="C17" s="87">
        <v>3</v>
      </c>
      <c r="D17" s="88">
        <v>3</v>
      </c>
      <c r="E17" s="89">
        <v>6</v>
      </c>
      <c r="F17" s="90">
        <v>0</v>
      </c>
      <c r="G17" s="88">
        <v>199</v>
      </c>
      <c r="H17" s="88">
        <v>267</v>
      </c>
      <c r="I17" s="88">
        <v>186</v>
      </c>
      <c r="J17" s="88">
        <v>113</v>
      </c>
      <c r="K17" s="88">
        <v>83</v>
      </c>
      <c r="L17" s="89">
        <v>848</v>
      </c>
      <c r="M17" s="91">
        <v>854</v>
      </c>
      <c r="N17" s="92">
        <v>0</v>
      </c>
      <c r="O17" s="88">
        <v>0</v>
      </c>
      <c r="P17" s="89">
        <v>0</v>
      </c>
      <c r="Q17" s="90">
        <v>0</v>
      </c>
      <c r="R17" s="88">
        <v>3</v>
      </c>
      <c r="S17" s="88">
        <v>3</v>
      </c>
      <c r="T17" s="88">
        <v>6</v>
      </c>
      <c r="U17" s="88">
        <v>4</v>
      </c>
      <c r="V17" s="88">
        <v>1</v>
      </c>
      <c r="W17" s="89">
        <v>17</v>
      </c>
      <c r="X17" s="91">
        <v>17</v>
      </c>
      <c r="Y17" s="92">
        <v>3</v>
      </c>
      <c r="Z17" s="88">
        <v>3</v>
      </c>
      <c r="AA17" s="89">
        <v>6</v>
      </c>
      <c r="AB17" s="90">
        <v>0</v>
      </c>
      <c r="AC17" s="88">
        <v>202</v>
      </c>
      <c r="AD17" s="88">
        <v>270</v>
      </c>
      <c r="AE17" s="88">
        <v>192</v>
      </c>
      <c r="AF17" s="88">
        <v>117</v>
      </c>
      <c r="AG17" s="88">
        <v>84</v>
      </c>
      <c r="AH17" s="89">
        <v>865</v>
      </c>
      <c r="AI17" s="91">
        <v>871</v>
      </c>
    </row>
    <row r="18" spans="2:35" ht="21" customHeight="1" x14ac:dyDescent="0.2">
      <c r="B18" s="472" t="s">
        <v>17</v>
      </c>
      <c r="C18" s="87">
        <v>1</v>
      </c>
      <c r="D18" s="88">
        <v>6</v>
      </c>
      <c r="E18" s="89">
        <v>7</v>
      </c>
      <c r="F18" s="90">
        <v>0</v>
      </c>
      <c r="G18" s="88">
        <v>321</v>
      </c>
      <c r="H18" s="88">
        <v>418</v>
      </c>
      <c r="I18" s="88">
        <v>295</v>
      </c>
      <c r="J18" s="88">
        <v>202</v>
      </c>
      <c r="K18" s="88">
        <v>116</v>
      </c>
      <c r="L18" s="89">
        <v>1352</v>
      </c>
      <c r="M18" s="91">
        <v>1359</v>
      </c>
      <c r="N18" s="92">
        <v>0</v>
      </c>
      <c r="O18" s="88">
        <v>0</v>
      </c>
      <c r="P18" s="89">
        <v>0</v>
      </c>
      <c r="Q18" s="90">
        <v>0</v>
      </c>
      <c r="R18" s="88">
        <v>4</v>
      </c>
      <c r="S18" s="88">
        <v>16</v>
      </c>
      <c r="T18" s="88">
        <v>11</v>
      </c>
      <c r="U18" s="88">
        <v>6</v>
      </c>
      <c r="V18" s="88">
        <v>5</v>
      </c>
      <c r="W18" s="89">
        <v>42</v>
      </c>
      <c r="X18" s="91">
        <v>42</v>
      </c>
      <c r="Y18" s="92">
        <v>1</v>
      </c>
      <c r="Z18" s="88">
        <v>6</v>
      </c>
      <c r="AA18" s="89">
        <v>7</v>
      </c>
      <c r="AB18" s="90">
        <v>0</v>
      </c>
      <c r="AC18" s="88">
        <v>325</v>
      </c>
      <c r="AD18" s="88">
        <v>434</v>
      </c>
      <c r="AE18" s="88">
        <v>306</v>
      </c>
      <c r="AF18" s="88">
        <v>208</v>
      </c>
      <c r="AG18" s="88">
        <v>121</v>
      </c>
      <c r="AH18" s="89">
        <v>1394</v>
      </c>
      <c r="AI18" s="91">
        <v>1401</v>
      </c>
    </row>
    <row r="19" spans="2:35" ht="21" customHeight="1" x14ac:dyDescent="0.2">
      <c r="B19" s="472" t="s">
        <v>18</v>
      </c>
      <c r="C19" s="87">
        <v>4</v>
      </c>
      <c r="D19" s="88">
        <v>16</v>
      </c>
      <c r="E19" s="89">
        <v>20</v>
      </c>
      <c r="F19" s="90">
        <v>0</v>
      </c>
      <c r="G19" s="88">
        <v>413</v>
      </c>
      <c r="H19" s="88">
        <v>340</v>
      </c>
      <c r="I19" s="88">
        <v>284</v>
      </c>
      <c r="J19" s="88">
        <v>162</v>
      </c>
      <c r="K19" s="88">
        <v>82</v>
      </c>
      <c r="L19" s="89">
        <v>1281</v>
      </c>
      <c r="M19" s="91">
        <v>1301</v>
      </c>
      <c r="N19" s="92">
        <v>0</v>
      </c>
      <c r="O19" s="88">
        <v>0</v>
      </c>
      <c r="P19" s="89">
        <v>0</v>
      </c>
      <c r="Q19" s="90">
        <v>0</v>
      </c>
      <c r="R19" s="88">
        <v>3</v>
      </c>
      <c r="S19" s="88">
        <v>7</v>
      </c>
      <c r="T19" s="88">
        <v>0</v>
      </c>
      <c r="U19" s="88">
        <v>4</v>
      </c>
      <c r="V19" s="88">
        <v>6</v>
      </c>
      <c r="W19" s="89">
        <v>20</v>
      </c>
      <c r="X19" s="91">
        <v>20</v>
      </c>
      <c r="Y19" s="92">
        <v>4</v>
      </c>
      <c r="Z19" s="88">
        <v>16</v>
      </c>
      <c r="AA19" s="89">
        <v>20</v>
      </c>
      <c r="AB19" s="90">
        <v>0</v>
      </c>
      <c r="AC19" s="88">
        <v>416</v>
      </c>
      <c r="AD19" s="88">
        <v>347</v>
      </c>
      <c r="AE19" s="88">
        <v>284</v>
      </c>
      <c r="AF19" s="88">
        <v>166</v>
      </c>
      <c r="AG19" s="88">
        <v>88</v>
      </c>
      <c r="AH19" s="89">
        <v>1301</v>
      </c>
      <c r="AI19" s="91">
        <v>1321</v>
      </c>
    </row>
    <row r="20" spans="2:35" ht="21" customHeight="1" x14ac:dyDescent="0.2">
      <c r="B20" s="472" t="s">
        <v>19</v>
      </c>
      <c r="C20" s="87">
        <v>0</v>
      </c>
      <c r="D20" s="88">
        <v>3</v>
      </c>
      <c r="E20" s="89">
        <v>3</v>
      </c>
      <c r="F20" s="90">
        <v>0</v>
      </c>
      <c r="G20" s="88">
        <v>191</v>
      </c>
      <c r="H20" s="88">
        <v>192</v>
      </c>
      <c r="I20" s="88">
        <v>137</v>
      </c>
      <c r="J20" s="88">
        <v>69</v>
      </c>
      <c r="K20" s="88">
        <v>58</v>
      </c>
      <c r="L20" s="89">
        <v>647</v>
      </c>
      <c r="M20" s="91">
        <v>650</v>
      </c>
      <c r="N20" s="92">
        <v>0</v>
      </c>
      <c r="O20" s="88">
        <v>0</v>
      </c>
      <c r="P20" s="89">
        <v>0</v>
      </c>
      <c r="Q20" s="90">
        <v>0</v>
      </c>
      <c r="R20" s="88">
        <v>0</v>
      </c>
      <c r="S20" s="88">
        <v>1</v>
      </c>
      <c r="T20" s="88">
        <v>3</v>
      </c>
      <c r="U20" s="88">
        <v>2</v>
      </c>
      <c r="V20" s="88">
        <v>1</v>
      </c>
      <c r="W20" s="89">
        <v>7</v>
      </c>
      <c r="X20" s="91">
        <v>7</v>
      </c>
      <c r="Y20" s="92">
        <v>0</v>
      </c>
      <c r="Z20" s="88">
        <v>3</v>
      </c>
      <c r="AA20" s="89">
        <v>3</v>
      </c>
      <c r="AB20" s="90">
        <v>0</v>
      </c>
      <c r="AC20" s="88">
        <v>191</v>
      </c>
      <c r="AD20" s="88">
        <v>193</v>
      </c>
      <c r="AE20" s="88">
        <v>140</v>
      </c>
      <c r="AF20" s="88">
        <v>71</v>
      </c>
      <c r="AG20" s="88">
        <v>59</v>
      </c>
      <c r="AH20" s="89">
        <v>654</v>
      </c>
      <c r="AI20" s="91">
        <v>657</v>
      </c>
    </row>
    <row r="21" spans="2:35" ht="21" customHeight="1" x14ac:dyDescent="0.2">
      <c r="B21" s="472" t="s">
        <v>20</v>
      </c>
      <c r="C21" s="87">
        <v>0</v>
      </c>
      <c r="D21" s="88">
        <v>1</v>
      </c>
      <c r="E21" s="89">
        <v>1</v>
      </c>
      <c r="F21" s="90">
        <v>0</v>
      </c>
      <c r="G21" s="88">
        <v>202</v>
      </c>
      <c r="H21" s="88">
        <v>135</v>
      </c>
      <c r="I21" s="88">
        <v>102</v>
      </c>
      <c r="J21" s="88">
        <v>37</v>
      </c>
      <c r="K21" s="88">
        <v>27</v>
      </c>
      <c r="L21" s="89">
        <v>503</v>
      </c>
      <c r="M21" s="91">
        <v>504</v>
      </c>
      <c r="N21" s="92">
        <v>0</v>
      </c>
      <c r="O21" s="88">
        <v>0</v>
      </c>
      <c r="P21" s="89">
        <v>0</v>
      </c>
      <c r="Q21" s="90">
        <v>0</v>
      </c>
      <c r="R21" s="88">
        <v>5</v>
      </c>
      <c r="S21" s="88">
        <v>3</v>
      </c>
      <c r="T21" s="88">
        <v>2</v>
      </c>
      <c r="U21" s="88">
        <v>0</v>
      </c>
      <c r="V21" s="88">
        <v>1</v>
      </c>
      <c r="W21" s="89">
        <v>11</v>
      </c>
      <c r="X21" s="91">
        <v>11</v>
      </c>
      <c r="Y21" s="92">
        <v>0</v>
      </c>
      <c r="Z21" s="88">
        <v>1</v>
      </c>
      <c r="AA21" s="89">
        <v>1</v>
      </c>
      <c r="AB21" s="90">
        <v>0</v>
      </c>
      <c r="AC21" s="88">
        <v>207</v>
      </c>
      <c r="AD21" s="88">
        <v>138</v>
      </c>
      <c r="AE21" s="88">
        <v>104</v>
      </c>
      <c r="AF21" s="88">
        <v>37</v>
      </c>
      <c r="AG21" s="88">
        <v>28</v>
      </c>
      <c r="AH21" s="89">
        <v>514</v>
      </c>
      <c r="AI21" s="91">
        <v>515</v>
      </c>
    </row>
    <row r="22" spans="2:35" ht="21" customHeight="1" x14ac:dyDescent="0.2">
      <c r="B22" s="472" t="s">
        <v>21</v>
      </c>
      <c r="C22" s="87">
        <v>0</v>
      </c>
      <c r="D22" s="88">
        <v>0</v>
      </c>
      <c r="E22" s="89">
        <v>0</v>
      </c>
      <c r="F22" s="90">
        <v>0</v>
      </c>
      <c r="G22" s="88">
        <v>229</v>
      </c>
      <c r="H22" s="88">
        <v>235</v>
      </c>
      <c r="I22" s="88">
        <v>136</v>
      </c>
      <c r="J22" s="88">
        <v>65</v>
      </c>
      <c r="K22" s="88">
        <v>34</v>
      </c>
      <c r="L22" s="89">
        <v>699</v>
      </c>
      <c r="M22" s="91">
        <v>699</v>
      </c>
      <c r="N22" s="92">
        <v>0</v>
      </c>
      <c r="O22" s="88">
        <v>0</v>
      </c>
      <c r="P22" s="89">
        <v>0</v>
      </c>
      <c r="Q22" s="90">
        <v>0</v>
      </c>
      <c r="R22" s="88">
        <v>2</v>
      </c>
      <c r="S22" s="88">
        <v>6</v>
      </c>
      <c r="T22" s="88">
        <v>5</v>
      </c>
      <c r="U22" s="88">
        <v>1</v>
      </c>
      <c r="V22" s="88">
        <v>2</v>
      </c>
      <c r="W22" s="89">
        <v>16</v>
      </c>
      <c r="X22" s="91">
        <v>16</v>
      </c>
      <c r="Y22" s="92">
        <v>0</v>
      </c>
      <c r="Z22" s="88">
        <v>0</v>
      </c>
      <c r="AA22" s="89">
        <v>0</v>
      </c>
      <c r="AB22" s="90">
        <v>0</v>
      </c>
      <c r="AC22" s="88">
        <v>231</v>
      </c>
      <c r="AD22" s="88">
        <v>241</v>
      </c>
      <c r="AE22" s="88">
        <v>141</v>
      </c>
      <c r="AF22" s="88">
        <v>66</v>
      </c>
      <c r="AG22" s="88">
        <v>36</v>
      </c>
      <c r="AH22" s="89">
        <v>715</v>
      </c>
      <c r="AI22" s="91">
        <v>715</v>
      </c>
    </row>
    <row r="23" spans="2:35" ht="21" customHeight="1" x14ac:dyDescent="0.2">
      <c r="B23" s="472" t="s">
        <v>22</v>
      </c>
      <c r="C23" s="87">
        <v>3</v>
      </c>
      <c r="D23" s="88">
        <v>3</v>
      </c>
      <c r="E23" s="89">
        <v>6</v>
      </c>
      <c r="F23" s="90">
        <v>0</v>
      </c>
      <c r="G23" s="88">
        <v>145</v>
      </c>
      <c r="H23" s="88">
        <v>133</v>
      </c>
      <c r="I23" s="88">
        <v>89</v>
      </c>
      <c r="J23" s="88">
        <v>64</v>
      </c>
      <c r="K23" s="88">
        <v>24</v>
      </c>
      <c r="L23" s="89">
        <v>455</v>
      </c>
      <c r="M23" s="91">
        <v>461</v>
      </c>
      <c r="N23" s="92">
        <v>0</v>
      </c>
      <c r="O23" s="88">
        <v>0</v>
      </c>
      <c r="P23" s="89">
        <v>0</v>
      </c>
      <c r="Q23" s="90">
        <v>0</v>
      </c>
      <c r="R23" s="88">
        <v>2</v>
      </c>
      <c r="S23" s="88">
        <v>1</v>
      </c>
      <c r="T23" s="88">
        <v>1</v>
      </c>
      <c r="U23" s="88">
        <v>0</v>
      </c>
      <c r="V23" s="88">
        <v>0</v>
      </c>
      <c r="W23" s="89">
        <v>4</v>
      </c>
      <c r="X23" s="91">
        <v>4</v>
      </c>
      <c r="Y23" s="92">
        <v>3</v>
      </c>
      <c r="Z23" s="88">
        <v>3</v>
      </c>
      <c r="AA23" s="89">
        <v>6</v>
      </c>
      <c r="AB23" s="90">
        <v>0</v>
      </c>
      <c r="AC23" s="88">
        <v>147</v>
      </c>
      <c r="AD23" s="88">
        <v>134</v>
      </c>
      <c r="AE23" s="88">
        <v>90</v>
      </c>
      <c r="AF23" s="88">
        <v>64</v>
      </c>
      <c r="AG23" s="88">
        <v>24</v>
      </c>
      <c r="AH23" s="89">
        <v>459</v>
      </c>
      <c r="AI23" s="91">
        <v>465</v>
      </c>
    </row>
    <row r="24" spans="2:35" ht="21" customHeight="1" x14ac:dyDescent="0.2">
      <c r="B24" s="472" t="s">
        <v>23</v>
      </c>
      <c r="C24" s="87">
        <v>0</v>
      </c>
      <c r="D24" s="88">
        <v>0</v>
      </c>
      <c r="E24" s="89">
        <v>0</v>
      </c>
      <c r="F24" s="90">
        <v>0</v>
      </c>
      <c r="G24" s="88">
        <v>103</v>
      </c>
      <c r="H24" s="88">
        <v>75</v>
      </c>
      <c r="I24" s="88">
        <v>53</v>
      </c>
      <c r="J24" s="88">
        <v>35</v>
      </c>
      <c r="K24" s="88">
        <v>14</v>
      </c>
      <c r="L24" s="89">
        <v>280</v>
      </c>
      <c r="M24" s="91">
        <v>280</v>
      </c>
      <c r="N24" s="92">
        <v>0</v>
      </c>
      <c r="O24" s="88">
        <v>0</v>
      </c>
      <c r="P24" s="89">
        <v>0</v>
      </c>
      <c r="Q24" s="90">
        <v>0</v>
      </c>
      <c r="R24" s="88">
        <v>1</v>
      </c>
      <c r="S24" s="88">
        <v>2</v>
      </c>
      <c r="T24" s="88">
        <v>1</v>
      </c>
      <c r="U24" s="88">
        <v>0</v>
      </c>
      <c r="V24" s="88">
        <v>0</v>
      </c>
      <c r="W24" s="89">
        <v>4</v>
      </c>
      <c r="X24" s="91">
        <v>4</v>
      </c>
      <c r="Y24" s="92">
        <v>0</v>
      </c>
      <c r="Z24" s="88">
        <v>0</v>
      </c>
      <c r="AA24" s="89">
        <v>0</v>
      </c>
      <c r="AB24" s="90">
        <v>0</v>
      </c>
      <c r="AC24" s="88">
        <v>104</v>
      </c>
      <c r="AD24" s="88">
        <v>77</v>
      </c>
      <c r="AE24" s="88">
        <v>54</v>
      </c>
      <c r="AF24" s="88">
        <v>35</v>
      </c>
      <c r="AG24" s="88">
        <v>14</v>
      </c>
      <c r="AH24" s="89">
        <v>284</v>
      </c>
      <c r="AI24" s="91">
        <v>284</v>
      </c>
    </row>
    <row r="25" spans="2:35" ht="21" customHeight="1" x14ac:dyDescent="0.2">
      <c r="B25" s="472" t="s">
        <v>24</v>
      </c>
      <c r="C25" s="87">
        <v>0</v>
      </c>
      <c r="D25" s="88">
        <v>3</v>
      </c>
      <c r="E25" s="89">
        <v>3</v>
      </c>
      <c r="F25" s="90">
        <v>0</v>
      </c>
      <c r="G25" s="88">
        <v>52</v>
      </c>
      <c r="H25" s="88">
        <v>38</v>
      </c>
      <c r="I25" s="88">
        <v>37</v>
      </c>
      <c r="J25" s="88">
        <v>24</v>
      </c>
      <c r="K25" s="88">
        <v>10</v>
      </c>
      <c r="L25" s="89">
        <v>161</v>
      </c>
      <c r="M25" s="91">
        <v>164</v>
      </c>
      <c r="N25" s="92">
        <v>0</v>
      </c>
      <c r="O25" s="88">
        <v>0</v>
      </c>
      <c r="P25" s="89">
        <v>0</v>
      </c>
      <c r="Q25" s="90">
        <v>0</v>
      </c>
      <c r="R25" s="88">
        <v>0</v>
      </c>
      <c r="S25" s="88">
        <v>1</v>
      </c>
      <c r="T25" s="88">
        <v>0</v>
      </c>
      <c r="U25" s="88">
        <v>1</v>
      </c>
      <c r="V25" s="88">
        <v>0</v>
      </c>
      <c r="W25" s="89">
        <v>2</v>
      </c>
      <c r="X25" s="91">
        <v>2</v>
      </c>
      <c r="Y25" s="92">
        <v>0</v>
      </c>
      <c r="Z25" s="88">
        <v>3</v>
      </c>
      <c r="AA25" s="89">
        <v>3</v>
      </c>
      <c r="AB25" s="90">
        <v>0</v>
      </c>
      <c r="AC25" s="88">
        <v>52</v>
      </c>
      <c r="AD25" s="88">
        <v>39</v>
      </c>
      <c r="AE25" s="88">
        <v>37</v>
      </c>
      <c r="AF25" s="88">
        <v>25</v>
      </c>
      <c r="AG25" s="88">
        <v>10</v>
      </c>
      <c r="AH25" s="89">
        <v>163</v>
      </c>
      <c r="AI25" s="91">
        <v>166</v>
      </c>
    </row>
    <row r="26" spans="2:35" ht="21" customHeight="1" x14ac:dyDescent="0.2">
      <c r="B26" s="472" t="s">
        <v>25</v>
      </c>
      <c r="C26" s="87">
        <v>2</v>
      </c>
      <c r="D26" s="88">
        <v>1</v>
      </c>
      <c r="E26" s="89">
        <v>3</v>
      </c>
      <c r="F26" s="90">
        <v>0</v>
      </c>
      <c r="G26" s="88">
        <v>100</v>
      </c>
      <c r="H26" s="88">
        <v>47</v>
      </c>
      <c r="I26" s="88">
        <v>24</v>
      </c>
      <c r="J26" s="88">
        <v>13</v>
      </c>
      <c r="K26" s="88">
        <v>3</v>
      </c>
      <c r="L26" s="89">
        <v>187</v>
      </c>
      <c r="M26" s="91">
        <v>190</v>
      </c>
      <c r="N26" s="92">
        <v>0</v>
      </c>
      <c r="O26" s="88">
        <v>0</v>
      </c>
      <c r="P26" s="89">
        <v>0</v>
      </c>
      <c r="Q26" s="90">
        <v>0</v>
      </c>
      <c r="R26" s="88">
        <v>1</v>
      </c>
      <c r="S26" s="88">
        <v>1</v>
      </c>
      <c r="T26" s="88">
        <v>1</v>
      </c>
      <c r="U26" s="88">
        <v>0</v>
      </c>
      <c r="V26" s="88">
        <v>0</v>
      </c>
      <c r="W26" s="89">
        <v>3</v>
      </c>
      <c r="X26" s="91">
        <v>3</v>
      </c>
      <c r="Y26" s="92">
        <v>2</v>
      </c>
      <c r="Z26" s="88">
        <v>1</v>
      </c>
      <c r="AA26" s="89">
        <v>3</v>
      </c>
      <c r="AB26" s="90">
        <v>0</v>
      </c>
      <c r="AC26" s="88">
        <v>101</v>
      </c>
      <c r="AD26" s="88">
        <v>48</v>
      </c>
      <c r="AE26" s="88">
        <v>25</v>
      </c>
      <c r="AF26" s="88">
        <v>13</v>
      </c>
      <c r="AG26" s="88">
        <v>3</v>
      </c>
      <c r="AH26" s="89">
        <v>190</v>
      </c>
      <c r="AI26" s="91">
        <v>193</v>
      </c>
    </row>
    <row r="27" spans="2:35" ht="21" customHeight="1" x14ac:dyDescent="0.2">
      <c r="B27" s="472" t="s">
        <v>26</v>
      </c>
      <c r="C27" s="87">
        <v>0</v>
      </c>
      <c r="D27" s="88">
        <v>1</v>
      </c>
      <c r="E27" s="89">
        <v>1</v>
      </c>
      <c r="F27" s="90">
        <v>0</v>
      </c>
      <c r="G27" s="88">
        <v>58</v>
      </c>
      <c r="H27" s="88">
        <v>64</v>
      </c>
      <c r="I27" s="88">
        <v>55</v>
      </c>
      <c r="J27" s="88">
        <v>25</v>
      </c>
      <c r="K27" s="88">
        <v>10</v>
      </c>
      <c r="L27" s="89">
        <v>212</v>
      </c>
      <c r="M27" s="91">
        <v>213</v>
      </c>
      <c r="N27" s="92">
        <v>0</v>
      </c>
      <c r="O27" s="88">
        <v>0</v>
      </c>
      <c r="P27" s="89">
        <v>0</v>
      </c>
      <c r="Q27" s="90">
        <v>0</v>
      </c>
      <c r="R27" s="88">
        <v>0</v>
      </c>
      <c r="S27" s="88">
        <v>0</v>
      </c>
      <c r="T27" s="88">
        <v>0</v>
      </c>
      <c r="U27" s="88">
        <v>0</v>
      </c>
      <c r="V27" s="88">
        <v>1</v>
      </c>
      <c r="W27" s="89">
        <v>1</v>
      </c>
      <c r="X27" s="91">
        <v>1</v>
      </c>
      <c r="Y27" s="92">
        <v>0</v>
      </c>
      <c r="Z27" s="88">
        <v>1</v>
      </c>
      <c r="AA27" s="89">
        <v>1</v>
      </c>
      <c r="AB27" s="90">
        <v>0</v>
      </c>
      <c r="AC27" s="88">
        <v>58</v>
      </c>
      <c r="AD27" s="88">
        <v>64</v>
      </c>
      <c r="AE27" s="88">
        <v>55</v>
      </c>
      <c r="AF27" s="88">
        <v>25</v>
      </c>
      <c r="AG27" s="88">
        <v>11</v>
      </c>
      <c r="AH27" s="89">
        <v>213</v>
      </c>
      <c r="AI27" s="91">
        <v>214</v>
      </c>
    </row>
    <row r="28" spans="2:35" ht="21" customHeight="1" x14ac:dyDescent="0.2">
      <c r="B28" s="472" t="s">
        <v>27</v>
      </c>
      <c r="C28" s="87">
        <v>0</v>
      </c>
      <c r="D28" s="88">
        <v>0</v>
      </c>
      <c r="E28" s="89">
        <v>0</v>
      </c>
      <c r="F28" s="90">
        <v>0</v>
      </c>
      <c r="G28" s="88">
        <v>52</v>
      </c>
      <c r="H28" s="88">
        <v>24</v>
      </c>
      <c r="I28" s="88">
        <v>28</v>
      </c>
      <c r="J28" s="88">
        <v>22</v>
      </c>
      <c r="K28" s="88">
        <v>17</v>
      </c>
      <c r="L28" s="89">
        <v>143</v>
      </c>
      <c r="M28" s="91">
        <v>143</v>
      </c>
      <c r="N28" s="92">
        <v>0</v>
      </c>
      <c r="O28" s="88">
        <v>0</v>
      </c>
      <c r="P28" s="89">
        <v>0</v>
      </c>
      <c r="Q28" s="90">
        <v>0</v>
      </c>
      <c r="R28" s="88">
        <v>1</v>
      </c>
      <c r="S28" s="88">
        <v>0</v>
      </c>
      <c r="T28" s="88">
        <v>1</v>
      </c>
      <c r="U28" s="88">
        <v>0</v>
      </c>
      <c r="V28" s="88">
        <v>0</v>
      </c>
      <c r="W28" s="89">
        <v>2</v>
      </c>
      <c r="X28" s="91">
        <v>2</v>
      </c>
      <c r="Y28" s="92">
        <v>0</v>
      </c>
      <c r="Z28" s="88">
        <v>0</v>
      </c>
      <c r="AA28" s="89">
        <v>0</v>
      </c>
      <c r="AB28" s="90">
        <v>0</v>
      </c>
      <c r="AC28" s="88">
        <v>53</v>
      </c>
      <c r="AD28" s="88">
        <v>24</v>
      </c>
      <c r="AE28" s="88">
        <v>29</v>
      </c>
      <c r="AF28" s="88">
        <v>22</v>
      </c>
      <c r="AG28" s="88">
        <v>17</v>
      </c>
      <c r="AH28" s="89">
        <v>145</v>
      </c>
      <c r="AI28" s="91">
        <v>145</v>
      </c>
    </row>
    <row r="29" spans="2:35" ht="21" customHeight="1" x14ac:dyDescent="0.2">
      <c r="B29" s="472" t="s">
        <v>28</v>
      </c>
      <c r="C29" s="87">
        <v>0</v>
      </c>
      <c r="D29" s="88">
        <v>0</v>
      </c>
      <c r="E29" s="89">
        <v>0</v>
      </c>
      <c r="F29" s="90">
        <v>0</v>
      </c>
      <c r="G29" s="88">
        <v>25</v>
      </c>
      <c r="H29" s="88">
        <v>19</v>
      </c>
      <c r="I29" s="88">
        <v>6</v>
      </c>
      <c r="J29" s="88">
        <v>6</v>
      </c>
      <c r="K29" s="88">
        <v>2</v>
      </c>
      <c r="L29" s="89">
        <v>58</v>
      </c>
      <c r="M29" s="91">
        <v>58</v>
      </c>
      <c r="N29" s="92">
        <v>0</v>
      </c>
      <c r="O29" s="88">
        <v>0</v>
      </c>
      <c r="P29" s="89">
        <v>0</v>
      </c>
      <c r="Q29" s="90">
        <v>0</v>
      </c>
      <c r="R29" s="88">
        <v>0</v>
      </c>
      <c r="S29" s="88">
        <v>1</v>
      </c>
      <c r="T29" s="88">
        <v>0</v>
      </c>
      <c r="U29" s="88">
        <v>0</v>
      </c>
      <c r="V29" s="88">
        <v>1</v>
      </c>
      <c r="W29" s="89">
        <v>2</v>
      </c>
      <c r="X29" s="91">
        <v>2</v>
      </c>
      <c r="Y29" s="92">
        <v>0</v>
      </c>
      <c r="Z29" s="88">
        <v>0</v>
      </c>
      <c r="AA29" s="89">
        <v>0</v>
      </c>
      <c r="AB29" s="90">
        <v>0</v>
      </c>
      <c r="AC29" s="88">
        <v>25</v>
      </c>
      <c r="AD29" s="88">
        <v>20</v>
      </c>
      <c r="AE29" s="88">
        <v>6</v>
      </c>
      <c r="AF29" s="88">
        <v>6</v>
      </c>
      <c r="AG29" s="88">
        <v>3</v>
      </c>
      <c r="AH29" s="89">
        <v>60</v>
      </c>
      <c r="AI29" s="91">
        <v>60</v>
      </c>
    </row>
    <row r="30" spans="2:35" ht="21" customHeight="1" x14ac:dyDescent="0.2">
      <c r="B30" s="472" t="s">
        <v>29</v>
      </c>
      <c r="C30" s="87">
        <v>0</v>
      </c>
      <c r="D30" s="88">
        <v>2</v>
      </c>
      <c r="E30" s="89">
        <v>2</v>
      </c>
      <c r="F30" s="90">
        <v>0</v>
      </c>
      <c r="G30" s="88">
        <v>34</v>
      </c>
      <c r="H30" s="88">
        <v>25</v>
      </c>
      <c r="I30" s="88">
        <v>34</v>
      </c>
      <c r="J30" s="88">
        <v>18</v>
      </c>
      <c r="K30" s="88">
        <v>8</v>
      </c>
      <c r="L30" s="89">
        <v>119</v>
      </c>
      <c r="M30" s="91">
        <v>121</v>
      </c>
      <c r="N30" s="92">
        <v>0</v>
      </c>
      <c r="O30" s="88">
        <v>0</v>
      </c>
      <c r="P30" s="89">
        <v>0</v>
      </c>
      <c r="Q30" s="90">
        <v>0</v>
      </c>
      <c r="R30" s="88">
        <v>1</v>
      </c>
      <c r="S30" s="88">
        <v>0</v>
      </c>
      <c r="T30" s="88">
        <v>0</v>
      </c>
      <c r="U30" s="88">
        <v>0</v>
      </c>
      <c r="V30" s="88">
        <v>0</v>
      </c>
      <c r="W30" s="89">
        <v>1</v>
      </c>
      <c r="X30" s="91">
        <v>1</v>
      </c>
      <c r="Y30" s="92">
        <v>0</v>
      </c>
      <c r="Z30" s="88">
        <v>2</v>
      </c>
      <c r="AA30" s="89">
        <v>2</v>
      </c>
      <c r="AB30" s="90">
        <v>0</v>
      </c>
      <c r="AC30" s="88">
        <v>35</v>
      </c>
      <c r="AD30" s="88">
        <v>25</v>
      </c>
      <c r="AE30" s="88">
        <v>34</v>
      </c>
      <c r="AF30" s="88">
        <v>18</v>
      </c>
      <c r="AG30" s="88">
        <v>8</v>
      </c>
      <c r="AH30" s="89">
        <v>120</v>
      </c>
      <c r="AI30" s="91">
        <v>122</v>
      </c>
    </row>
    <row r="31" spans="2:35" ht="21" customHeight="1" x14ac:dyDescent="0.2">
      <c r="B31" s="472" t="s">
        <v>30</v>
      </c>
      <c r="C31" s="87">
        <v>0</v>
      </c>
      <c r="D31" s="88">
        <v>0</v>
      </c>
      <c r="E31" s="89">
        <v>0</v>
      </c>
      <c r="F31" s="90">
        <v>0</v>
      </c>
      <c r="G31" s="88">
        <v>32</v>
      </c>
      <c r="H31" s="88">
        <v>18</v>
      </c>
      <c r="I31" s="88">
        <v>15</v>
      </c>
      <c r="J31" s="88">
        <v>10</v>
      </c>
      <c r="K31" s="88">
        <v>1</v>
      </c>
      <c r="L31" s="89">
        <v>76</v>
      </c>
      <c r="M31" s="91">
        <v>76</v>
      </c>
      <c r="N31" s="92">
        <v>0</v>
      </c>
      <c r="O31" s="88">
        <v>0</v>
      </c>
      <c r="P31" s="89">
        <v>0</v>
      </c>
      <c r="Q31" s="90">
        <v>0</v>
      </c>
      <c r="R31" s="88">
        <v>1</v>
      </c>
      <c r="S31" s="88">
        <v>0</v>
      </c>
      <c r="T31" s="88">
        <v>0</v>
      </c>
      <c r="U31" s="88">
        <v>0</v>
      </c>
      <c r="V31" s="88">
        <v>1</v>
      </c>
      <c r="W31" s="89">
        <v>2</v>
      </c>
      <c r="X31" s="91">
        <v>2</v>
      </c>
      <c r="Y31" s="92">
        <v>0</v>
      </c>
      <c r="Z31" s="88">
        <v>0</v>
      </c>
      <c r="AA31" s="89">
        <v>0</v>
      </c>
      <c r="AB31" s="90">
        <v>0</v>
      </c>
      <c r="AC31" s="88">
        <v>33</v>
      </c>
      <c r="AD31" s="88">
        <v>18</v>
      </c>
      <c r="AE31" s="88">
        <v>15</v>
      </c>
      <c r="AF31" s="88">
        <v>10</v>
      </c>
      <c r="AG31" s="88">
        <v>2</v>
      </c>
      <c r="AH31" s="89">
        <v>78</v>
      </c>
      <c r="AI31" s="91">
        <v>78</v>
      </c>
    </row>
    <row r="32" spans="2:35" ht="21" customHeight="1" x14ac:dyDescent="0.2">
      <c r="B32" s="472" t="s">
        <v>31</v>
      </c>
      <c r="C32" s="87">
        <v>0</v>
      </c>
      <c r="D32" s="88">
        <v>1</v>
      </c>
      <c r="E32" s="89">
        <v>1</v>
      </c>
      <c r="F32" s="90">
        <v>0</v>
      </c>
      <c r="G32" s="88">
        <v>48</v>
      </c>
      <c r="H32" s="88">
        <v>33</v>
      </c>
      <c r="I32" s="88">
        <v>27</v>
      </c>
      <c r="J32" s="88">
        <v>20</v>
      </c>
      <c r="K32" s="88">
        <v>6</v>
      </c>
      <c r="L32" s="89">
        <v>134</v>
      </c>
      <c r="M32" s="91">
        <v>135</v>
      </c>
      <c r="N32" s="92">
        <v>0</v>
      </c>
      <c r="O32" s="88">
        <v>0</v>
      </c>
      <c r="P32" s="89">
        <v>0</v>
      </c>
      <c r="Q32" s="90">
        <v>0</v>
      </c>
      <c r="R32" s="88">
        <v>0</v>
      </c>
      <c r="S32" s="88">
        <v>0</v>
      </c>
      <c r="T32" s="88">
        <v>0</v>
      </c>
      <c r="U32" s="88">
        <v>0</v>
      </c>
      <c r="V32" s="88">
        <v>0</v>
      </c>
      <c r="W32" s="89">
        <v>0</v>
      </c>
      <c r="X32" s="91">
        <v>0</v>
      </c>
      <c r="Y32" s="92">
        <v>0</v>
      </c>
      <c r="Z32" s="88">
        <v>1</v>
      </c>
      <c r="AA32" s="89">
        <v>1</v>
      </c>
      <c r="AB32" s="90">
        <v>0</v>
      </c>
      <c r="AC32" s="88">
        <v>48</v>
      </c>
      <c r="AD32" s="88">
        <v>33</v>
      </c>
      <c r="AE32" s="88">
        <v>27</v>
      </c>
      <c r="AF32" s="88">
        <v>20</v>
      </c>
      <c r="AG32" s="88">
        <v>6</v>
      </c>
      <c r="AH32" s="89">
        <v>134</v>
      </c>
      <c r="AI32" s="91">
        <v>135</v>
      </c>
    </row>
    <row r="33" spans="2:35" ht="21" customHeight="1" x14ac:dyDescent="0.2">
      <c r="B33" s="472" t="s">
        <v>32</v>
      </c>
      <c r="C33" s="87">
        <v>0</v>
      </c>
      <c r="D33" s="88">
        <v>4</v>
      </c>
      <c r="E33" s="89">
        <v>4</v>
      </c>
      <c r="F33" s="90">
        <v>0</v>
      </c>
      <c r="G33" s="88">
        <v>60</v>
      </c>
      <c r="H33" s="88">
        <v>39</v>
      </c>
      <c r="I33" s="88">
        <v>33</v>
      </c>
      <c r="J33" s="88">
        <v>21</v>
      </c>
      <c r="K33" s="88">
        <v>14</v>
      </c>
      <c r="L33" s="89">
        <v>167</v>
      </c>
      <c r="M33" s="91">
        <v>171</v>
      </c>
      <c r="N33" s="92">
        <v>0</v>
      </c>
      <c r="O33" s="88">
        <v>0</v>
      </c>
      <c r="P33" s="89">
        <v>0</v>
      </c>
      <c r="Q33" s="90">
        <v>0</v>
      </c>
      <c r="R33" s="88">
        <v>0</v>
      </c>
      <c r="S33" s="88">
        <v>1</v>
      </c>
      <c r="T33" s="88">
        <v>1</v>
      </c>
      <c r="U33" s="88">
        <v>0</v>
      </c>
      <c r="V33" s="88">
        <v>0</v>
      </c>
      <c r="W33" s="89">
        <v>2</v>
      </c>
      <c r="X33" s="91">
        <v>2</v>
      </c>
      <c r="Y33" s="92">
        <v>0</v>
      </c>
      <c r="Z33" s="88">
        <v>4</v>
      </c>
      <c r="AA33" s="89">
        <v>4</v>
      </c>
      <c r="AB33" s="90">
        <v>0</v>
      </c>
      <c r="AC33" s="88">
        <v>60</v>
      </c>
      <c r="AD33" s="88">
        <v>40</v>
      </c>
      <c r="AE33" s="88">
        <v>34</v>
      </c>
      <c r="AF33" s="88">
        <v>21</v>
      </c>
      <c r="AG33" s="88">
        <v>14</v>
      </c>
      <c r="AH33" s="89">
        <v>169</v>
      </c>
      <c r="AI33" s="91">
        <v>173</v>
      </c>
    </row>
    <row r="34" spans="2:35" ht="21" customHeight="1" x14ac:dyDescent="0.2">
      <c r="B34" s="472" t="s">
        <v>33</v>
      </c>
      <c r="C34" s="87">
        <v>0</v>
      </c>
      <c r="D34" s="88">
        <v>1</v>
      </c>
      <c r="E34" s="89">
        <v>1</v>
      </c>
      <c r="F34" s="90">
        <v>0</v>
      </c>
      <c r="G34" s="88">
        <v>31</v>
      </c>
      <c r="H34" s="88">
        <v>21</v>
      </c>
      <c r="I34" s="88">
        <v>22</v>
      </c>
      <c r="J34" s="88">
        <v>4</v>
      </c>
      <c r="K34" s="88">
        <v>9</v>
      </c>
      <c r="L34" s="89">
        <v>87</v>
      </c>
      <c r="M34" s="91">
        <v>88</v>
      </c>
      <c r="N34" s="92">
        <v>0</v>
      </c>
      <c r="O34" s="88">
        <v>0</v>
      </c>
      <c r="P34" s="89">
        <v>0</v>
      </c>
      <c r="Q34" s="90">
        <v>0</v>
      </c>
      <c r="R34" s="88">
        <v>0</v>
      </c>
      <c r="S34" s="88">
        <v>0</v>
      </c>
      <c r="T34" s="88">
        <v>0</v>
      </c>
      <c r="U34" s="88">
        <v>0</v>
      </c>
      <c r="V34" s="88">
        <v>0</v>
      </c>
      <c r="W34" s="89">
        <v>0</v>
      </c>
      <c r="X34" s="91">
        <v>0</v>
      </c>
      <c r="Y34" s="92">
        <v>0</v>
      </c>
      <c r="Z34" s="88">
        <v>1</v>
      </c>
      <c r="AA34" s="89">
        <v>1</v>
      </c>
      <c r="AB34" s="90">
        <v>0</v>
      </c>
      <c r="AC34" s="88">
        <v>31</v>
      </c>
      <c r="AD34" s="88">
        <v>21</v>
      </c>
      <c r="AE34" s="88">
        <v>22</v>
      </c>
      <c r="AF34" s="88">
        <v>4</v>
      </c>
      <c r="AG34" s="88">
        <v>9</v>
      </c>
      <c r="AH34" s="89">
        <v>87</v>
      </c>
      <c r="AI34" s="91">
        <v>88</v>
      </c>
    </row>
    <row r="35" spans="2:35" ht="21" customHeight="1" x14ac:dyDescent="0.2">
      <c r="B35" s="472" t="s">
        <v>34</v>
      </c>
      <c r="C35" s="87">
        <v>1</v>
      </c>
      <c r="D35" s="88">
        <v>1</v>
      </c>
      <c r="E35" s="89">
        <v>2</v>
      </c>
      <c r="F35" s="90">
        <v>0</v>
      </c>
      <c r="G35" s="88">
        <v>31</v>
      </c>
      <c r="H35" s="88">
        <v>20</v>
      </c>
      <c r="I35" s="88">
        <v>15</v>
      </c>
      <c r="J35" s="88">
        <v>6</v>
      </c>
      <c r="K35" s="88">
        <v>2</v>
      </c>
      <c r="L35" s="89">
        <v>74</v>
      </c>
      <c r="M35" s="91">
        <v>76</v>
      </c>
      <c r="N35" s="92">
        <v>0</v>
      </c>
      <c r="O35" s="88">
        <v>0</v>
      </c>
      <c r="P35" s="89">
        <v>0</v>
      </c>
      <c r="Q35" s="90">
        <v>0</v>
      </c>
      <c r="R35" s="88">
        <v>0</v>
      </c>
      <c r="S35" s="88">
        <v>0</v>
      </c>
      <c r="T35" s="88">
        <v>0</v>
      </c>
      <c r="U35" s="88">
        <v>1</v>
      </c>
      <c r="V35" s="88">
        <v>0</v>
      </c>
      <c r="W35" s="89">
        <v>1</v>
      </c>
      <c r="X35" s="91">
        <v>1</v>
      </c>
      <c r="Y35" s="92">
        <v>1</v>
      </c>
      <c r="Z35" s="88">
        <v>1</v>
      </c>
      <c r="AA35" s="89">
        <v>2</v>
      </c>
      <c r="AB35" s="90">
        <v>0</v>
      </c>
      <c r="AC35" s="88">
        <v>31</v>
      </c>
      <c r="AD35" s="88">
        <v>20</v>
      </c>
      <c r="AE35" s="88">
        <v>15</v>
      </c>
      <c r="AF35" s="88">
        <v>7</v>
      </c>
      <c r="AG35" s="88">
        <v>2</v>
      </c>
      <c r="AH35" s="89">
        <v>75</v>
      </c>
      <c r="AI35" s="91">
        <v>77</v>
      </c>
    </row>
    <row r="36" spans="2:35" ht="21" customHeight="1" x14ac:dyDescent="0.2">
      <c r="B36" s="472" t="s">
        <v>35</v>
      </c>
      <c r="C36" s="87">
        <v>5</v>
      </c>
      <c r="D36" s="88">
        <v>3</v>
      </c>
      <c r="E36" s="89">
        <v>8</v>
      </c>
      <c r="F36" s="90">
        <v>0</v>
      </c>
      <c r="G36" s="88">
        <v>39</v>
      </c>
      <c r="H36" s="88">
        <v>37</v>
      </c>
      <c r="I36" s="88">
        <v>38</v>
      </c>
      <c r="J36" s="88">
        <v>24</v>
      </c>
      <c r="K36" s="88">
        <v>9</v>
      </c>
      <c r="L36" s="89">
        <v>147</v>
      </c>
      <c r="M36" s="91">
        <v>155</v>
      </c>
      <c r="N36" s="92">
        <v>0</v>
      </c>
      <c r="O36" s="88">
        <v>0</v>
      </c>
      <c r="P36" s="89">
        <v>0</v>
      </c>
      <c r="Q36" s="90">
        <v>0</v>
      </c>
      <c r="R36" s="88">
        <v>0</v>
      </c>
      <c r="S36" s="88">
        <v>1</v>
      </c>
      <c r="T36" s="88">
        <v>0</v>
      </c>
      <c r="U36" s="88">
        <v>0</v>
      </c>
      <c r="V36" s="88">
        <v>0</v>
      </c>
      <c r="W36" s="89">
        <v>1</v>
      </c>
      <c r="X36" s="91">
        <v>1</v>
      </c>
      <c r="Y36" s="92">
        <v>5</v>
      </c>
      <c r="Z36" s="88">
        <v>3</v>
      </c>
      <c r="AA36" s="89">
        <v>8</v>
      </c>
      <c r="AB36" s="90">
        <v>0</v>
      </c>
      <c r="AC36" s="88">
        <v>39</v>
      </c>
      <c r="AD36" s="88">
        <v>38</v>
      </c>
      <c r="AE36" s="88">
        <v>38</v>
      </c>
      <c r="AF36" s="88">
        <v>24</v>
      </c>
      <c r="AG36" s="88">
        <v>9</v>
      </c>
      <c r="AH36" s="89">
        <v>148</v>
      </c>
      <c r="AI36" s="91">
        <v>156</v>
      </c>
    </row>
    <row r="37" spans="2:35" ht="21" customHeight="1" x14ac:dyDescent="0.2">
      <c r="B37" s="472" t="s">
        <v>36</v>
      </c>
      <c r="C37" s="87">
        <v>0</v>
      </c>
      <c r="D37" s="88">
        <v>4</v>
      </c>
      <c r="E37" s="89">
        <v>4</v>
      </c>
      <c r="F37" s="90">
        <v>0</v>
      </c>
      <c r="G37" s="88">
        <v>86</v>
      </c>
      <c r="H37" s="88">
        <v>73</v>
      </c>
      <c r="I37" s="88">
        <v>50</v>
      </c>
      <c r="J37" s="88">
        <v>23</v>
      </c>
      <c r="K37" s="88">
        <v>21</v>
      </c>
      <c r="L37" s="89">
        <v>253</v>
      </c>
      <c r="M37" s="91">
        <v>257</v>
      </c>
      <c r="N37" s="92">
        <v>0</v>
      </c>
      <c r="O37" s="88">
        <v>0</v>
      </c>
      <c r="P37" s="89">
        <v>0</v>
      </c>
      <c r="Q37" s="90">
        <v>0</v>
      </c>
      <c r="R37" s="88">
        <v>0</v>
      </c>
      <c r="S37" s="88">
        <v>1</v>
      </c>
      <c r="T37" s="88">
        <v>1</v>
      </c>
      <c r="U37" s="88">
        <v>0</v>
      </c>
      <c r="V37" s="88">
        <v>1</v>
      </c>
      <c r="W37" s="89">
        <v>3</v>
      </c>
      <c r="X37" s="91">
        <v>3</v>
      </c>
      <c r="Y37" s="92">
        <v>0</v>
      </c>
      <c r="Z37" s="88">
        <v>4</v>
      </c>
      <c r="AA37" s="89">
        <v>4</v>
      </c>
      <c r="AB37" s="90">
        <v>0</v>
      </c>
      <c r="AC37" s="88">
        <v>86</v>
      </c>
      <c r="AD37" s="88">
        <v>74</v>
      </c>
      <c r="AE37" s="88">
        <v>51</v>
      </c>
      <c r="AF37" s="88">
        <v>23</v>
      </c>
      <c r="AG37" s="88">
        <v>22</v>
      </c>
      <c r="AH37" s="89">
        <v>256</v>
      </c>
      <c r="AI37" s="91">
        <v>260</v>
      </c>
    </row>
    <row r="38" spans="2:35" ht="21" customHeight="1" thickBot="1" x14ac:dyDescent="0.25">
      <c r="B38" s="473" t="s">
        <v>37</v>
      </c>
      <c r="C38" s="93">
        <v>0</v>
      </c>
      <c r="D38" s="94">
        <v>0</v>
      </c>
      <c r="E38" s="95">
        <v>0</v>
      </c>
      <c r="F38" s="96">
        <v>0</v>
      </c>
      <c r="G38" s="94">
        <v>13</v>
      </c>
      <c r="H38" s="94">
        <v>7</v>
      </c>
      <c r="I38" s="94">
        <v>11</v>
      </c>
      <c r="J38" s="94">
        <v>6</v>
      </c>
      <c r="K38" s="94">
        <v>4</v>
      </c>
      <c r="L38" s="95">
        <v>41</v>
      </c>
      <c r="M38" s="97">
        <v>41</v>
      </c>
      <c r="N38" s="98">
        <v>0</v>
      </c>
      <c r="O38" s="94">
        <v>0</v>
      </c>
      <c r="P38" s="95">
        <v>0</v>
      </c>
      <c r="Q38" s="96">
        <v>0</v>
      </c>
      <c r="R38" s="94">
        <v>0</v>
      </c>
      <c r="S38" s="94">
        <v>0</v>
      </c>
      <c r="T38" s="94">
        <v>0</v>
      </c>
      <c r="U38" s="94">
        <v>0</v>
      </c>
      <c r="V38" s="94">
        <v>0</v>
      </c>
      <c r="W38" s="95">
        <v>0</v>
      </c>
      <c r="X38" s="97">
        <v>0</v>
      </c>
      <c r="Y38" s="98">
        <v>0</v>
      </c>
      <c r="Z38" s="94">
        <v>0</v>
      </c>
      <c r="AA38" s="95">
        <v>0</v>
      </c>
      <c r="AB38" s="96">
        <v>0</v>
      </c>
      <c r="AC38" s="94">
        <v>13</v>
      </c>
      <c r="AD38" s="94">
        <v>7</v>
      </c>
      <c r="AE38" s="94">
        <v>11</v>
      </c>
      <c r="AF38" s="94">
        <v>6</v>
      </c>
      <c r="AG38" s="94">
        <v>4</v>
      </c>
      <c r="AH38" s="95">
        <v>41</v>
      </c>
      <c r="AI38" s="97">
        <v>41</v>
      </c>
    </row>
    <row r="39" spans="2:35" x14ac:dyDescent="0.2">
      <c r="AA39" s="3"/>
      <c r="AB39" s="3"/>
      <c r="AC39" s="3"/>
      <c r="AD39" s="3"/>
      <c r="AE39" s="3"/>
      <c r="AF39" s="3"/>
      <c r="AG39" s="3"/>
      <c r="AH39" s="3"/>
      <c r="AI39" s="3"/>
    </row>
  </sheetData>
  <mergeCells count="5">
    <mergeCell ref="H1:I1"/>
    <mergeCell ref="K1:L1"/>
    <mergeCell ref="C3:M3"/>
    <mergeCell ref="N3:X3"/>
    <mergeCell ref="Y3:AI3"/>
  </mergeCells>
  <phoneticPr fontId="4"/>
  <pageMargins left="0.35433070866141736" right="0.27559055118110237" top="0.35433070866141736" bottom="0.43307086614173229" header="0.19685039370078741" footer="0.19685039370078741"/>
  <pageSetup paperSize="9" scale="51" orientation="landscape" r:id="rId1"/>
  <headerFooter alignWithMargins="0">
    <oddFooter>&amp;L&amp;20&amp;A&amp;C&amp;P/&amp;N</oddFooter>
  </headerFooter>
  <colBreaks count="1" manualBreakCount="1">
    <brk id="24" max="1048575" man="1"/>
  </col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3">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42" customWidth="1"/>
    <col min="3" max="4" width="9" style="242"/>
    <col min="5" max="5" width="10.33203125" style="242" customWidth="1"/>
    <col min="6" max="6" width="7.6640625" style="242" customWidth="1"/>
    <col min="7" max="7" width="8.44140625" style="242" customWidth="1"/>
    <col min="8" max="8" width="8.77734375" style="242" customWidth="1"/>
    <col min="9" max="16" width="9" style="242"/>
    <col min="17" max="17" width="7.21875" style="242" customWidth="1"/>
    <col min="18" max="27" width="9" style="242"/>
    <col min="28" max="28" width="7.6640625" style="242" customWidth="1"/>
    <col min="29" max="38" width="9" style="242"/>
    <col min="39" max="39" width="7.6640625" style="242" customWidth="1"/>
    <col min="40" max="49" width="9" style="242"/>
    <col min="50" max="50" width="7.6640625" style="242" customWidth="1"/>
    <col min="51" max="60" width="9" style="242"/>
    <col min="61" max="61" width="7.21875" style="242" customWidth="1"/>
    <col min="62" max="71" width="9" style="242"/>
    <col min="72" max="72" width="7.21875" style="242" customWidth="1"/>
    <col min="73" max="82" width="9" style="242"/>
    <col min="83" max="83" width="7.33203125" style="242" customWidth="1"/>
    <col min="84" max="93" width="9" style="242"/>
    <col min="94" max="94" width="7.44140625" style="242" customWidth="1"/>
    <col min="95" max="16384" width="9" style="242"/>
  </cols>
  <sheetData>
    <row r="1" spans="1:101" ht="24" customHeight="1" x14ac:dyDescent="0.2">
      <c r="B1" s="271" t="s">
        <v>123</v>
      </c>
      <c r="I1" s="500">
        <f>第１表!F2</f>
        <v>5</v>
      </c>
      <c r="J1" s="500"/>
      <c r="K1" s="235">
        <f>第１表!G2</f>
        <v>12</v>
      </c>
      <c r="L1" s="505">
        <f>IF(K1&lt;3,K1+12-2,K1-2)</f>
        <v>10</v>
      </c>
      <c r="M1" s="505"/>
    </row>
    <row r="2" spans="1:101" s="272" customFormat="1" ht="24" customHeight="1" thickBot="1" x14ac:dyDescent="0.25">
      <c r="A2" s="39"/>
      <c r="B2" s="271" t="s">
        <v>131</v>
      </c>
    </row>
    <row r="3" spans="1:101" ht="21" customHeight="1" thickBot="1" x14ac:dyDescent="0.25">
      <c r="B3" s="513"/>
      <c r="C3" s="516" t="s">
        <v>114</v>
      </c>
      <c r="D3" s="517"/>
      <c r="E3" s="517"/>
      <c r="F3" s="517"/>
      <c r="G3" s="517"/>
      <c r="H3" s="517"/>
      <c r="I3" s="517"/>
      <c r="J3" s="517"/>
      <c r="K3" s="517"/>
      <c r="L3" s="517"/>
      <c r="M3" s="518"/>
      <c r="N3" s="516" t="s">
        <v>115</v>
      </c>
      <c r="O3" s="517"/>
      <c r="P3" s="517"/>
      <c r="Q3" s="517"/>
      <c r="R3" s="517"/>
      <c r="S3" s="517"/>
      <c r="T3" s="517"/>
      <c r="U3" s="517"/>
      <c r="V3" s="517"/>
      <c r="W3" s="517"/>
      <c r="X3" s="518"/>
      <c r="Y3" s="516" t="s">
        <v>140</v>
      </c>
      <c r="Z3" s="517"/>
      <c r="AA3" s="517"/>
      <c r="AB3" s="517"/>
      <c r="AC3" s="517"/>
      <c r="AD3" s="517"/>
      <c r="AE3" s="517"/>
      <c r="AF3" s="517"/>
      <c r="AG3" s="517"/>
      <c r="AH3" s="517"/>
      <c r="AI3" s="518"/>
      <c r="AJ3" s="516" t="s">
        <v>90</v>
      </c>
      <c r="AK3" s="517"/>
      <c r="AL3" s="517"/>
      <c r="AM3" s="517"/>
      <c r="AN3" s="517"/>
      <c r="AO3" s="517"/>
      <c r="AP3" s="517"/>
      <c r="AQ3" s="517"/>
      <c r="AR3" s="517"/>
      <c r="AS3" s="517"/>
      <c r="AT3" s="518"/>
      <c r="AU3" s="522" t="s">
        <v>89</v>
      </c>
      <c r="AV3" s="523"/>
      <c r="AW3" s="523"/>
      <c r="AX3" s="523"/>
      <c r="AY3" s="523"/>
      <c r="AZ3" s="523"/>
      <c r="BA3" s="523"/>
      <c r="BB3" s="523"/>
      <c r="BC3" s="523"/>
      <c r="BD3" s="523"/>
      <c r="BE3" s="524"/>
      <c r="BF3" s="522" t="s">
        <v>91</v>
      </c>
      <c r="BG3" s="523"/>
      <c r="BH3" s="523"/>
      <c r="BI3" s="523"/>
      <c r="BJ3" s="523"/>
      <c r="BK3" s="523"/>
      <c r="BL3" s="523"/>
      <c r="BM3" s="523"/>
      <c r="BN3" s="523"/>
      <c r="BO3" s="523"/>
      <c r="BP3" s="524"/>
      <c r="BQ3" s="522" t="s">
        <v>92</v>
      </c>
      <c r="BR3" s="523"/>
      <c r="BS3" s="523"/>
      <c r="BT3" s="523"/>
      <c r="BU3" s="523"/>
      <c r="BV3" s="523"/>
      <c r="BW3" s="523"/>
      <c r="BX3" s="523"/>
      <c r="BY3" s="523"/>
      <c r="BZ3" s="523"/>
      <c r="CA3" s="524"/>
      <c r="CB3" s="522" t="s">
        <v>93</v>
      </c>
      <c r="CC3" s="523"/>
      <c r="CD3" s="523"/>
      <c r="CE3" s="523"/>
      <c r="CF3" s="523"/>
      <c r="CG3" s="523"/>
      <c r="CH3" s="523"/>
      <c r="CI3" s="523"/>
      <c r="CJ3" s="523"/>
      <c r="CK3" s="523"/>
      <c r="CL3" s="524"/>
      <c r="CM3" s="523" t="s">
        <v>139</v>
      </c>
      <c r="CN3" s="523"/>
      <c r="CO3" s="523"/>
      <c r="CP3" s="523"/>
      <c r="CQ3" s="523"/>
      <c r="CR3" s="523"/>
      <c r="CS3" s="523"/>
      <c r="CT3" s="523"/>
      <c r="CU3" s="523"/>
      <c r="CV3" s="523"/>
      <c r="CW3" s="524"/>
    </row>
    <row r="4" spans="1:101" ht="21" customHeight="1" x14ac:dyDescent="0.2">
      <c r="B4" s="514"/>
      <c r="C4" s="508" t="s">
        <v>61</v>
      </c>
      <c r="D4" s="509"/>
      <c r="E4" s="510"/>
      <c r="F4" s="511" t="s">
        <v>62</v>
      </c>
      <c r="G4" s="509"/>
      <c r="H4" s="509"/>
      <c r="I4" s="509"/>
      <c r="J4" s="509"/>
      <c r="K4" s="509"/>
      <c r="L4" s="512"/>
      <c r="M4" s="506" t="s">
        <v>52</v>
      </c>
      <c r="N4" s="508" t="s">
        <v>61</v>
      </c>
      <c r="O4" s="509"/>
      <c r="P4" s="510"/>
      <c r="Q4" s="511" t="s">
        <v>62</v>
      </c>
      <c r="R4" s="509"/>
      <c r="S4" s="509"/>
      <c r="T4" s="509"/>
      <c r="U4" s="509"/>
      <c r="V4" s="509"/>
      <c r="W4" s="510"/>
      <c r="X4" s="506" t="s">
        <v>52</v>
      </c>
      <c r="Y4" s="508" t="s">
        <v>61</v>
      </c>
      <c r="Z4" s="509"/>
      <c r="AA4" s="510"/>
      <c r="AB4" s="511" t="s">
        <v>62</v>
      </c>
      <c r="AC4" s="509"/>
      <c r="AD4" s="509"/>
      <c r="AE4" s="509"/>
      <c r="AF4" s="509"/>
      <c r="AG4" s="509"/>
      <c r="AH4" s="510"/>
      <c r="AI4" s="506" t="s">
        <v>52</v>
      </c>
      <c r="AJ4" s="508" t="s">
        <v>61</v>
      </c>
      <c r="AK4" s="509"/>
      <c r="AL4" s="510"/>
      <c r="AM4" s="511" t="s">
        <v>62</v>
      </c>
      <c r="AN4" s="509"/>
      <c r="AO4" s="509"/>
      <c r="AP4" s="509"/>
      <c r="AQ4" s="509"/>
      <c r="AR4" s="509"/>
      <c r="AS4" s="510"/>
      <c r="AT4" s="506" t="s">
        <v>52</v>
      </c>
      <c r="AU4" s="538" t="s">
        <v>61</v>
      </c>
      <c r="AV4" s="536"/>
      <c r="AW4" s="537"/>
      <c r="AX4" s="535" t="s">
        <v>62</v>
      </c>
      <c r="AY4" s="536"/>
      <c r="AZ4" s="536"/>
      <c r="BA4" s="536"/>
      <c r="BB4" s="536"/>
      <c r="BC4" s="536"/>
      <c r="BD4" s="537"/>
      <c r="BE4" s="539" t="s">
        <v>52</v>
      </c>
      <c r="BF4" s="538" t="s">
        <v>61</v>
      </c>
      <c r="BG4" s="536"/>
      <c r="BH4" s="537"/>
      <c r="BI4" s="535" t="s">
        <v>62</v>
      </c>
      <c r="BJ4" s="536"/>
      <c r="BK4" s="536"/>
      <c r="BL4" s="536"/>
      <c r="BM4" s="536"/>
      <c r="BN4" s="536"/>
      <c r="BO4" s="537"/>
      <c r="BP4" s="539" t="s">
        <v>52</v>
      </c>
      <c r="BQ4" s="538" t="s">
        <v>61</v>
      </c>
      <c r="BR4" s="536"/>
      <c r="BS4" s="537"/>
      <c r="BT4" s="535" t="s">
        <v>62</v>
      </c>
      <c r="BU4" s="536"/>
      <c r="BV4" s="536"/>
      <c r="BW4" s="536"/>
      <c r="BX4" s="536"/>
      <c r="BY4" s="536"/>
      <c r="BZ4" s="537"/>
      <c r="CA4" s="539" t="s">
        <v>52</v>
      </c>
      <c r="CB4" s="538" t="s">
        <v>61</v>
      </c>
      <c r="CC4" s="536"/>
      <c r="CD4" s="537"/>
      <c r="CE4" s="535" t="s">
        <v>62</v>
      </c>
      <c r="CF4" s="536"/>
      <c r="CG4" s="536"/>
      <c r="CH4" s="536"/>
      <c r="CI4" s="536"/>
      <c r="CJ4" s="536"/>
      <c r="CK4" s="537"/>
      <c r="CL4" s="539" t="s">
        <v>52</v>
      </c>
      <c r="CM4" s="538" t="s">
        <v>61</v>
      </c>
      <c r="CN4" s="536"/>
      <c r="CO4" s="537"/>
      <c r="CP4" s="535" t="s">
        <v>62</v>
      </c>
      <c r="CQ4" s="536"/>
      <c r="CR4" s="536"/>
      <c r="CS4" s="536"/>
      <c r="CT4" s="536"/>
      <c r="CU4" s="536"/>
      <c r="CV4" s="537"/>
      <c r="CW4" s="539" t="s">
        <v>52</v>
      </c>
    </row>
    <row r="5" spans="1:101" ht="30" customHeight="1" thickBot="1" x14ac:dyDescent="0.25">
      <c r="B5" s="515"/>
      <c r="C5" s="244" t="s">
        <v>43</v>
      </c>
      <c r="D5" s="246" t="s">
        <v>44</v>
      </c>
      <c r="E5" s="247" t="s">
        <v>45</v>
      </c>
      <c r="F5" s="248" t="s">
        <v>83</v>
      </c>
      <c r="G5" s="243" t="s">
        <v>47</v>
      </c>
      <c r="H5" s="243" t="s">
        <v>48</v>
      </c>
      <c r="I5" s="243" t="s">
        <v>49</v>
      </c>
      <c r="J5" s="243" t="s">
        <v>50</v>
      </c>
      <c r="K5" s="243" t="s">
        <v>51</v>
      </c>
      <c r="L5" s="249" t="s">
        <v>45</v>
      </c>
      <c r="M5" s="507"/>
      <c r="N5" s="244" t="s">
        <v>43</v>
      </c>
      <c r="O5" s="243" t="s">
        <v>44</v>
      </c>
      <c r="P5" s="246" t="s">
        <v>45</v>
      </c>
      <c r="Q5" s="248" t="s">
        <v>83</v>
      </c>
      <c r="R5" s="243" t="s">
        <v>47</v>
      </c>
      <c r="S5" s="243" t="s">
        <v>48</v>
      </c>
      <c r="T5" s="243" t="s">
        <v>49</v>
      </c>
      <c r="U5" s="243" t="s">
        <v>50</v>
      </c>
      <c r="V5" s="243" t="s">
        <v>51</v>
      </c>
      <c r="W5" s="246" t="s">
        <v>45</v>
      </c>
      <c r="X5" s="507"/>
      <c r="Y5" s="244" t="s">
        <v>43</v>
      </c>
      <c r="Z5" s="243" t="s">
        <v>44</v>
      </c>
      <c r="AA5" s="246" t="s">
        <v>45</v>
      </c>
      <c r="AB5" s="248" t="s">
        <v>83</v>
      </c>
      <c r="AC5" s="243" t="s">
        <v>47</v>
      </c>
      <c r="AD5" s="243" t="s">
        <v>48</v>
      </c>
      <c r="AE5" s="243" t="s">
        <v>49</v>
      </c>
      <c r="AF5" s="243" t="s">
        <v>50</v>
      </c>
      <c r="AG5" s="243" t="s">
        <v>51</v>
      </c>
      <c r="AH5" s="246" t="s">
        <v>45</v>
      </c>
      <c r="AI5" s="507"/>
      <c r="AJ5" s="318" t="s">
        <v>43</v>
      </c>
      <c r="AK5" s="243" t="s">
        <v>44</v>
      </c>
      <c r="AL5" s="246" t="s">
        <v>45</v>
      </c>
      <c r="AM5" s="248" t="s">
        <v>83</v>
      </c>
      <c r="AN5" s="243" t="s">
        <v>47</v>
      </c>
      <c r="AO5" s="243" t="s">
        <v>48</v>
      </c>
      <c r="AP5" s="243" t="s">
        <v>49</v>
      </c>
      <c r="AQ5" s="243" t="s">
        <v>50</v>
      </c>
      <c r="AR5" s="243" t="s">
        <v>51</v>
      </c>
      <c r="AS5" s="246" t="s">
        <v>45</v>
      </c>
      <c r="AT5" s="507"/>
      <c r="AU5" s="318" t="s">
        <v>43</v>
      </c>
      <c r="AV5" s="243" t="s">
        <v>44</v>
      </c>
      <c r="AW5" s="246" t="s">
        <v>45</v>
      </c>
      <c r="AX5" s="248" t="s">
        <v>83</v>
      </c>
      <c r="AY5" s="243" t="s">
        <v>47</v>
      </c>
      <c r="AZ5" s="243" t="s">
        <v>48</v>
      </c>
      <c r="BA5" s="243" t="s">
        <v>49</v>
      </c>
      <c r="BB5" s="243" t="s">
        <v>50</v>
      </c>
      <c r="BC5" s="243" t="s">
        <v>51</v>
      </c>
      <c r="BD5" s="246" t="s">
        <v>45</v>
      </c>
      <c r="BE5" s="540"/>
      <c r="BF5" s="318" t="s">
        <v>43</v>
      </c>
      <c r="BG5" s="243" t="s">
        <v>44</v>
      </c>
      <c r="BH5" s="246" t="s">
        <v>45</v>
      </c>
      <c r="BI5" s="248" t="s">
        <v>83</v>
      </c>
      <c r="BJ5" s="243" t="s">
        <v>47</v>
      </c>
      <c r="BK5" s="243" t="s">
        <v>48</v>
      </c>
      <c r="BL5" s="243" t="s">
        <v>49</v>
      </c>
      <c r="BM5" s="243" t="s">
        <v>50</v>
      </c>
      <c r="BN5" s="243" t="s">
        <v>51</v>
      </c>
      <c r="BO5" s="246" t="s">
        <v>45</v>
      </c>
      <c r="BP5" s="540"/>
      <c r="BQ5" s="318" t="s">
        <v>43</v>
      </c>
      <c r="BR5" s="243" t="s">
        <v>44</v>
      </c>
      <c r="BS5" s="246" t="s">
        <v>45</v>
      </c>
      <c r="BT5" s="248" t="s">
        <v>83</v>
      </c>
      <c r="BU5" s="243" t="s">
        <v>47</v>
      </c>
      <c r="BV5" s="243" t="s">
        <v>48</v>
      </c>
      <c r="BW5" s="243" t="s">
        <v>49</v>
      </c>
      <c r="BX5" s="243" t="s">
        <v>50</v>
      </c>
      <c r="BY5" s="243" t="s">
        <v>51</v>
      </c>
      <c r="BZ5" s="246" t="s">
        <v>45</v>
      </c>
      <c r="CA5" s="540"/>
      <c r="CB5" s="318" t="s">
        <v>43</v>
      </c>
      <c r="CC5" s="243" t="s">
        <v>44</v>
      </c>
      <c r="CD5" s="246" t="s">
        <v>45</v>
      </c>
      <c r="CE5" s="248" t="s">
        <v>83</v>
      </c>
      <c r="CF5" s="243" t="s">
        <v>47</v>
      </c>
      <c r="CG5" s="243" t="s">
        <v>48</v>
      </c>
      <c r="CH5" s="243" t="s">
        <v>49</v>
      </c>
      <c r="CI5" s="243" t="s">
        <v>50</v>
      </c>
      <c r="CJ5" s="243" t="s">
        <v>51</v>
      </c>
      <c r="CK5" s="246" t="s">
        <v>45</v>
      </c>
      <c r="CL5" s="540"/>
      <c r="CM5" s="318" t="s">
        <v>43</v>
      </c>
      <c r="CN5" s="243" t="s">
        <v>44</v>
      </c>
      <c r="CO5" s="246" t="s">
        <v>45</v>
      </c>
      <c r="CP5" s="248" t="s">
        <v>83</v>
      </c>
      <c r="CQ5" s="243" t="s">
        <v>47</v>
      </c>
      <c r="CR5" s="243" t="s">
        <v>48</v>
      </c>
      <c r="CS5" s="243" t="s">
        <v>49</v>
      </c>
      <c r="CT5" s="243" t="s">
        <v>50</v>
      </c>
      <c r="CU5" s="243" t="s">
        <v>51</v>
      </c>
      <c r="CV5" s="246" t="s">
        <v>45</v>
      </c>
      <c r="CW5" s="540"/>
    </row>
    <row r="6" spans="1:101" ht="21" customHeight="1" x14ac:dyDescent="0.2">
      <c r="B6" s="470" t="s">
        <v>4</v>
      </c>
      <c r="C6" s="250">
        <v>0</v>
      </c>
      <c r="D6" s="251">
        <v>0</v>
      </c>
      <c r="E6" s="252">
        <v>0</v>
      </c>
      <c r="F6" s="253">
        <v>0</v>
      </c>
      <c r="G6" s="254">
        <v>318</v>
      </c>
      <c r="H6" s="254">
        <v>415</v>
      </c>
      <c r="I6" s="254">
        <v>348</v>
      </c>
      <c r="J6" s="254">
        <v>410</v>
      </c>
      <c r="K6" s="254">
        <v>395</v>
      </c>
      <c r="L6" s="255">
        <v>1886</v>
      </c>
      <c r="M6" s="256">
        <v>1886</v>
      </c>
      <c r="N6" s="250">
        <v>0</v>
      </c>
      <c r="O6" s="254">
        <v>0</v>
      </c>
      <c r="P6" s="251">
        <v>0</v>
      </c>
      <c r="Q6" s="253">
        <v>0</v>
      </c>
      <c r="R6" s="254">
        <v>185</v>
      </c>
      <c r="S6" s="254">
        <v>520</v>
      </c>
      <c r="T6" s="254">
        <v>460</v>
      </c>
      <c r="U6" s="254">
        <v>447</v>
      </c>
      <c r="V6" s="254">
        <v>413</v>
      </c>
      <c r="W6" s="251">
        <v>2025</v>
      </c>
      <c r="X6" s="256">
        <v>2025</v>
      </c>
      <c r="Y6" s="250">
        <v>0</v>
      </c>
      <c r="Z6" s="254">
        <v>1</v>
      </c>
      <c r="AA6" s="251">
        <v>1</v>
      </c>
      <c r="AB6" s="253">
        <v>0</v>
      </c>
      <c r="AC6" s="254">
        <v>13823</v>
      </c>
      <c r="AD6" s="254">
        <v>12941</v>
      </c>
      <c r="AE6" s="254">
        <v>6053</v>
      </c>
      <c r="AF6" s="254">
        <v>2968</v>
      </c>
      <c r="AG6" s="254">
        <v>1326</v>
      </c>
      <c r="AH6" s="251">
        <v>37111</v>
      </c>
      <c r="AI6" s="256">
        <v>37112</v>
      </c>
      <c r="AJ6" s="250">
        <v>6</v>
      </c>
      <c r="AK6" s="254">
        <v>9</v>
      </c>
      <c r="AL6" s="251">
        <v>15</v>
      </c>
      <c r="AM6" s="253">
        <v>0</v>
      </c>
      <c r="AN6" s="254">
        <v>758</v>
      </c>
      <c r="AO6" s="254">
        <v>975</v>
      </c>
      <c r="AP6" s="254">
        <v>1089</v>
      </c>
      <c r="AQ6" s="254">
        <v>596</v>
      </c>
      <c r="AR6" s="254">
        <v>438</v>
      </c>
      <c r="AS6" s="251">
        <v>3856</v>
      </c>
      <c r="AT6" s="256">
        <v>3871</v>
      </c>
      <c r="AU6" s="250">
        <v>175</v>
      </c>
      <c r="AV6" s="254">
        <v>286</v>
      </c>
      <c r="AW6" s="251">
        <v>461</v>
      </c>
      <c r="AX6" s="253">
        <v>0</v>
      </c>
      <c r="AY6" s="254">
        <v>1477</v>
      </c>
      <c r="AZ6" s="254">
        <v>1579</v>
      </c>
      <c r="BA6" s="254">
        <v>1393</v>
      </c>
      <c r="BB6" s="254">
        <v>943</v>
      </c>
      <c r="BC6" s="254">
        <v>530</v>
      </c>
      <c r="BD6" s="251">
        <v>5922</v>
      </c>
      <c r="BE6" s="256">
        <v>6383</v>
      </c>
      <c r="BF6" s="250">
        <v>0</v>
      </c>
      <c r="BG6" s="254">
        <v>40</v>
      </c>
      <c r="BH6" s="251">
        <v>40</v>
      </c>
      <c r="BI6" s="253">
        <v>0</v>
      </c>
      <c r="BJ6" s="254">
        <v>2453</v>
      </c>
      <c r="BK6" s="254">
        <v>3212</v>
      </c>
      <c r="BL6" s="254">
        <v>3616</v>
      </c>
      <c r="BM6" s="254">
        <v>2390</v>
      </c>
      <c r="BN6" s="254">
        <v>1634</v>
      </c>
      <c r="BO6" s="255">
        <v>13305</v>
      </c>
      <c r="BP6" s="256">
        <v>13345</v>
      </c>
      <c r="BQ6" s="250">
        <v>0</v>
      </c>
      <c r="BR6" s="254">
        <v>0</v>
      </c>
      <c r="BS6" s="251">
        <v>0</v>
      </c>
      <c r="BT6" s="253">
        <v>0</v>
      </c>
      <c r="BU6" s="254">
        <v>45</v>
      </c>
      <c r="BV6" s="254">
        <v>46</v>
      </c>
      <c r="BW6" s="254">
        <v>70</v>
      </c>
      <c r="BX6" s="254">
        <v>64</v>
      </c>
      <c r="BY6" s="254">
        <v>54</v>
      </c>
      <c r="BZ6" s="251">
        <v>279</v>
      </c>
      <c r="CA6" s="256">
        <v>279</v>
      </c>
      <c r="CB6" s="250">
        <v>0</v>
      </c>
      <c r="CC6" s="254">
        <v>0</v>
      </c>
      <c r="CD6" s="251">
        <v>0</v>
      </c>
      <c r="CE6" s="253">
        <v>0</v>
      </c>
      <c r="CF6" s="254">
        <v>7</v>
      </c>
      <c r="CG6" s="254">
        <v>27</v>
      </c>
      <c r="CH6" s="254">
        <v>214</v>
      </c>
      <c r="CI6" s="254">
        <v>329</v>
      </c>
      <c r="CJ6" s="254">
        <v>231</v>
      </c>
      <c r="CK6" s="251">
        <v>808</v>
      </c>
      <c r="CL6" s="256">
        <v>808</v>
      </c>
      <c r="CM6" s="250">
        <v>0</v>
      </c>
      <c r="CN6" s="254">
        <v>0</v>
      </c>
      <c r="CO6" s="251">
        <v>0</v>
      </c>
      <c r="CP6" s="253">
        <v>0</v>
      </c>
      <c r="CQ6" s="254">
        <v>187</v>
      </c>
      <c r="CR6" s="254">
        <v>323</v>
      </c>
      <c r="CS6" s="254">
        <v>291</v>
      </c>
      <c r="CT6" s="254">
        <v>364</v>
      </c>
      <c r="CU6" s="254">
        <v>455</v>
      </c>
      <c r="CV6" s="251">
        <v>1620</v>
      </c>
      <c r="CW6" s="256">
        <v>1620</v>
      </c>
    </row>
    <row r="7" spans="1:101" ht="21" customHeight="1" x14ac:dyDescent="0.2">
      <c r="B7" s="471" t="s">
        <v>5</v>
      </c>
      <c r="C7" s="257">
        <v>0</v>
      </c>
      <c r="D7" s="258">
        <v>0</v>
      </c>
      <c r="E7" s="259">
        <v>0</v>
      </c>
      <c r="F7" s="260">
        <v>0</v>
      </c>
      <c r="G7" s="261">
        <v>125</v>
      </c>
      <c r="H7" s="261">
        <v>187</v>
      </c>
      <c r="I7" s="261">
        <v>175</v>
      </c>
      <c r="J7" s="261">
        <v>182</v>
      </c>
      <c r="K7" s="261">
        <v>180</v>
      </c>
      <c r="L7" s="262">
        <v>849</v>
      </c>
      <c r="M7" s="263">
        <v>849</v>
      </c>
      <c r="N7" s="257">
        <v>0</v>
      </c>
      <c r="O7" s="261">
        <v>0</v>
      </c>
      <c r="P7" s="258">
        <v>0</v>
      </c>
      <c r="Q7" s="260">
        <v>0</v>
      </c>
      <c r="R7" s="261">
        <v>95</v>
      </c>
      <c r="S7" s="261">
        <v>385</v>
      </c>
      <c r="T7" s="261">
        <v>342</v>
      </c>
      <c r="U7" s="261">
        <v>330</v>
      </c>
      <c r="V7" s="261">
        <v>306</v>
      </c>
      <c r="W7" s="258">
        <v>1458</v>
      </c>
      <c r="X7" s="263">
        <v>1458</v>
      </c>
      <c r="Y7" s="257">
        <v>0</v>
      </c>
      <c r="Z7" s="261">
        <v>0</v>
      </c>
      <c r="AA7" s="258">
        <v>0</v>
      </c>
      <c r="AB7" s="260">
        <v>0</v>
      </c>
      <c r="AC7" s="261">
        <v>5019</v>
      </c>
      <c r="AD7" s="261">
        <v>6330</v>
      </c>
      <c r="AE7" s="261">
        <v>2810</v>
      </c>
      <c r="AF7" s="261">
        <v>1376</v>
      </c>
      <c r="AG7" s="261">
        <v>616</v>
      </c>
      <c r="AH7" s="258">
        <v>16151</v>
      </c>
      <c r="AI7" s="263">
        <v>16151</v>
      </c>
      <c r="AJ7" s="257">
        <v>3</v>
      </c>
      <c r="AK7" s="261">
        <v>3</v>
      </c>
      <c r="AL7" s="258">
        <v>6</v>
      </c>
      <c r="AM7" s="260">
        <v>0</v>
      </c>
      <c r="AN7" s="261">
        <v>373</v>
      </c>
      <c r="AO7" s="261">
        <v>496</v>
      </c>
      <c r="AP7" s="261">
        <v>542</v>
      </c>
      <c r="AQ7" s="261">
        <v>338</v>
      </c>
      <c r="AR7" s="261">
        <v>234</v>
      </c>
      <c r="AS7" s="258">
        <v>1983</v>
      </c>
      <c r="AT7" s="263">
        <v>1989</v>
      </c>
      <c r="AU7" s="257">
        <v>75</v>
      </c>
      <c r="AV7" s="261">
        <v>107</v>
      </c>
      <c r="AW7" s="258">
        <v>182</v>
      </c>
      <c r="AX7" s="260">
        <v>0</v>
      </c>
      <c r="AY7" s="261">
        <v>552</v>
      </c>
      <c r="AZ7" s="261">
        <v>690</v>
      </c>
      <c r="BA7" s="261">
        <v>556</v>
      </c>
      <c r="BB7" s="261">
        <v>426</v>
      </c>
      <c r="BC7" s="261">
        <v>266</v>
      </c>
      <c r="BD7" s="258">
        <v>2490</v>
      </c>
      <c r="BE7" s="263">
        <v>2672</v>
      </c>
      <c r="BF7" s="257">
        <v>0</v>
      </c>
      <c r="BG7" s="261">
        <v>17</v>
      </c>
      <c r="BH7" s="258">
        <v>17</v>
      </c>
      <c r="BI7" s="260">
        <v>0</v>
      </c>
      <c r="BJ7" s="261">
        <v>1084</v>
      </c>
      <c r="BK7" s="261">
        <v>1381</v>
      </c>
      <c r="BL7" s="261">
        <v>1555</v>
      </c>
      <c r="BM7" s="261">
        <v>1025</v>
      </c>
      <c r="BN7" s="261">
        <v>735</v>
      </c>
      <c r="BO7" s="262">
        <v>5780</v>
      </c>
      <c r="BP7" s="263">
        <v>5797</v>
      </c>
      <c r="BQ7" s="257">
        <v>0</v>
      </c>
      <c r="BR7" s="261">
        <v>0</v>
      </c>
      <c r="BS7" s="258">
        <v>0</v>
      </c>
      <c r="BT7" s="260">
        <v>0</v>
      </c>
      <c r="BU7" s="261">
        <v>0</v>
      </c>
      <c r="BV7" s="261">
        <v>2</v>
      </c>
      <c r="BW7" s="261">
        <v>5</v>
      </c>
      <c r="BX7" s="261">
        <v>1</v>
      </c>
      <c r="BY7" s="261">
        <v>4</v>
      </c>
      <c r="BZ7" s="258">
        <v>12</v>
      </c>
      <c r="CA7" s="263">
        <v>12</v>
      </c>
      <c r="CB7" s="257">
        <v>0</v>
      </c>
      <c r="CC7" s="261">
        <v>0</v>
      </c>
      <c r="CD7" s="258">
        <v>0</v>
      </c>
      <c r="CE7" s="260">
        <v>0</v>
      </c>
      <c r="CF7" s="261">
        <v>3</v>
      </c>
      <c r="CG7" s="261">
        <v>10</v>
      </c>
      <c r="CH7" s="261">
        <v>24</v>
      </c>
      <c r="CI7" s="261">
        <v>36</v>
      </c>
      <c r="CJ7" s="261">
        <v>38</v>
      </c>
      <c r="CK7" s="258">
        <v>111</v>
      </c>
      <c r="CL7" s="263">
        <v>111</v>
      </c>
      <c r="CM7" s="257">
        <v>0</v>
      </c>
      <c r="CN7" s="261">
        <v>0</v>
      </c>
      <c r="CO7" s="258">
        <v>0</v>
      </c>
      <c r="CP7" s="260">
        <v>0</v>
      </c>
      <c r="CQ7" s="261">
        <v>22</v>
      </c>
      <c r="CR7" s="261">
        <v>72</v>
      </c>
      <c r="CS7" s="261">
        <v>67</v>
      </c>
      <c r="CT7" s="261">
        <v>96</v>
      </c>
      <c r="CU7" s="261">
        <v>167</v>
      </c>
      <c r="CV7" s="258">
        <v>424</v>
      </c>
      <c r="CW7" s="263">
        <v>424</v>
      </c>
    </row>
    <row r="8" spans="1:101" ht="21" customHeight="1" x14ac:dyDescent="0.2">
      <c r="B8" s="472" t="s">
        <v>6</v>
      </c>
      <c r="C8" s="257">
        <v>0</v>
      </c>
      <c r="D8" s="258">
        <v>0</v>
      </c>
      <c r="E8" s="259">
        <v>0</v>
      </c>
      <c r="F8" s="260">
        <v>0</v>
      </c>
      <c r="G8" s="261">
        <v>75</v>
      </c>
      <c r="H8" s="261">
        <v>77</v>
      </c>
      <c r="I8" s="261">
        <v>68</v>
      </c>
      <c r="J8" s="261">
        <v>102</v>
      </c>
      <c r="K8" s="261">
        <v>114</v>
      </c>
      <c r="L8" s="262">
        <v>436</v>
      </c>
      <c r="M8" s="263">
        <v>436</v>
      </c>
      <c r="N8" s="257">
        <v>0</v>
      </c>
      <c r="O8" s="261">
        <v>0</v>
      </c>
      <c r="P8" s="258">
        <v>0</v>
      </c>
      <c r="Q8" s="260">
        <v>0</v>
      </c>
      <c r="R8" s="261">
        <v>62</v>
      </c>
      <c r="S8" s="261">
        <v>109</v>
      </c>
      <c r="T8" s="261">
        <v>93</v>
      </c>
      <c r="U8" s="261">
        <v>94</v>
      </c>
      <c r="V8" s="261">
        <v>90</v>
      </c>
      <c r="W8" s="258">
        <v>448</v>
      </c>
      <c r="X8" s="263">
        <v>448</v>
      </c>
      <c r="Y8" s="257">
        <v>0</v>
      </c>
      <c r="Z8" s="261">
        <v>0</v>
      </c>
      <c r="AA8" s="258">
        <v>0</v>
      </c>
      <c r="AB8" s="260">
        <v>0</v>
      </c>
      <c r="AC8" s="261">
        <v>1886</v>
      </c>
      <c r="AD8" s="261">
        <v>1382</v>
      </c>
      <c r="AE8" s="261">
        <v>741</v>
      </c>
      <c r="AF8" s="261">
        <v>428</v>
      </c>
      <c r="AG8" s="261">
        <v>202</v>
      </c>
      <c r="AH8" s="258">
        <v>4639</v>
      </c>
      <c r="AI8" s="263">
        <v>4639</v>
      </c>
      <c r="AJ8" s="257">
        <v>2</v>
      </c>
      <c r="AK8" s="261">
        <v>1</v>
      </c>
      <c r="AL8" s="258">
        <v>3</v>
      </c>
      <c r="AM8" s="260">
        <v>0</v>
      </c>
      <c r="AN8" s="261">
        <v>162</v>
      </c>
      <c r="AO8" s="261">
        <v>214</v>
      </c>
      <c r="AP8" s="261">
        <v>249</v>
      </c>
      <c r="AQ8" s="261">
        <v>118</v>
      </c>
      <c r="AR8" s="261">
        <v>99</v>
      </c>
      <c r="AS8" s="258">
        <v>842</v>
      </c>
      <c r="AT8" s="263">
        <v>845</v>
      </c>
      <c r="AU8" s="257">
        <v>24</v>
      </c>
      <c r="AV8" s="261">
        <v>36</v>
      </c>
      <c r="AW8" s="258">
        <v>60</v>
      </c>
      <c r="AX8" s="260">
        <v>0</v>
      </c>
      <c r="AY8" s="261">
        <v>241</v>
      </c>
      <c r="AZ8" s="261">
        <v>241</v>
      </c>
      <c r="BA8" s="261">
        <v>198</v>
      </c>
      <c r="BB8" s="261">
        <v>134</v>
      </c>
      <c r="BC8" s="261">
        <v>66</v>
      </c>
      <c r="BD8" s="258">
        <v>880</v>
      </c>
      <c r="BE8" s="263">
        <v>940</v>
      </c>
      <c r="BF8" s="257">
        <v>0</v>
      </c>
      <c r="BG8" s="261">
        <v>5</v>
      </c>
      <c r="BH8" s="258">
        <v>5</v>
      </c>
      <c r="BI8" s="260">
        <v>0</v>
      </c>
      <c r="BJ8" s="261">
        <v>466</v>
      </c>
      <c r="BK8" s="261">
        <v>566</v>
      </c>
      <c r="BL8" s="261">
        <v>547</v>
      </c>
      <c r="BM8" s="261">
        <v>365</v>
      </c>
      <c r="BN8" s="261">
        <v>268</v>
      </c>
      <c r="BO8" s="262">
        <v>2212</v>
      </c>
      <c r="BP8" s="263">
        <v>2217</v>
      </c>
      <c r="BQ8" s="257">
        <v>0</v>
      </c>
      <c r="BR8" s="261">
        <v>0</v>
      </c>
      <c r="BS8" s="258">
        <v>0</v>
      </c>
      <c r="BT8" s="260">
        <v>0</v>
      </c>
      <c r="BU8" s="261">
        <v>0</v>
      </c>
      <c r="BV8" s="261">
        <v>0</v>
      </c>
      <c r="BW8" s="261">
        <v>0</v>
      </c>
      <c r="BX8" s="261">
        <v>0</v>
      </c>
      <c r="BY8" s="261">
        <v>0</v>
      </c>
      <c r="BZ8" s="258">
        <v>0</v>
      </c>
      <c r="CA8" s="263">
        <v>0</v>
      </c>
      <c r="CB8" s="257">
        <v>0</v>
      </c>
      <c r="CC8" s="261">
        <v>0</v>
      </c>
      <c r="CD8" s="258">
        <v>0</v>
      </c>
      <c r="CE8" s="260">
        <v>0</v>
      </c>
      <c r="CF8" s="261">
        <v>2</v>
      </c>
      <c r="CG8" s="261">
        <v>5</v>
      </c>
      <c r="CH8" s="261">
        <v>73</v>
      </c>
      <c r="CI8" s="261">
        <v>94</v>
      </c>
      <c r="CJ8" s="261">
        <v>67</v>
      </c>
      <c r="CK8" s="258">
        <v>241</v>
      </c>
      <c r="CL8" s="263">
        <v>241</v>
      </c>
      <c r="CM8" s="257">
        <v>0</v>
      </c>
      <c r="CN8" s="261">
        <v>0</v>
      </c>
      <c r="CO8" s="258">
        <v>0</v>
      </c>
      <c r="CP8" s="260">
        <v>0</v>
      </c>
      <c r="CQ8" s="261">
        <v>66</v>
      </c>
      <c r="CR8" s="261">
        <v>98</v>
      </c>
      <c r="CS8" s="261">
        <v>64</v>
      </c>
      <c r="CT8" s="261">
        <v>92</v>
      </c>
      <c r="CU8" s="261">
        <v>105</v>
      </c>
      <c r="CV8" s="258">
        <v>425</v>
      </c>
      <c r="CW8" s="263">
        <v>425</v>
      </c>
    </row>
    <row r="9" spans="1:101" ht="21" customHeight="1" x14ac:dyDescent="0.2">
      <c r="B9" s="472" t="s">
        <v>14</v>
      </c>
      <c r="C9" s="257">
        <v>0</v>
      </c>
      <c r="D9" s="258">
        <v>0</v>
      </c>
      <c r="E9" s="259">
        <v>0</v>
      </c>
      <c r="F9" s="260">
        <v>0</v>
      </c>
      <c r="G9" s="261">
        <v>33</v>
      </c>
      <c r="H9" s="261">
        <v>40</v>
      </c>
      <c r="I9" s="261">
        <v>26</v>
      </c>
      <c r="J9" s="261">
        <v>31</v>
      </c>
      <c r="K9" s="261">
        <v>34</v>
      </c>
      <c r="L9" s="262">
        <v>164</v>
      </c>
      <c r="M9" s="263">
        <v>164</v>
      </c>
      <c r="N9" s="257">
        <v>0</v>
      </c>
      <c r="O9" s="261">
        <v>0</v>
      </c>
      <c r="P9" s="258">
        <v>0</v>
      </c>
      <c r="Q9" s="260">
        <v>0</v>
      </c>
      <c r="R9" s="261">
        <v>0</v>
      </c>
      <c r="S9" s="261">
        <v>0</v>
      </c>
      <c r="T9" s="261">
        <v>0</v>
      </c>
      <c r="U9" s="261">
        <v>0</v>
      </c>
      <c r="V9" s="261">
        <v>1</v>
      </c>
      <c r="W9" s="258">
        <v>1</v>
      </c>
      <c r="X9" s="263">
        <v>1</v>
      </c>
      <c r="Y9" s="257">
        <v>0</v>
      </c>
      <c r="Z9" s="261">
        <v>0</v>
      </c>
      <c r="AA9" s="258">
        <v>0</v>
      </c>
      <c r="AB9" s="260">
        <v>0</v>
      </c>
      <c r="AC9" s="261">
        <v>1093</v>
      </c>
      <c r="AD9" s="261">
        <v>1173</v>
      </c>
      <c r="AE9" s="261">
        <v>530</v>
      </c>
      <c r="AF9" s="261">
        <v>261</v>
      </c>
      <c r="AG9" s="261">
        <v>116</v>
      </c>
      <c r="AH9" s="258">
        <v>3173</v>
      </c>
      <c r="AI9" s="263">
        <v>3173</v>
      </c>
      <c r="AJ9" s="257">
        <v>0</v>
      </c>
      <c r="AK9" s="261">
        <v>0</v>
      </c>
      <c r="AL9" s="258">
        <v>0</v>
      </c>
      <c r="AM9" s="260">
        <v>0</v>
      </c>
      <c r="AN9" s="261">
        <v>18</v>
      </c>
      <c r="AO9" s="261">
        <v>21</v>
      </c>
      <c r="AP9" s="261">
        <v>40</v>
      </c>
      <c r="AQ9" s="261">
        <v>20</v>
      </c>
      <c r="AR9" s="261">
        <v>18</v>
      </c>
      <c r="AS9" s="258">
        <v>117</v>
      </c>
      <c r="AT9" s="263">
        <v>117</v>
      </c>
      <c r="AU9" s="257">
        <v>21</v>
      </c>
      <c r="AV9" s="261">
        <v>35</v>
      </c>
      <c r="AW9" s="258">
        <v>56</v>
      </c>
      <c r="AX9" s="260">
        <v>0</v>
      </c>
      <c r="AY9" s="261">
        <v>119</v>
      </c>
      <c r="AZ9" s="261">
        <v>148</v>
      </c>
      <c r="BA9" s="261">
        <v>121</v>
      </c>
      <c r="BB9" s="261">
        <v>77</v>
      </c>
      <c r="BC9" s="261">
        <v>25</v>
      </c>
      <c r="BD9" s="258">
        <v>490</v>
      </c>
      <c r="BE9" s="263">
        <v>546</v>
      </c>
      <c r="BF9" s="257">
        <v>0</v>
      </c>
      <c r="BG9" s="261">
        <v>2</v>
      </c>
      <c r="BH9" s="258">
        <v>2</v>
      </c>
      <c r="BI9" s="260">
        <v>0</v>
      </c>
      <c r="BJ9" s="261">
        <v>205</v>
      </c>
      <c r="BK9" s="261">
        <v>273</v>
      </c>
      <c r="BL9" s="261">
        <v>387</v>
      </c>
      <c r="BM9" s="261">
        <v>213</v>
      </c>
      <c r="BN9" s="261">
        <v>141</v>
      </c>
      <c r="BO9" s="262">
        <v>1219</v>
      </c>
      <c r="BP9" s="263">
        <v>1221</v>
      </c>
      <c r="BQ9" s="257">
        <v>0</v>
      </c>
      <c r="BR9" s="261">
        <v>0</v>
      </c>
      <c r="BS9" s="258">
        <v>0</v>
      </c>
      <c r="BT9" s="260">
        <v>0</v>
      </c>
      <c r="BU9" s="261">
        <v>0</v>
      </c>
      <c r="BV9" s="261">
        <v>0</v>
      </c>
      <c r="BW9" s="261">
        <v>0</v>
      </c>
      <c r="BX9" s="261">
        <v>0</v>
      </c>
      <c r="BY9" s="261">
        <v>0</v>
      </c>
      <c r="BZ9" s="258">
        <v>0</v>
      </c>
      <c r="CA9" s="263">
        <v>0</v>
      </c>
      <c r="CB9" s="257">
        <v>0</v>
      </c>
      <c r="CC9" s="261">
        <v>0</v>
      </c>
      <c r="CD9" s="258">
        <v>0</v>
      </c>
      <c r="CE9" s="260">
        <v>0</v>
      </c>
      <c r="CF9" s="261">
        <v>0</v>
      </c>
      <c r="CG9" s="261">
        <v>1</v>
      </c>
      <c r="CH9" s="261">
        <v>12</v>
      </c>
      <c r="CI9" s="261">
        <v>31</v>
      </c>
      <c r="CJ9" s="261">
        <v>12</v>
      </c>
      <c r="CK9" s="258">
        <v>56</v>
      </c>
      <c r="CL9" s="263">
        <v>56</v>
      </c>
      <c r="CM9" s="257">
        <v>0</v>
      </c>
      <c r="CN9" s="261">
        <v>0</v>
      </c>
      <c r="CO9" s="258">
        <v>0</v>
      </c>
      <c r="CP9" s="260">
        <v>0</v>
      </c>
      <c r="CQ9" s="261">
        <v>11</v>
      </c>
      <c r="CR9" s="261">
        <v>22</v>
      </c>
      <c r="CS9" s="261">
        <v>27</v>
      </c>
      <c r="CT9" s="261">
        <v>41</v>
      </c>
      <c r="CU9" s="261">
        <v>34</v>
      </c>
      <c r="CV9" s="258">
        <v>135</v>
      </c>
      <c r="CW9" s="263">
        <v>135</v>
      </c>
    </row>
    <row r="10" spans="1:101" ht="21" customHeight="1" x14ac:dyDescent="0.2">
      <c r="B10" s="472" t="s">
        <v>7</v>
      </c>
      <c r="C10" s="257">
        <v>0</v>
      </c>
      <c r="D10" s="258">
        <v>0</v>
      </c>
      <c r="E10" s="259">
        <v>0</v>
      </c>
      <c r="F10" s="260">
        <v>0</v>
      </c>
      <c r="G10" s="261">
        <v>10</v>
      </c>
      <c r="H10" s="261">
        <v>10</v>
      </c>
      <c r="I10" s="261">
        <v>7</v>
      </c>
      <c r="J10" s="261">
        <v>12</v>
      </c>
      <c r="K10" s="261">
        <v>4</v>
      </c>
      <c r="L10" s="262">
        <v>43</v>
      </c>
      <c r="M10" s="263">
        <v>43</v>
      </c>
      <c r="N10" s="257">
        <v>0</v>
      </c>
      <c r="O10" s="261">
        <v>0</v>
      </c>
      <c r="P10" s="258">
        <v>0</v>
      </c>
      <c r="Q10" s="260">
        <v>0</v>
      </c>
      <c r="R10" s="261">
        <v>0</v>
      </c>
      <c r="S10" s="261">
        <v>0</v>
      </c>
      <c r="T10" s="261">
        <v>0</v>
      </c>
      <c r="U10" s="261">
        <v>0</v>
      </c>
      <c r="V10" s="261">
        <v>0</v>
      </c>
      <c r="W10" s="258">
        <v>0</v>
      </c>
      <c r="X10" s="263">
        <v>0</v>
      </c>
      <c r="Y10" s="257">
        <v>0</v>
      </c>
      <c r="Z10" s="261">
        <v>0</v>
      </c>
      <c r="AA10" s="258">
        <v>0</v>
      </c>
      <c r="AB10" s="260">
        <v>0</v>
      </c>
      <c r="AC10" s="261">
        <v>1148</v>
      </c>
      <c r="AD10" s="261">
        <v>684</v>
      </c>
      <c r="AE10" s="261">
        <v>277</v>
      </c>
      <c r="AF10" s="261">
        <v>110</v>
      </c>
      <c r="AG10" s="261">
        <v>55</v>
      </c>
      <c r="AH10" s="258">
        <v>2274</v>
      </c>
      <c r="AI10" s="263">
        <v>2274</v>
      </c>
      <c r="AJ10" s="257">
        <v>0</v>
      </c>
      <c r="AK10" s="261">
        <v>1</v>
      </c>
      <c r="AL10" s="258">
        <v>1</v>
      </c>
      <c r="AM10" s="260">
        <v>0</v>
      </c>
      <c r="AN10" s="261">
        <v>89</v>
      </c>
      <c r="AO10" s="261">
        <v>97</v>
      </c>
      <c r="AP10" s="261">
        <v>99</v>
      </c>
      <c r="AQ10" s="261">
        <v>41</v>
      </c>
      <c r="AR10" s="261">
        <v>16</v>
      </c>
      <c r="AS10" s="258">
        <v>342</v>
      </c>
      <c r="AT10" s="263">
        <v>343</v>
      </c>
      <c r="AU10" s="257">
        <v>2</v>
      </c>
      <c r="AV10" s="261">
        <v>3</v>
      </c>
      <c r="AW10" s="258">
        <v>5</v>
      </c>
      <c r="AX10" s="260">
        <v>0</v>
      </c>
      <c r="AY10" s="261">
        <v>45</v>
      </c>
      <c r="AZ10" s="261">
        <v>35</v>
      </c>
      <c r="BA10" s="261">
        <v>39</v>
      </c>
      <c r="BB10" s="261">
        <v>19</v>
      </c>
      <c r="BC10" s="261">
        <v>11</v>
      </c>
      <c r="BD10" s="258">
        <v>149</v>
      </c>
      <c r="BE10" s="263">
        <v>154</v>
      </c>
      <c r="BF10" s="257">
        <v>0</v>
      </c>
      <c r="BG10" s="261">
        <v>1</v>
      </c>
      <c r="BH10" s="258">
        <v>1</v>
      </c>
      <c r="BI10" s="260">
        <v>0</v>
      </c>
      <c r="BJ10" s="261">
        <v>116</v>
      </c>
      <c r="BK10" s="261">
        <v>149</v>
      </c>
      <c r="BL10" s="261">
        <v>155</v>
      </c>
      <c r="BM10" s="261">
        <v>133</v>
      </c>
      <c r="BN10" s="261">
        <v>75</v>
      </c>
      <c r="BO10" s="262">
        <v>628</v>
      </c>
      <c r="BP10" s="263">
        <v>629</v>
      </c>
      <c r="BQ10" s="257">
        <v>0</v>
      </c>
      <c r="BR10" s="261">
        <v>0</v>
      </c>
      <c r="BS10" s="258">
        <v>0</v>
      </c>
      <c r="BT10" s="260">
        <v>0</v>
      </c>
      <c r="BU10" s="261">
        <v>0</v>
      </c>
      <c r="BV10" s="261">
        <v>0</v>
      </c>
      <c r="BW10" s="261">
        <v>0</v>
      </c>
      <c r="BX10" s="261">
        <v>0</v>
      </c>
      <c r="BY10" s="261">
        <v>0</v>
      </c>
      <c r="BZ10" s="258">
        <v>0</v>
      </c>
      <c r="CA10" s="263">
        <v>0</v>
      </c>
      <c r="CB10" s="257">
        <v>0</v>
      </c>
      <c r="CC10" s="261">
        <v>0</v>
      </c>
      <c r="CD10" s="258">
        <v>0</v>
      </c>
      <c r="CE10" s="260">
        <v>0</v>
      </c>
      <c r="CF10" s="261">
        <v>0</v>
      </c>
      <c r="CG10" s="261">
        <v>0</v>
      </c>
      <c r="CH10" s="261">
        <v>0</v>
      </c>
      <c r="CI10" s="261">
        <v>0</v>
      </c>
      <c r="CJ10" s="261">
        <v>0</v>
      </c>
      <c r="CK10" s="258">
        <v>0</v>
      </c>
      <c r="CL10" s="263">
        <v>0</v>
      </c>
      <c r="CM10" s="257">
        <v>0</v>
      </c>
      <c r="CN10" s="261">
        <v>0</v>
      </c>
      <c r="CO10" s="258">
        <v>0</v>
      </c>
      <c r="CP10" s="260">
        <v>0</v>
      </c>
      <c r="CQ10" s="261">
        <v>11</v>
      </c>
      <c r="CR10" s="261">
        <v>11</v>
      </c>
      <c r="CS10" s="261">
        <v>12</v>
      </c>
      <c r="CT10" s="261">
        <v>10</v>
      </c>
      <c r="CU10" s="261">
        <v>24</v>
      </c>
      <c r="CV10" s="258">
        <v>68</v>
      </c>
      <c r="CW10" s="263">
        <v>68</v>
      </c>
    </row>
    <row r="11" spans="1:101" ht="21" customHeight="1" x14ac:dyDescent="0.2">
      <c r="B11" s="472" t="s">
        <v>8</v>
      </c>
      <c r="C11" s="257">
        <v>0</v>
      </c>
      <c r="D11" s="258">
        <v>0</v>
      </c>
      <c r="E11" s="259">
        <v>0</v>
      </c>
      <c r="F11" s="260">
        <v>0</v>
      </c>
      <c r="G11" s="261">
        <v>7</v>
      </c>
      <c r="H11" s="261">
        <v>5</v>
      </c>
      <c r="I11" s="261">
        <v>1</v>
      </c>
      <c r="J11" s="261">
        <v>6</v>
      </c>
      <c r="K11" s="261">
        <v>1</v>
      </c>
      <c r="L11" s="262">
        <v>20</v>
      </c>
      <c r="M11" s="263">
        <v>20</v>
      </c>
      <c r="N11" s="257">
        <v>0</v>
      </c>
      <c r="O11" s="261">
        <v>0</v>
      </c>
      <c r="P11" s="258">
        <v>0</v>
      </c>
      <c r="Q11" s="260">
        <v>0</v>
      </c>
      <c r="R11" s="261">
        <v>2</v>
      </c>
      <c r="S11" s="261">
        <v>3</v>
      </c>
      <c r="T11" s="261">
        <v>0</v>
      </c>
      <c r="U11" s="261">
        <v>1</v>
      </c>
      <c r="V11" s="261">
        <v>3</v>
      </c>
      <c r="W11" s="258">
        <v>9</v>
      </c>
      <c r="X11" s="263">
        <v>9</v>
      </c>
      <c r="Y11" s="257">
        <v>0</v>
      </c>
      <c r="Z11" s="261">
        <v>0</v>
      </c>
      <c r="AA11" s="258">
        <v>0</v>
      </c>
      <c r="AB11" s="260">
        <v>0</v>
      </c>
      <c r="AC11" s="261">
        <v>606</v>
      </c>
      <c r="AD11" s="261">
        <v>524</v>
      </c>
      <c r="AE11" s="261">
        <v>213</v>
      </c>
      <c r="AF11" s="261">
        <v>98</v>
      </c>
      <c r="AG11" s="261">
        <v>59</v>
      </c>
      <c r="AH11" s="258">
        <v>1500</v>
      </c>
      <c r="AI11" s="263">
        <v>1500</v>
      </c>
      <c r="AJ11" s="257">
        <v>0</v>
      </c>
      <c r="AK11" s="261">
        <v>0</v>
      </c>
      <c r="AL11" s="258">
        <v>0</v>
      </c>
      <c r="AM11" s="260">
        <v>0</v>
      </c>
      <c r="AN11" s="261">
        <v>9</v>
      </c>
      <c r="AO11" s="261">
        <v>10</v>
      </c>
      <c r="AP11" s="261">
        <v>7</v>
      </c>
      <c r="AQ11" s="261">
        <v>9</v>
      </c>
      <c r="AR11" s="261">
        <v>7</v>
      </c>
      <c r="AS11" s="258">
        <v>42</v>
      </c>
      <c r="AT11" s="263">
        <v>42</v>
      </c>
      <c r="AU11" s="257">
        <v>9</v>
      </c>
      <c r="AV11" s="261">
        <v>14</v>
      </c>
      <c r="AW11" s="258">
        <v>23</v>
      </c>
      <c r="AX11" s="260">
        <v>0</v>
      </c>
      <c r="AY11" s="261">
        <v>70</v>
      </c>
      <c r="AZ11" s="261">
        <v>46</v>
      </c>
      <c r="BA11" s="261">
        <v>46</v>
      </c>
      <c r="BB11" s="261">
        <v>26</v>
      </c>
      <c r="BC11" s="261">
        <v>11</v>
      </c>
      <c r="BD11" s="258">
        <v>199</v>
      </c>
      <c r="BE11" s="263">
        <v>222</v>
      </c>
      <c r="BF11" s="257">
        <v>0</v>
      </c>
      <c r="BG11" s="261">
        <v>0</v>
      </c>
      <c r="BH11" s="258">
        <v>0</v>
      </c>
      <c r="BI11" s="260">
        <v>0</v>
      </c>
      <c r="BJ11" s="261">
        <v>58</v>
      </c>
      <c r="BK11" s="261">
        <v>65</v>
      </c>
      <c r="BL11" s="261">
        <v>81</v>
      </c>
      <c r="BM11" s="261">
        <v>70</v>
      </c>
      <c r="BN11" s="261">
        <v>33</v>
      </c>
      <c r="BO11" s="262">
        <v>307</v>
      </c>
      <c r="BP11" s="263">
        <v>307</v>
      </c>
      <c r="BQ11" s="257">
        <v>0</v>
      </c>
      <c r="BR11" s="261">
        <v>0</v>
      </c>
      <c r="BS11" s="258">
        <v>0</v>
      </c>
      <c r="BT11" s="260">
        <v>0</v>
      </c>
      <c r="BU11" s="261">
        <v>2</v>
      </c>
      <c r="BV11" s="261">
        <v>7</v>
      </c>
      <c r="BW11" s="261">
        <v>14</v>
      </c>
      <c r="BX11" s="261">
        <v>15</v>
      </c>
      <c r="BY11" s="261">
        <v>7</v>
      </c>
      <c r="BZ11" s="258">
        <v>45</v>
      </c>
      <c r="CA11" s="263">
        <v>45</v>
      </c>
      <c r="CB11" s="257">
        <v>0</v>
      </c>
      <c r="CC11" s="261">
        <v>0</v>
      </c>
      <c r="CD11" s="258">
        <v>0</v>
      </c>
      <c r="CE11" s="260">
        <v>0</v>
      </c>
      <c r="CF11" s="261">
        <v>0</v>
      </c>
      <c r="CG11" s="261">
        <v>1</v>
      </c>
      <c r="CH11" s="261">
        <v>9</v>
      </c>
      <c r="CI11" s="261">
        <v>22</v>
      </c>
      <c r="CJ11" s="261">
        <v>11</v>
      </c>
      <c r="CK11" s="258">
        <v>43</v>
      </c>
      <c r="CL11" s="263">
        <v>43</v>
      </c>
      <c r="CM11" s="257">
        <v>0</v>
      </c>
      <c r="CN11" s="261">
        <v>0</v>
      </c>
      <c r="CO11" s="258">
        <v>0</v>
      </c>
      <c r="CP11" s="260">
        <v>0</v>
      </c>
      <c r="CQ11" s="261">
        <v>13</v>
      </c>
      <c r="CR11" s="261">
        <v>11</v>
      </c>
      <c r="CS11" s="261">
        <v>19</v>
      </c>
      <c r="CT11" s="261">
        <v>14</v>
      </c>
      <c r="CU11" s="261">
        <v>5</v>
      </c>
      <c r="CV11" s="258">
        <v>62</v>
      </c>
      <c r="CW11" s="263">
        <v>62</v>
      </c>
    </row>
    <row r="12" spans="1:101" ht="21" customHeight="1" x14ac:dyDescent="0.2">
      <c r="B12" s="472" t="s">
        <v>9</v>
      </c>
      <c r="C12" s="257">
        <v>0</v>
      </c>
      <c r="D12" s="258">
        <v>0</v>
      </c>
      <c r="E12" s="259">
        <v>0</v>
      </c>
      <c r="F12" s="260">
        <v>0</v>
      </c>
      <c r="G12" s="261">
        <v>0</v>
      </c>
      <c r="H12" s="261">
        <v>5</v>
      </c>
      <c r="I12" s="261">
        <v>4</v>
      </c>
      <c r="J12" s="261">
        <v>11</v>
      </c>
      <c r="K12" s="261">
        <v>3</v>
      </c>
      <c r="L12" s="262">
        <v>23</v>
      </c>
      <c r="M12" s="263">
        <v>23</v>
      </c>
      <c r="N12" s="257">
        <v>0</v>
      </c>
      <c r="O12" s="261">
        <v>0</v>
      </c>
      <c r="P12" s="258">
        <v>0</v>
      </c>
      <c r="Q12" s="260">
        <v>0</v>
      </c>
      <c r="R12" s="261">
        <v>0</v>
      </c>
      <c r="S12" s="261">
        <v>0</v>
      </c>
      <c r="T12" s="261">
        <v>0</v>
      </c>
      <c r="U12" s="261">
        <v>0</v>
      </c>
      <c r="V12" s="261">
        <v>0</v>
      </c>
      <c r="W12" s="258">
        <v>0</v>
      </c>
      <c r="X12" s="263">
        <v>0</v>
      </c>
      <c r="Y12" s="257">
        <v>0</v>
      </c>
      <c r="Z12" s="261">
        <v>0</v>
      </c>
      <c r="AA12" s="258">
        <v>0</v>
      </c>
      <c r="AB12" s="260">
        <v>0</v>
      </c>
      <c r="AC12" s="261">
        <v>477</v>
      </c>
      <c r="AD12" s="261">
        <v>257</v>
      </c>
      <c r="AE12" s="261">
        <v>167</v>
      </c>
      <c r="AF12" s="261">
        <v>96</v>
      </c>
      <c r="AG12" s="261">
        <v>32</v>
      </c>
      <c r="AH12" s="258">
        <v>1029</v>
      </c>
      <c r="AI12" s="263">
        <v>1029</v>
      </c>
      <c r="AJ12" s="257">
        <v>0</v>
      </c>
      <c r="AK12" s="261">
        <v>0</v>
      </c>
      <c r="AL12" s="258">
        <v>0</v>
      </c>
      <c r="AM12" s="260">
        <v>0</v>
      </c>
      <c r="AN12" s="261">
        <v>2</v>
      </c>
      <c r="AO12" s="261">
        <v>8</v>
      </c>
      <c r="AP12" s="261">
        <v>7</v>
      </c>
      <c r="AQ12" s="261">
        <v>1</v>
      </c>
      <c r="AR12" s="261">
        <v>7</v>
      </c>
      <c r="AS12" s="258">
        <v>25</v>
      </c>
      <c r="AT12" s="263">
        <v>25</v>
      </c>
      <c r="AU12" s="257">
        <v>6</v>
      </c>
      <c r="AV12" s="261">
        <v>8</v>
      </c>
      <c r="AW12" s="258">
        <v>14</v>
      </c>
      <c r="AX12" s="260">
        <v>0</v>
      </c>
      <c r="AY12" s="261">
        <v>28</v>
      </c>
      <c r="AZ12" s="261">
        <v>28</v>
      </c>
      <c r="BA12" s="261">
        <v>19</v>
      </c>
      <c r="BB12" s="261">
        <v>19</v>
      </c>
      <c r="BC12" s="261">
        <v>10</v>
      </c>
      <c r="BD12" s="258">
        <v>104</v>
      </c>
      <c r="BE12" s="263">
        <v>118</v>
      </c>
      <c r="BF12" s="257">
        <v>0</v>
      </c>
      <c r="BG12" s="261">
        <v>1</v>
      </c>
      <c r="BH12" s="258">
        <v>1</v>
      </c>
      <c r="BI12" s="260">
        <v>0</v>
      </c>
      <c r="BJ12" s="261">
        <v>33</v>
      </c>
      <c r="BK12" s="261">
        <v>63</v>
      </c>
      <c r="BL12" s="261">
        <v>88</v>
      </c>
      <c r="BM12" s="261">
        <v>60</v>
      </c>
      <c r="BN12" s="261">
        <v>25</v>
      </c>
      <c r="BO12" s="262">
        <v>269</v>
      </c>
      <c r="BP12" s="263">
        <v>270</v>
      </c>
      <c r="BQ12" s="257">
        <v>0</v>
      </c>
      <c r="BR12" s="261">
        <v>0</v>
      </c>
      <c r="BS12" s="258">
        <v>0</v>
      </c>
      <c r="BT12" s="260">
        <v>0</v>
      </c>
      <c r="BU12" s="261">
        <v>2</v>
      </c>
      <c r="BV12" s="261">
        <v>3</v>
      </c>
      <c r="BW12" s="261">
        <v>6</v>
      </c>
      <c r="BX12" s="261">
        <v>7</v>
      </c>
      <c r="BY12" s="261">
        <v>5</v>
      </c>
      <c r="BZ12" s="258">
        <v>23</v>
      </c>
      <c r="CA12" s="263">
        <v>23</v>
      </c>
      <c r="CB12" s="257">
        <v>0</v>
      </c>
      <c r="CC12" s="261">
        <v>0</v>
      </c>
      <c r="CD12" s="258">
        <v>0</v>
      </c>
      <c r="CE12" s="260">
        <v>0</v>
      </c>
      <c r="CF12" s="261">
        <v>0</v>
      </c>
      <c r="CG12" s="261">
        <v>0</v>
      </c>
      <c r="CH12" s="261">
        <v>0</v>
      </c>
      <c r="CI12" s="261">
        <v>1</v>
      </c>
      <c r="CJ12" s="261">
        <v>0</v>
      </c>
      <c r="CK12" s="258">
        <v>1</v>
      </c>
      <c r="CL12" s="263">
        <v>1</v>
      </c>
      <c r="CM12" s="257">
        <v>0</v>
      </c>
      <c r="CN12" s="261">
        <v>0</v>
      </c>
      <c r="CO12" s="258">
        <v>0</v>
      </c>
      <c r="CP12" s="260">
        <v>0</v>
      </c>
      <c r="CQ12" s="261">
        <v>4</v>
      </c>
      <c r="CR12" s="261">
        <v>7</v>
      </c>
      <c r="CS12" s="261">
        <v>5</v>
      </c>
      <c r="CT12" s="261">
        <v>7</v>
      </c>
      <c r="CU12" s="261">
        <v>15</v>
      </c>
      <c r="CV12" s="258">
        <v>38</v>
      </c>
      <c r="CW12" s="263">
        <v>38</v>
      </c>
    </row>
    <row r="13" spans="1:101" ht="21" customHeight="1" x14ac:dyDescent="0.2">
      <c r="B13" s="472" t="s">
        <v>10</v>
      </c>
      <c r="C13" s="257">
        <v>0</v>
      </c>
      <c r="D13" s="258">
        <v>0</v>
      </c>
      <c r="E13" s="259">
        <v>0</v>
      </c>
      <c r="F13" s="260">
        <v>0</v>
      </c>
      <c r="G13" s="261">
        <v>13</v>
      </c>
      <c r="H13" s="261">
        <v>14</v>
      </c>
      <c r="I13" s="261">
        <v>17</v>
      </c>
      <c r="J13" s="261">
        <v>19</v>
      </c>
      <c r="K13" s="261">
        <v>16</v>
      </c>
      <c r="L13" s="262">
        <v>79</v>
      </c>
      <c r="M13" s="263">
        <v>79</v>
      </c>
      <c r="N13" s="257">
        <v>0</v>
      </c>
      <c r="O13" s="261">
        <v>0</v>
      </c>
      <c r="P13" s="258">
        <v>0</v>
      </c>
      <c r="Q13" s="260">
        <v>0</v>
      </c>
      <c r="R13" s="261">
        <v>12</v>
      </c>
      <c r="S13" s="261">
        <v>5</v>
      </c>
      <c r="T13" s="261">
        <v>6</v>
      </c>
      <c r="U13" s="261">
        <v>7</v>
      </c>
      <c r="V13" s="261">
        <v>5</v>
      </c>
      <c r="W13" s="258">
        <v>35</v>
      </c>
      <c r="X13" s="263">
        <v>35</v>
      </c>
      <c r="Y13" s="257">
        <v>0</v>
      </c>
      <c r="Z13" s="261">
        <v>0</v>
      </c>
      <c r="AA13" s="258">
        <v>0</v>
      </c>
      <c r="AB13" s="260">
        <v>0</v>
      </c>
      <c r="AC13" s="261">
        <v>543</v>
      </c>
      <c r="AD13" s="261">
        <v>268</v>
      </c>
      <c r="AE13" s="261">
        <v>123</v>
      </c>
      <c r="AF13" s="261">
        <v>66</v>
      </c>
      <c r="AG13" s="261">
        <v>26</v>
      </c>
      <c r="AH13" s="258">
        <v>1026</v>
      </c>
      <c r="AI13" s="263">
        <v>1026</v>
      </c>
      <c r="AJ13" s="257">
        <v>0</v>
      </c>
      <c r="AK13" s="261">
        <v>1</v>
      </c>
      <c r="AL13" s="258">
        <v>1</v>
      </c>
      <c r="AM13" s="260">
        <v>0</v>
      </c>
      <c r="AN13" s="261">
        <v>7</v>
      </c>
      <c r="AO13" s="261">
        <v>14</v>
      </c>
      <c r="AP13" s="261">
        <v>26</v>
      </c>
      <c r="AQ13" s="261">
        <v>12</v>
      </c>
      <c r="AR13" s="261">
        <v>10</v>
      </c>
      <c r="AS13" s="258">
        <v>69</v>
      </c>
      <c r="AT13" s="263">
        <v>70</v>
      </c>
      <c r="AU13" s="257">
        <v>12</v>
      </c>
      <c r="AV13" s="261">
        <v>17</v>
      </c>
      <c r="AW13" s="258">
        <v>29</v>
      </c>
      <c r="AX13" s="260">
        <v>0</v>
      </c>
      <c r="AY13" s="261">
        <v>85</v>
      </c>
      <c r="AZ13" s="261">
        <v>66</v>
      </c>
      <c r="BA13" s="261">
        <v>67</v>
      </c>
      <c r="BB13" s="261">
        <v>64</v>
      </c>
      <c r="BC13" s="261">
        <v>42</v>
      </c>
      <c r="BD13" s="258">
        <v>324</v>
      </c>
      <c r="BE13" s="263">
        <v>353</v>
      </c>
      <c r="BF13" s="257">
        <v>0</v>
      </c>
      <c r="BG13" s="261">
        <v>3</v>
      </c>
      <c r="BH13" s="258">
        <v>3</v>
      </c>
      <c r="BI13" s="260">
        <v>0</v>
      </c>
      <c r="BJ13" s="261">
        <v>98</v>
      </c>
      <c r="BK13" s="261">
        <v>125</v>
      </c>
      <c r="BL13" s="261">
        <v>118</v>
      </c>
      <c r="BM13" s="261">
        <v>86</v>
      </c>
      <c r="BN13" s="261">
        <v>89</v>
      </c>
      <c r="BO13" s="262">
        <v>516</v>
      </c>
      <c r="BP13" s="263">
        <v>519</v>
      </c>
      <c r="BQ13" s="257">
        <v>0</v>
      </c>
      <c r="BR13" s="261">
        <v>0</v>
      </c>
      <c r="BS13" s="258">
        <v>0</v>
      </c>
      <c r="BT13" s="260">
        <v>0</v>
      </c>
      <c r="BU13" s="261">
        <v>39</v>
      </c>
      <c r="BV13" s="261">
        <v>26</v>
      </c>
      <c r="BW13" s="261">
        <v>35</v>
      </c>
      <c r="BX13" s="261">
        <v>28</v>
      </c>
      <c r="BY13" s="261">
        <v>32</v>
      </c>
      <c r="BZ13" s="258">
        <v>160</v>
      </c>
      <c r="CA13" s="263">
        <v>160</v>
      </c>
      <c r="CB13" s="257">
        <v>0</v>
      </c>
      <c r="CC13" s="261">
        <v>0</v>
      </c>
      <c r="CD13" s="258">
        <v>0</v>
      </c>
      <c r="CE13" s="260">
        <v>0</v>
      </c>
      <c r="CF13" s="261">
        <v>0</v>
      </c>
      <c r="CG13" s="261">
        <v>1</v>
      </c>
      <c r="CH13" s="261">
        <v>4</v>
      </c>
      <c r="CI13" s="261">
        <v>18</v>
      </c>
      <c r="CJ13" s="261">
        <v>20</v>
      </c>
      <c r="CK13" s="258">
        <v>43</v>
      </c>
      <c r="CL13" s="263">
        <v>43</v>
      </c>
      <c r="CM13" s="257">
        <v>0</v>
      </c>
      <c r="CN13" s="261">
        <v>0</v>
      </c>
      <c r="CO13" s="258">
        <v>0</v>
      </c>
      <c r="CP13" s="260">
        <v>0</v>
      </c>
      <c r="CQ13" s="261">
        <v>17</v>
      </c>
      <c r="CR13" s="261">
        <v>34</v>
      </c>
      <c r="CS13" s="261">
        <v>30</v>
      </c>
      <c r="CT13" s="261">
        <v>38</v>
      </c>
      <c r="CU13" s="261">
        <v>25</v>
      </c>
      <c r="CV13" s="258">
        <v>144</v>
      </c>
      <c r="CW13" s="263">
        <v>144</v>
      </c>
    </row>
    <row r="14" spans="1:101" ht="21" customHeight="1" x14ac:dyDescent="0.2">
      <c r="B14" s="472" t="s">
        <v>11</v>
      </c>
      <c r="C14" s="257">
        <v>0</v>
      </c>
      <c r="D14" s="258">
        <v>0</v>
      </c>
      <c r="E14" s="259">
        <v>0</v>
      </c>
      <c r="F14" s="260">
        <v>0</v>
      </c>
      <c r="G14" s="261">
        <v>9</v>
      </c>
      <c r="H14" s="261">
        <v>9</v>
      </c>
      <c r="I14" s="261">
        <v>4</v>
      </c>
      <c r="J14" s="261">
        <v>8</v>
      </c>
      <c r="K14" s="261">
        <v>6</v>
      </c>
      <c r="L14" s="262">
        <v>36</v>
      </c>
      <c r="M14" s="263">
        <v>36</v>
      </c>
      <c r="N14" s="257">
        <v>0</v>
      </c>
      <c r="O14" s="261">
        <v>0</v>
      </c>
      <c r="P14" s="258">
        <v>0</v>
      </c>
      <c r="Q14" s="260">
        <v>0</v>
      </c>
      <c r="R14" s="261">
        <v>13</v>
      </c>
      <c r="S14" s="261">
        <v>15</v>
      </c>
      <c r="T14" s="261">
        <v>12</v>
      </c>
      <c r="U14" s="261">
        <v>9</v>
      </c>
      <c r="V14" s="261">
        <v>6</v>
      </c>
      <c r="W14" s="258">
        <v>55</v>
      </c>
      <c r="X14" s="263">
        <v>55</v>
      </c>
      <c r="Y14" s="257">
        <v>0</v>
      </c>
      <c r="Z14" s="261">
        <v>0</v>
      </c>
      <c r="AA14" s="258">
        <v>0</v>
      </c>
      <c r="AB14" s="260">
        <v>0</v>
      </c>
      <c r="AC14" s="261">
        <v>509</v>
      </c>
      <c r="AD14" s="261">
        <v>264</v>
      </c>
      <c r="AE14" s="261">
        <v>150</v>
      </c>
      <c r="AF14" s="261">
        <v>64</v>
      </c>
      <c r="AG14" s="261">
        <v>24</v>
      </c>
      <c r="AH14" s="258">
        <v>1011</v>
      </c>
      <c r="AI14" s="263">
        <v>1011</v>
      </c>
      <c r="AJ14" s="257">
        <v>0</v>
      </c>
      <c r="AK14" s="261">
        <v>0</v>
      </c>
      <c r="AL14" s="258">
        <v>0</v>
      </c>
      <c r="AM14" s="260">
        <v>0</v>
      </c>
      <c r="AN14" s="261">
        <v>17</v>
      </c>
      <c r="AO14" s="261">
        <v>15</v>
      </c>
      <c r="AP14" s="261">
        <v>13</v>
      </c>
      <c r="AQ14" s="261">
        <v>0</v>
      </c>
      <c r="AR14" s="261">
        <v>1</v>
      </c>
      <c r="AS14" s="258">
        <v>46</v>
      </c>
      <c r="AT14" s="263">
        <v>46</v>
      </c>
      <c r="AU14" s="257">
        <v>1</v>
      </c>
      <c r="AV14" s="261">
        <v>4</v>
      </c>
      <c r="AW14" s="258">
        <v>5</v>
      </c>
      <c r="AX14" s="260">
        <v>0</v>
      </c>
      <c r="AY14" s="261">
        <v>44</v>
      </c>
      <c r="AZ14" s="261">
        <v>35</v>
      </c>
      <c r="BA14" s="261">
        <v>37</v>
      </c>
      <c r="BB14" s="261">
        <v>19</v>
      </c>
      <c r="BC14" s="261">
        <v>8</v>
      </c>
      <c r="BD14" s="258">
        <v>143</v>
      </c>
      <c r="BE14" s="263">
        <v>148</v>
      </c>
      <c r="BF14" s="257">
        <v>0</v>
      </c>
      <c r="BG14" s="261">
        <v>2</v>
      </c>
      <c r="BH14" s="258">
        <v>2</v>
      </c>
      <c r="BI14" s="260">
        <v>0</v>
      </c>
      <c r="BJ14" s="261">
        <v>45</v>
      </c>
      <c r="BK14" s="261">
        <v>71</v>
      </c>
      <c r="BL14" s="261">
        <v>80</v>
      </c>
      <c r="BM14" s="261">
        <v>51</v>
      </c>
      <c r="BN14" s="261">
        <v>22</v>
      </c>
      <c r="BO14" s="262">
        <v>269</v>
      </c>
      <c r="BP14" s="263">
        <v>271</v>
      </c>
      <c r="BQ14" s="257">
        <v>0</v>
      </c>
      <c r="BR14" s="261">
        <v>0</v>
      </c>
      <c r="BS14" s="258">
        <v>0</v>
      </c>
      <c r="BT14" s="260">
        <v>0</v>
      </c>
      <c r="BU14" s="261">
        <v>0</v>
      </c>
      <c r="BV14" s="261">
        <v>0</v>
      </c>
      <c r="BW14" s="261">
        <v>0</v>
      </c>
      <c r="BX14" s="261">
        <v>0</v>
      </c>
      <c r="BY14" s="261">
        <v>0</v>
      </c>
      <c r="BZ14" s="258">
        <v>0</v>
      </c>
      <c r="CA14" s="263">
        <v>0</v>
      </c>
      <c r="CB14" s="257">
        <v>0</v>
      </c>
      <c r="CC14" s="261">
        <v>0</v>
      </c>
      <c r="CD14" s="258">
        <v>0</v>
      </c>
      <c r="CE14" s="260">
        <v>0</v>
      </c>
      <c r="CF14" s="261">
        <v>0</v>
      </c>
      <c r="CG14" s="261">
        <v>1</v>
      </c>
      <c r="CH14" s="261">
        <v>0</v>
      </c>
      <c r="CI14" s="261">
        <v>0</v>
      </c>
      <c r="CJ14" s="261">
        <v>0</v>
      </c>
      <c r="CK14" s="258">
        <v>1</v>
      </c>
      <c r="CL14" s="263">
        <v>1</v>
      </c>
      <c r="CM14" s="257">
        <v>0</v>
      </c>
      <c r="CN14" s="261">
        <v>0</v>
      </c>
      <c r="CO14" s="258">
        <v>0</v>
      </c>
      <c r="CP14" s="260">
        <v>0</v>
      </c>
      <c r="CQ14" s="261">
        <v>7</v>
      </c>
      <c r="CR14" s="261">
        <v>6</v>
      </c>
      <c r="CS14" s="261">
        <v>3</v>
      </c>
      <c r="CT14" s="261">
        <v>9</v>
      </c>
      <c r="CU14" s="261">
        <v>2</v>
      </c>
      <c r="CV14" s="258">
        <v>27</v>
      </c>
      <c r="CW14" s="263">
        <v>27</v>
      </c>
    </row>
    <row r="15" spans="1:101" ht="21" customHeight="1" x14ac:dyDescent="0.2">
      <c r="B15" s="472" t="s">
        <v>12</v>
      </c>
      <c r="C15" s="257">
        <v>0</v>
      </c>
      <c r="D15" s="258">
        <v>0</v>
      </c>
      <c r="E15" s="259">
        <v>0</v>
      </c>
      <c r="F15" s="260">
        <v>0</v>
      </c>
      <c r="G15" s="261">
        <v>8</v>
      </c>
      <c r="H15" s="261">
        <v>7</v>
      </c>
      <c r="I15" s="261">
        <v>1</v>
      </c>
      <c r="J15" s="261">
        <v>3</v>
      </c>
      <c r="K15" s="261">
        <v>7</v>
      </c>
      <c r="L15" s="262">
        <v>26</v>
      </c>
      <c r="M15" s="263">
        <v>26</v>
      </c>
      <c r="N15" s="257">
        <v>0</v>
      </c>
      <c r="O15" s="261">
        <v>0</v>
      </c>
      <c r="P15" s="258">
        <v>0</v>
      </c>
      <c r="Q15" s="260">
        <v>0</v>
      </c>
      <c r="R15" s="261">
        <v>0</v>
      </c>
      <c r="S15" s="261">
        <v>0</v>
      </c>
      <c r="T15" s="261">
        <v>0</v>
      </c>
      <c r="U15" s="261">
        <v>0</v>
      </c>
      <c r="V15" s="261">
        <v>0</v>
      </c>
      <c r="W15" s="258">
        <v>0</v>
      </c>
      <c r="X15" s="263">
        <v>0</v>
      </c>
      <c r="Y15" s="257">
        <v>0</v>
      </c>
      <c r="Z15" s="261">
        <v>0</v>
      </c>
      <c r="AA15" s="258">
        <v>0</v>
      </c>
      <c r="AB15" s="260">
        <v>0</v>
      </c>
      <c r="AC15" s="261">
        <v>375</v>
      </c>
      <c r="AD15" s="261">
        <v>249</v>
      </c>
      <c r="AE15" s="261">
        <v>143</v>
      </c>
      <c r="AF15" s="261">
        <v>72</v>
      </c>
      <c r="AG15" s="261">
        <v>30</v>
      </c>
      <c r="AH15" s="258">
        <v>869</v>
      </c>
      <c r="AI15" s="263">
        <v>869</v>
      </c>
      <c r="AJ15" s="257">
        <v>0</v>
      </c>
      <c r="AK15" s="261">
        <v>0</v>
      </c>
      <c r="AL15" s="258">
        <v>0</v>
      </c>
      <c r="AM15" s="260">
        <v>0</v>
      </c>
      <c r="AN15" s="261">
        <v>3</v>
      </c>
      <c r="AO15" s="261">
        <v>3</v>
      </c>
      <c r="AP15" s="261">
        <v>1</v>
      </c>
      <c r="AQ15" s="261">
        <v>1</v>
      </c>
      <c r="AR15" s="261">
        <v>2</v>
      </c>
      <c r="AS15" s="258">
        <v>10</v>
      </c>
      <c r="AT15" s="263">
        <v>10</v>
      </c>
      <c r="AU15" s="257">
        <v>0</v>
      </c>
      <c r="AV15" s="261">
        <v>1</v>
      </c>
      <c r="AW15" s="258">
        <v>1</v>
      </c>
      <c r="AX15" s="260">
        <v>0</v>
      </c>
      <c r="AY15" s="261">
        <v>26</v>
      </c>
      <c r="AZ15" s="261">
        <v>40</v>
      </c>
      <c r="BA15" s="261">
        <v>50</v>
      </c>
      <c r="BB15" s="261">
        <v>26</v>
      </c>
      <c r="BC15" s="261">
        <v>31</v>
      </c>
      <c r="BD15" s="258">
        <v>173</v>
      </c>
      <c r="BE15" s="263">
        <v>174</v>
      </c>
      <c r="BF15" s="257">
        <v>0</v>
      </c>
      <c r="BG15" s="261">
        <v>0</v>
      </c>
      <c r="BH15" s="258">
        <v>0</v>
      </c>
      <c r="BI15" s="260">
        <v>0</v>
      </c>
      <c r="BJ15" s="261">
        <v>39</v>
      </c>
      <c r="BK15" s="261">
        <v>55</v>
      </c>
      <c r="BL15" s="261">
        <v>45</v>
      </c>
      <c r="BM15" s="261">
        <v>33</v>
      </c>
      <c r="BN15" s="261">
        <v>35</v>
      </c>
      <c r="BO15" s="262">
        <v>207</v>
      </c>
      <c r="BP15" s="263">
        <v>207</v>
      </c>
      <c r="BQ15" s="257">
        <v>0</v>
      </c>
      <c r="BR15" s="261">
        <v>0</v>
      </c>
      <c r="BS15" s="258">
        <v>0</v>
      </c>
      <c r="BT15" s="260">
        <v>0</v>
      </c>
      <c r="BU15" s="261">
        <v>0</v>
      </c>
      <c r="BV15" s="261">
        <v>6</v>
      </c>
      <c r="BW15" s="261">
        <v>9</v>
      </c>
      <c r="BX15" s="261">
        <v>9</v>
      </c>
      <c r="BY15" s="261">
        <v>4</v>
      </c>
      <c r="BZ15" s="258">
        <v>28</v>
      </c>
      <c r="CA15" s="263">
        <v>28</v>
      </c>
      <c r="CB15" s="257">
        <v>0</v>
      </c>
      <c r="CC15" s="261">
        <v>0</v>
      </c>
      <c r="CD15" s="258">
        <v>0</v>
      </c>
      <c r="CE15" s="260">
        <v>0</v>
      </c>
      <c r="CF15" s="261">
        <v>0</v>
      </c>
      <c r="CG15" s="261">
        <v>0</v>
      </c>
      <c r="CH15" s="261">
        <v>10</v>
      </c>
      <c r="CI15" s="261">
        <v>12</v>
      </c>
      <c r="CJ15" s="261">
        <v>7</v>
      </c>
      <c r="CK15" s="258">
        <v>29</v>
      </c>
      <c r="CL15" s="263">
        <v>29</v>
      </c>
      <c r="CM15" s="257">
        <v>0</v>
      </c>
      <c r="CN15" s="261">
        <v>0</v>
      </c>
      <c r="CO15" s="258">
        <v>0</v>
      </c>
      <c r="CP15" s="260">
        <v>0</v>
      </c>
      <c r="CQ15" s="261">
        <v>5</v>
      </c>
      <c r="CR15" s="261">
        <v>19</v>
      </c>
      <c r="CS15" s="261">
        <v>24</v>
      </c>
      <c r="CT15" s="261">
        <v>20</v>
      </c>
      <c r="CU15" s="261">
        <v>11</v>
      </c>
      <c r="CV15" s="258">
        <v>79</v>
      </c>
      <c r="CW15" s="263">
        <v>79</v>
      </c>
    </row>
    <row r="16" spans="1:101" ht="21" customHeight="1" x14ac:dyDescent="0.2">
      <c r="B16" s="472" t="s">
        <v>13</v>
      </c>
      <c r="C16" s="257">
        <v>0</v>
      </c>
      <c r="D16" s="258">
        <v>0</v>
      </c>
      <c r="E16" s="259">
        <v>0</v>
      </c>
      <c r="F16" s="260">
        <v>0</v>
      </c>
      <c r="G16" s="261">
        <v>1</v>
      </c>
      <c r="H16" s="261">
        <v>1</v>
      </c>
      <c r="I16" s="261">
        <v>1</v>
      </c>
      <c r="J16" s="261">
        <v>1</v>
      </c>
      <c r="K16" s="261">
        <v>2</v>
      </c>
      <c r="L16" s="262">
        <v>6</v>
      </c>
      <c r="M16" s="263">
        <v>6</v>
      </c>
      <c r="N16" s="257">
        <v>0</v>
      </c>
      <c r="O16" s="261">
        <v>0</v>
      </c>
      <c r="P16" s="258">
        <v>0</v>
      </c>
      <c r="Q16" s="260">
        <v>0</v>
      </c>
      <c r="R16" s="261">
        <v>0</v>
      </c>
      <c r="S16" s="261">
        <v>0</v>
      </c>
      <c r="T16" s="261">
        <v>0</v>
      </c>
      <c r="U16" s="261">
        <v>0</v>
      </c>
      <c r="V16" s="261">
        <v>0</v>
      </c>
      <c r="W16" s="258">
        <v>0</v>
      </c>
      <c r="X16" s="263">
        <v>0</v>
      </c>
      <c r="Y16" s="257">
        <v>0</v>
      </c>
      <c r="Z16" s="261">
        <v>0</v>
      </c>
      <c r="AA16" s="258">
        <v>0</v>
      </c>
      <c r="AB16" s="260">
        <v>0</v>
      </c>
      <c r="AC16" s="261">
        <v>150</v>
      </c>
      <c r="AD16" s="261">
        <v>147</v>
      </c>
      <c r="AE16" s="261">
        <v>77</v>
      </c>
      <c r="AF16" s="261">
        <v>39</v>
      </c>
      <c r="AG16" s="261">
        <v>15</v>
      </c>
      <c r="AH16" s="258">
        <v>428</v>
      </c>
      <c r="AI16" s="263">
        <v>428</v>
      </c>
      <c r="AJ16" s="257">
        <v>0</v>
      </c>
      <c r="AK16" s="261">
        <v>0</v>
      </c>
      <c r="AL16" s="258">
        <v>0</v>
      </c>
      <c r="AM16" s="260">
        <v>0</v>
      </c>
      <c r="AN16" s="261">
        <v>5</v>
      </c>
      <c r="AO16" s="261">
        <v>9</v>
      </c>
      <c r="AP16" s="261">
        <v>5</v>
      </c>
      <c r="AQ16" s="261">
        <v>4</v>
      </c>
      <c r="AR16" s="261">
        <v>7</v>
      </c>
      <c r="AS16" s="258">
        <v>30</v>
      </c>
      <c r="AT16" s="263">
        <v>30</v>
      </c>
      <c r="AU16" s="257">
        <v>3</v>
      </c>
      <c r="AV16" s="261">
        <v>4</v>
      </c>
      <c r="AW16" s="258">
        <v>7</v>
      </c>
      <c r="AX16" s="260">
        <v>0</v>
      </c>
      <c r="AY16" s="261">
        <v>13</v>
      </c>
      <c r="AZ16" s="261">
        <v>10</v>
      </c>
      <c r="BA16" s="261">
        <v>11</v>
      </c>
      <c r="BB16" s="261">
        <v>1</v>
      </c>
      <c r="BC16" s="261">
        <v>0</v>
      </c>
      <c r="BD16" s="258">
        <v>35</v>
      </c>
      <c r="BE16" s="263">
        <v>42</v>
      </c>
      <c r="BF16" s="257">
        <v>0</v>
      </c>
      <c r="BG16" s="261">
        <v>0</v>
      </c>
      <c r="BH16" s="258">
        <v>0</v>
      </c>
      <c r="BI16" s="260">
        <v>0</v>
      </c>
      <c r="BJ16" s="261">
        <v>12</v>
      </c>
      <c r="BK16" s="261">
        <v>16</v>
      </c>
      <c r="BL16" s="261">
        <v>23</v>
      </c>
      <c r="BM16" s="261">
        <v>16</v>
      </c>
      <c r="BN16" s="261">
        <v>8</v>
      </c>
      <c r="BO16" s="262">
        <v>75</v>
      </c>
      <c r="BP16" s="263">
        <v>75</v>
      </c>
      <c r="BQ16" s="257">
        <v>0</v>
      </c>
      <c r="BR16" s="261">
        <v>0</v>
      </c>
      <c r="BS16" s="258">
        <v>0</v>
      </c>
      <c r="BT16" s="260">
        <v>0</v>
      </c>
      <c r="BU16" s="261">
        <v>2</v>
      </c>
      <c r="BV16" s="261">
        <v>2</v>
      </c>
      <c r="BW16" s="261">
        <v>1</v>
      </c>
      <c r="BX16" s="261">
        <v>4</v>
      </c>
      <c r="BY16" s="261">
        <v>2</v>
      </c>
      <c r="BZ16" s="258">
        <v>11</v>
      </c>
      <c r="CA16" s="263">
        <v>11</v>
      </c>
      <c r="CB16" s="257">
        <v>0</v>
      </c>
      <c r="CC16" s="261">
        <v>0</v>
      </c>
      <c r="CD16" s="258">
        <v>0</v>
      </c>
      <c r="CE16" s="260">
        <v>0</v>
      </c>
      <c r="CF16" s="261">
        <v>0</v>
      </c>
      <c r="CG16" s="261">
        <v>0</v>
      </c>
      <c r="CH16" s="261">
        <v>0</v>
      </c>
      <c r="CI16" s="261">
        <v>0</v>
      </c>
      <c r="CJ16" s="261">
        <v>0</v>
      </c>
      <c r="CK16" s="258">
        <v>0</v>
      </c>
      <c r="CL16" s="263">
        <v>0</v>
      </c>
      <c r="CM16" s="257">
        <v>0</v>
      </c>
      <c r="CN16" s="261">
        <v>0</v>
      </c>
      <c r="CO16" s="258">
        <v>0</v>
      </c>
      <c r="CP16" s="260">
        <v>0</v>
      </c>
      <c r="CQ16" s="261">
        <v>0</v>
      </c>
      <c r="CR16" s="261">
        <v>0</v>
      </c>
      <c r="CS16" s="261">
        <v>0</v>
      </c>
      <c r="CT16" s="261">
        <v>0</v>
      </c>
      <c r="CU16" s="261">
        <v>0</v>
      </c>
      <c r="CV16" s="258">
        <v>0</v>
      </c>
      <c r="CW16" s="263">
        <v>0</v>
      </c>
    </row>
    <row r="17" spans="2:101" ht="21" customHeight="1" x14ac:dyDescent="0.2">
      <c r="B17" s="472" t="s">
        <v>15</v>
      </c>
      <c r="C17" s="257">
        <v>0</v>
      </c>
      <c r="D17" s="258">
        <v>0</v>
      </c>
      <c r="E17" s="259">
        <v>0</v>
      </c>
      <c r="F17" s="260">
        <v>0</v>
      </c>
      <c r="G17" s="261">
        <v>2</v>
      </c>
      <c r="H17" s="261">
        <v>1</v>
      </c>
      <c r="I17" s="261">
        <v>3</v>
      </c>
      <c r="J17" s="261">
        <v>4</v>
      </c>
      <c r="K17" s="261">
        <v>5</v>
      </c>
      <c r="L17" s="262">
        <v>15</v>
      </c>
      <c r="M17" s="263">
        <v>15</v>
      </c>
      <c r="N17" s="257">
        <v>0</v>
      </c>
      <c r="O17" s="261">
        <v>0</v>
      </c>
      <c r="P17" s="258">
        <v>0</v>
      </c>
      <c r="Q17" s="260">
        <v>0</v>
      </c>
      <c r="R17" s="261">
        <v>0</v>
      </c>
      <c r="S17" s="261">
        <v>0</v>
      </c>
      <c r="T17" s="261">
        <v>0</v>
      </c>
      <c r="U17" s="261">
        <v>0</v>
      </c>
      <c r="V17" s="261">
        <v>0</v>
      </c>
      <c r="W17" s="258">
        <v>0</v>
      </c>
      <c r="X17" s="263">
        <v>0</v>
      </c>
      <c r="Y17" s="257">
        <v>0</v>
      </c>
      <c r="Z17" s="261">
        <v>0</v>
      </c>
      <c r="AA17" s="258">
        <v>0</v>
      </c>
      <c r="AB17" s="260">
        <v>0</v>
      </c>
      <c r="AC17" s="261">
        <v>167</v>
      </c>
      <c r="AD17" s="261">
        <v>182</v>
      </c>
      <c r="AE17" s="261">
        <v>84</v>
      </c>
      <c r="AF17" s="261">
        <v>27</v>
      </c>
      <c r="AG17" s="261">
        <v>17</v>
      </c>
      <c r="AH17" s="258">
        <v>477</v>
      </c>
      <c r="AI17" s="263">
        <v>477</v>
      </c>
      <c r="AJ17" s="257">
        <v>0</v>
      </c>
      <c r="AK17" s="261">
        <v>0</v>
      </c>
      <c r="AL17" s="258">
        <v>0</v>
      </c>
      <c r="AM17" s="260">
        <v>0</v>
      </c>
      <c r="AN17" s="261">
        <v>3</v>
      </c>
      <c r="AO17" s="261">
        <v>4</v>
      </c>
      <c r="AP17" s="261">
        <v>6</v>
      </c>
      <c r="AQ17" s="261">
        <v>3</v>
      </c>
      <c r="AR17" s="261">
        <v>2</v>
      </c>
      <c r="AS17" s="258">
        <v>18</v>
      </c>
      <c r="AT17" s="263">
        <v>18</v>
      </c>
      <c r="AU17" s="257">
        <v>4</v>
      </c>
      <c r="AV17" s="261">
        <v>13</v>
      </c>
      <c r="AW17" s="258">
        <v>17</v>
      </c>
      <c r="AX17" s="260">
        <v>0</v>
      </c>
      <c r="AY17" s="261">
        <v>14</v>
      </c>
      <c r="AZ17" s="261">
        <v>10</v>
      </c>
      <c r="BA17" s="261">
        <v>7</v>
      </c>
      <c r="BB17" s="261">
        <v>8</v>
      </c>
      <c r="BC17" s="261">
        <v>4</v>
      </c>
      <c r="BD17" s="258">
        <v>43</v>
      </c>
      <c r="BE17" s="263">
        <v>60</v>
      </c>
      <c r="BF17" s="257">
        <v>0</v>
      </c>
      <c r="BG17" s="261">
        <v>4</v>
      </c>
      <c r="BH17" s="258">
        <v>4</v>
      </c>
      <c r="BI17" s="260">
        <v>0</v>
      </c>
      <c r="BJ17" s="261">
        <v>35</v>
      </c>
      <c r="BK17" s="261">
        <v>40</v>
      </c>
      <c r="BL17" s="261">
        <v>41</v>
      </c>
      <c r="BM17" s="261">
        <v>28</v>
      </c>
      <c r="BN17" s="261">
        <v>17</v>
      </c>
      <c r="BO17" s="262">
        <v>161</v>
      </c>
      <c r="BP17" s="263">
        <v>165</v>
      </c>
      <c r="BQ17" s="257">
        <v>0</v>
      </c>
      <c r="BR17" s="261">
        <v>0</v>
      </c>
      <c r="BS17" s="258">
        <v>0</v>
      </c>
      <c r="BT17" s="260">
        <v>0</v>
      </c>
      <c r="BU17" s="261">
        <v>0</v>
      </c>
      <c r="BV17" s="261">
        <v>0</v>
      </c>
      <c r="BW17" s="261">
        <v>0</v>
      </c>
      <c r="BX17" s="261">
        <v>0</v>
      </c>
      <c r="BY17" s="261">
        <v>0</v>
      </c>
      <c r="BZ17" s="258">
        <v>0</v>
      </c>
      <c r="CA17" s="263">
        <v>0</v>
      </c>
      <c r="CB17" s="257">
        <v>0</v>
      </c>
      <c r="CC17" s="261">
        <v>0</v>
      </c>
      <c r="CD17" s="258">
        <v>0</v>
      </c>
      <c r="CE17" s="260">
        <v>0</v>
      </c>
      <c r="CF17" s="261">
        <v>0</v>
      </c>
      <c r="CG17" s="261">
        <v>0</v>
      </c>
      <c r="CH17" s="261">
        <v>7</v>
      </c>
      <c r="CI17" s="261">
        <v>14</v>
      </c>
      <c r="CJ17" s="261">
        <v>5</v>
      </c>
      <c r="CK17" s="258">
        <v>26</v>
      </c>
      <c r="CL17" s="263">
        <v>26</v>
      </c>
      <c r="CM17" s="257">
        <v>0</v>
      </c>
      <c r="CN17" s="261">
        <v>0</v>
      </c>
      <c r="CO17" s="258">
        <v>0</v>
      </c>
      <c r="CP17" s="260">
        <v>0</v>
      </c>
      <c r="CQ17" s="261">
        <v>10</v>
      </c>
      <c r="CR17" s="261">
        <v>7</v>
      </c>
      <c r="CS17" s="261">
        <v>5</v>
      </c>
      <c r="CT17" s="261">
        <v>0</v>
      </c>
      <c r="CU17" s="261">
        <v>1</v>
      </c>
      <c r="CV17" s="258">
        <v>23</v>
      </c>
      <c r="CW17" s="263">
        <v>23</v>
      </c>
    </row>
    <row r="18" spans="2:101" ht="21" customHeight="1" x14ac:dyDescent="0.2">
      <c r="B18" s="472" t="s">
        <v>16</v>
      </c>
      <c r="C18" s="257">
        <v>0</v>
      </c>
      <c r="D18" s="258">
        <v>0</v>
      </c>
      <c r="E18" s="259">
        <v>0</v>
      </c>
      <c r="F18" s="260">
        <v>0</v>
      </c>
      <c r="G18" s="261">
        <v>8</v>
      </c>
      <c r="H18" s="261">
        <v>16</v>
      </c>
      <c r="I18" s="261">
        <v>14</v>
      </c>
      <c r="J18" s="261">
        <v>8</v>
      </c>
      <c r="K18" s="261">
        <v>10</v>
      </c>
      <c r="L18" s="262">
        <v>56</v>
      </c>
      <c r="M18" s="263">
        <v>56</v>
      </c>
      <c r="N18" s="257">
        <v>0</v>
      </c>
      <c r="O18" s="261">
        <v>0</v>
      </c>
      <c r="P18" s="258">
        <v>0</v>
      </c>
      <c r="Q18" s="260">
        <v>0</v>
      </c>
      <c r="R18" s="261">
        <v>0</v>
      </c>
      <c r="S18" s="261">
        <v>1</v>
      </c>
      <c r="T18" s="261">
        <v>3</v>
      </c>
      <c r="U18" s="261">
        <v>3</v>
      </c>
      <c r="V18" s="261">
        <v>1</v>
      </c>
      <c r="W18" s="258">
        <v>8</v>
      </c>
      <c r="X18" s="263">
        <v>8</v>
      </c>
      <c r="Y18" s="257">
        <v>0</v>
      </c>
      <c r="Z18" s="261">
        <v>0</v>
      </c>
      <c r="AA18" s="258">
        <v>0</v>
      </c>
      <c r="AB18" s="260">
        <v>0</v>
      </c>
      <c r="AC18" s="261">
        <v>156</v>
      </c>
      <c r="AD18" s="261">
        <v>180</v>
      </c>
      <c r="AE18" s="261">
        <v>87</v>
      </c>
      <c r="AF18" s="261">
        <v>41</v>
      </c>
      <c r="AG18" s="261">
        <v>15</v>
      </c>
      <c r="AH18" s="258">
        <v>479</v>
      </c>
      <c r="AI18" s="263">
        <v>479</v>
      </c>
      <c r="AJ18" s="257">
        <v>0</v>
      </c>
      <c r="AK18" s="261">
        <v>0</v>
      </c>
      <c r="AL18" s="258">
        <v>0</v>
      </c>
      <c r="AM18" s="260">
        <v>0</v>
      </c>
      <c r="AN18" s="261">
        <v>6</v>
      </c>
      <c r="AO18" s="261">
        <v>12</v>
      </c>
      <c r="AP18" s="261">
        <v>7</v>
      </c>
      <c r="AQ18" s="261">
        <v>6</v>
      </c>
      <c r="AR18" s="261">
        <v>3</v>
      </c>
      <c r="AS18" s="258">
        <v>34</v>
      </c>
      <c r="AT18" s="263">
        <v>34</v>
      </c>
      <c r="AU18" s="257">
        <v>3</v>
      </c>
      <c r="AV18" s="261">
        <v>2</v>
      </c>
      <c r="AW18" s="258">
        <v>5</v>
      </c>
      <c r="AX18" s="260">
        <v>0</v>
      </c>
      <c r="AY18" s="261">
        <v>14</v>
      </c>
      <c r="AZ18" s="261">
        <v>18</v>
      </c>
      <c r="BA18" s="261">
        <v>17</v>
      </c>
      <c r="BB18" s="261">
        <v>18</v>
      </c>
      <c r="BC18" s="261">
        <v>7</v>
      </c>
      <c r="BD18" s="258">
        <v>74</v>
      </c>
      <c r="BE18" s="263">
        <v>79</v>
      </c>
      <c r="BF18" s="257">
        <v>0</v>
      </c>
      <c r="BG18" s="261">
        <v>1</v>
      </c>
      <c r="BH18" s="258">
        <v>1</v>
      </c>
      <c r="BI18" s="260">
        <v>0</v>
      </c>
      <c r="BJ18" s="261">
        <v>17</v>
      </c>
      <c r="BK18" s="261">
        <v>40</v>
      </c>
      <c r="BL18" s="261">
        <v>57</v>
      </c>
      <c r="BM18" s="261">
        <v>31</v>
      </c>
      <c r="BN18" s="261">
        <v>35</v>
      </c>
      <c r="BO18" s="262">
        <v>180</v>
      </c>
      <c r="BP18" s="263">
        <v>181</v>
      </c>
      <c r="BQ18" s="257">
        <v>0</v>
      </c>
      <c r="BR18" s="261">
        <v>0</v>
      </c>
      <c r="BS18" s="258">
        <v>0</v>
      </c>
      <c r="BT18" s="260">
        <v>0</v>
      </c>
      <c r="BU18" s="261">
        <v>0</v>
      </c>
      <c r="BV18" s="261">
        <v>0</v>
      </c>
      <c r="BW18" s="261">
        <v>0</v>
      </c>
      <c r="BX18" s="261">
        <v>0</v>
      </c>
      <c r="BY18" s="261">
        <v>0</v>
      </c>
      <c r="BZ18" s="258">
        <v>0</v>
      </c>
      <c r="CA18" s="263">
        <v>0</v>
      </c>
      <c r="CB18" s="257">
        <v>0</v>
      </c>
      <c r="CC18" s="261">
        <v>0</v>
      </c>
      <c r="CD18" s="258">
        <v>0</v>
      </c>
      <c r="CE18" s="260">
        <v>0</v>
      </c>
      <c r="CF18" s="261">
        <v>1</v>
      </c>
      <c r="CG18" s="261">
        <v>2</v>
      </c>
      <c r="CH18" s="261">
        <v>6</v>
      </c>
      <c r="CI18" s="261">
        <v>9</v>
      </c>
      <c r="CJ18" s="261">
        <v>10</v>
      </c>
      <c r="CK18" s="258">
        <v>28</v>
      </c>
      <c r="CL18" s="263">
        <v>28</v>
      </c>
      <c r="CM18" s="257">
        <v>0</v>
      </c>
      <c r="CN18" s="261">
        <v>0</v>
      </c>
      <c r="CO18" s="258">
        <v>0</v>
      </c>
      <c r="CP18" s="260">
        <v>0</v>
      </c>
      <c r="CQ18" s="261">
        <v>1</v>
      </c>
      <c r="CR18" s="261">
        <v>5</v>
      </c>
      <c r="CS18" s="261">
        <v>7</v>
      </c>
      <c r="CT18" s="261">
        <v>2</v>
      </c>
      <c r="CU18" s="261">
        <v>4</v>
      </c>
      <c r="CV18" s="258">
        <v>19</v>
      </c>
      <c r="CW18" s="263">
        <v>19</v>
      </c>
    </row>
    <row r="19" spans="2:101" ht="21" customHeight="1" x14ac:dyDescent="0.2">
      <c r="B19" s="472" t="s">
        <v>17</v>
      </c>
      <c r="C19" s="257">
        <v>0</v>
      </c>
      <c r="D19" s="258">
        <v>0</v>
      </c>
      <c r="E19" s="259">
        <v>0</v>
      </c>
      <c r="F19" s="260">
        <v>0</v>
      </c>
      <c r="G19" s="261">
        <v>3</v>
      </c>
      <c r="H19" s="261">
        <v>2</v>
      </c>
      <c r="I19" s="261">
        <v>3</v>
      </c>
      <c r="J19" s="261">
        <v>2</v>
      </c>
      <c r="K19" s="261">
        <v>1</v>
      </c>
      <c r="L19" s="262">
        <v>11</v>
      </c>
      <c r="M19" s="263">
        <v>11</v>
      </c>
      <c r="N19" s="257">
        <v>0</v>
      </c>
      <c r="O19" s="261">
        <v>0</v>
      </c>
      <c r="P19" s="258">
        <v>0</v>
      </c>
      <c r="Q19" s="260">
        <v>0</v>
      </c>
      <c r="R19" s="261">
        <v>0</v>
      </c>
      <c r="S19" s="261">
        <v>0</v>
      </c>
      <c r="T19" s="261">
        <v>0</v>
      </c>
      <c r="U19" s="261">
        <v>0</v>
      </c>
      <c r="V19" s="261">
        <v>0</v>
      </c>
      <c r="W19" s="258">
        <v>0</v>
      </c>
      <c r="X19" s="263">
        <v>0</v>
      </c>
      <c r="Y19" s="257">
        <v>0</v>
      </c>
      <c r="Z19" s="261">
        <v>0</v>
      </c>
      <c r="AA19" s="258">
        <v>0</v>
      </c>
      <c r="AB19" s="260">
        <v>0</v>
      </c>
      <c r="AC19" s="261">
        <v>259</v>
      </c>
      <c r="AD19" s="261">
        <v>323</v>
      </c>
      <c r="AE19" s="261">
        <v>153</v>
      </c>
      <c r="AF19" s="261">
        <v>84</v>
      </c>
      <c r="AG19" s="261">
        <v>38</v>
      </c>
      <c r="AH19" s="258">
        <v>857</v>
      </c>
      <c r="AI19" s="263">
        <v>857</v>
      </c>
      <c r="AJ19" s="257">
        <v>1</v>
      </c>
      <c r="AK19" s="261">
        <v>3</v>
      </c>
      <c r="AL19" s="258">
        <v>4</v>
      </c>
      <c r="AM19" s="260">
        <v>0</v>
      </c>
      <c r="AN19" s="261">
        <v>18</v>
      </c>
      <c r="AO19" s="261">
        <v>17</v>
      </c>
      <c r="AP19" s="261">
        <v>13</v>
      </c>
      <c r="AQ19" s="261">
        <v>12</v>
      </c>
      <c r="AR19" s="261">
        <v>6</v>
      </c>
      <c r="AS19" s="258">
        <v>66</v>
      </c>
      <c r="AT19" s="263">
        <v>70</v>
      </c>
      <c r="AU19" s="257">
        <v>0</v>
      </c>
      <c r="AV19" s="261">
        <v>3</v>
      </c>
      <c r="AW19" s="258">
        <v>3</v>
      </c>
      <c r="AX19" s="260">
        <v>0</v>
      </c>
      <c r="AY19" s="261">
        <v>14</v>
      </c>
      <c r="AZ19" s="261">
        <v>29</v>
      </c>
      <c r="BA19" s="261">
        <v>33</v>
      </c>
      <c r="BB19" s="261">
        <v>22</v>
      </c>
      <c r="BC19" s="261">
        <v>13</v>
      </c>
      <c r="BD19" s="258">
        <v>111</v>
      </c>
      <c r="BE19" s="263">
        <v>114</v>
      </c>
      <c r="BF19" s="257">
        <v>0</v>
      </c>
      <c r="BG19" s="261">
        <v>0</v>
      </c>
      <c r="BH19" s="258">
        <v>0</v>
      </c>
      <c r="BI19" s="260">
        <v>0</v>
      </c>
      <c r="BJ19" s="261">
        <v>34</v>
      </c>
      <c r="BK19" s="261">
        <v>62</v>
      </c>
      <c r="BL19" s="261">
        <v>77</v>
      </c>
      <c r="BM19" s="261">
        <v>45</v>
      </c>
      <c r="BN19" s="261">
        <v>21</v>
      </c>
      <c r="BO19" s="262">
        <v>239</v>
      </c>
      <c r="BP19" s="263">
        <v>239</v>
      </c>
      <c r="BQ19" s="257">
        <v>0</v>
      </c>
      <c r="BR19" s="261">
        <v>0</v>
      </c>
      <c r="BS19" s="258">
        <v>0</v>
      </c>
      <c r="BT19" s="260">
        <v>0</v>
      </c>
      <c r="BU19" s="261">
        <v>0</v>
      </c>
      <c r="BV19" s="261">
        <v>0</v>
      </c>
      <c r="BW19" s="261">
        <v>0</v>
      </c>
      <c r="BX19" s="261">
        <v>0</v>
      </c>
      <c r="BY19" s="261">
        <v>0</v>
      </c>
      <c r="BZ19" s="258">
        <v>0</v>
      </c>
      <c r="CA19" s="263">
        <v>0</v>
      </c>
      <c r="CB19" s="257">
        <v>0</v>
      </c>
      <c r="CC19" s="261">
        <v>0</v>
      </c>
      <c r="CD19" s="258">
        <v>0</v>
      </c>
      <c r="CE19" s="260">
        <v>0</v>
      </c>
      <c r="CF19" s="261">
        <v>0</v>
      </c>
      <c r="CG19" s="261">
        <v>2</v>
      </c>
      <c r="CH19" s="261">
        <v>26</v>
      </c>
      <c r="CI19" s="261">
        <v>41</v>
      </c>
      <c r="CJ19" s="261">
        <v>34</v>
      </c>
      <c r="CK19" s="258">
        <v>103</v>
      </c>
      <c r="CL19" s="263">
        <v>103</v>
      </c>
      <c r="CM19" s="257">
        <v>0</v>
      </c>
      <c r="CN19" s="261">
        <v>0</v>
      </c>
      <c r="CO19" s="258">
        <v>0</v>
      </c>
      <c r="CP19" s="260">
        <v>0</v>
      </c>
      <c r="CQ19" s="261">
        <v>0</v>
      </c>
      <c r="CR19" s="261">
        <v>2</v>
      </c>
      <c r="CS19" s="261">
        <v>2</v>
      </c>
      <c r="CT19" s="261">
        <v>4</v>
      </c>
      <c r="CU19" s="261">
        <v>8</v>
      </c>
      <c r="CV19" s="258">
        <v>16</v>
      </c>
      <c r="CW19" s="263">
        <v>16</v>
      </c>
    </row>
    <row r="20" spans="2:101" ht="21" customHeight="1" x14ac:dyDescent="0.2">
      <c r="B20" s="472" t="s">
        <v>18</v>
      </c>
      <c r="C20" s="257">
        <v>0</v>
      </c>
      <c r="D20" s="258">
        <v>0</v>
      </c>
      <c r="E20" s="259">
        <v>0</v>
      </c>
      <c r="F20" s="260">
        <v>0</v>
      </c>
      <c r="G20" s="261">
        <v>4</v>
      </c>
      <c r="H20" s="261">
        <v>6</v>
      </c>
      <c r="I20" s="261">
        <v>1</v>
      </c>
      <c r="J20" s="261">
        <v>3</v>
      </c>
      <c r="K20" s="261">
        <v>1</v>
      </c>
      <c r="L20" s="262">
        <v>15</v>
      </c>
      <c r="M20" s="263">
        <v>15</v>
      </c>
      <c r="N20" s="257">
        <v>0</v>
      </c>
      <c r="O20" s="261">
        <v>0</v>
      </c>
      <c r="P20" s="258">
        <v>0</v>
      </c>
      <c r="Q20" s="260">
        <v>0</v>
      </c>
      <c r="R20" s="261">
        <v>0</v>
      </c>
      <c r="S20" s="261">
        <v>0</v>
      </c>
      <c r="T20" s="261">
        <v>0</v>
      </c>
      <c r="U20" s="261">
        <v>1</v>
      </c>
      <c r="V20" s="261">
        <v>0</v>
      </c>
      <c r="W20" s="258">
        <v>1</v>
      </c>
      <c r="X20" s="263">
        <v>1</v>
      </c>
      <c r="Y20" s="257">
        <v>0</v>
      </c>
      <c r="Z20" s="261">
        <v>0</v>
      </c>
      <c r="AA20" s="258">
        <v>0</v>
      </c>
      <c r="AB20" s="260">
        <v>0</v>
      </c>
      <c r="AC20" s="261">
        <v>304</v>
      </c>
      <c r="AD20" s="261">
        <v>197</v>
      </c>
      <c r="AE20" s="261">
        <v>90</v>
      </c>
      <c r="AF20" s="261">
        <v>41</v>
      </c>
      <c r="AG20" s="261">
        <v>10</v>
      </c>
      <c r="AH20" s="258">
        <v>642</v>
      </c>
      <c r="AI20" s="263">
        <v>642</v>
      </c>
      <c r="AJ20" s="257">
        <v>0</v>
      </c>
      <c r="AK20" s="261">
        <v>0</v>
      </c>
      <c r="AL20" s="258">
        <v>0</v>
      </c>
      <c r="AM20" s="260">
        <v>0</v>
      </c>
      <c r="AN20" s="261">
        <v>6</v>
      </c>
      <c r="AO20" s="261">
        <v>12</v>
      </c>
      <c r="AP20" s="261">
        <v>29</v>
      </c>
      <c r="AQ20" s="261">
        <v>13</v>
      </c>
      <c r="AR20" s="261">
        <v>9</v>
      </c>
      <c r="AS20" s="258">
        <v>69</v>
      </c>
      <c r="AT20" s="263">
        <v>69</v>
      </c>
      <c r="AU20" s="257">
        <v>4</v>
      </c>
      <c r="AV20" s="261">
        <v>14</v>
      </c>
      <c r="AW20" s="258">
        <v>18</v>
      </c>
      <c r="AX20" s="260">
        <v>0</v>
      </c>
      <c r="AY20" s="261">
        <v>50</v>
      </c>
      <c r="AZ20" s="261">
        <v>39</v>
      </c>
      <c r="BA20" s="261">
        <v>53</v>
      </c>
      <c r="BB20" s="261">
        <v>17</v>
      </c>
      <c r="BC20" s="261">
        <v>10</v>
      </c>
      <c r="BD20" s="258">
        <v>169</v>
      </c>
      <c r="BE20" s="263">
        <v>187</v>
      </c>
      <c r="BF20" s="257">
        <v>0</v>
      </c>
      <c r="BG20" s="261">
        <v>2</v>
      </c>
      <c r="BH20" s="258">
        <v>2</v>
      </c>
      <c r="BI20" s="260">
        <v>0</v>
      </c>
      <c r="BJ20" s="261">
        <v>48</v>
      </c>
      <c r="BK20" s="261">
        <v>78</v>
      </c>
      <c r="BL20" s="261">
        <v>99</v>
      </c>
      <c r="BM20" s="261">
        <v>60</v>
      </c>
      <c r="BN20" s="261">
        <v>27</v>
      </c>
      <c r="BO20" s="262">
        <v>312</v>
      </c>
      <c r="BP20" s="263">
        <v>314</v>
      </c>
      <c r="BQ20" s="257">
        <v>0</v>
      </c>
      <c r="BR20" s="261">
        <v>0</v>
      </c>
      <c r="BS20" s="258">
        <v>0</v>
      </c>
      <c r="BT20" s="260">
        <v>0</v>
      </c>
      <c r="BU20" s="261">
        <v>0</v>
      </c>
      <c r="BV20" s="261">
        <v>0</v>
      </c>
      <c r="BW20" s="261">
        <v>0</v>
      </c>
      <c r="BX20" s="261">
        <v>0</v>
      </c>
      <c r="BY20" s="261">
        <v>0</v>
      </c>
      <c r="BZ20" s="258">
        <v>0</v>
      </c>
      <c r="CA20" s="263">
        <v>0</v>
      </c>
      <c r="CB20" s="257">
        <v>0</v>
      </c>
      <c r="CC20" s="261">
        <v>0</v>
      </c>
      <c r="CD20" s="258">
        <v>0</v>
      </c>
      <c r="CE20" s="260">
        <v>0</v>
      </c>
      <c r="CF20" s="261">
        <v>0</v>
      </c>
      <c r="CG20" s="261">
        <v>2</v>
      </c>
      <c r="CH20" s="261">
        <v>6</v>
      </c>
      <c r="CI20" s="261">
        <v>15</v>
      </c>
      <c r="CJ20" s="261">
        <v>4</v>
      </c>
      <c r="CK20" s="258">
        <v>27</v>
      </c>
      <c r="CL20" s="263">
        <v>27</v>
      </c>
      <c r="CM20" s="257">
        <v>0</v>
      </c>
      <c r="CN20" s="261">
        <v>0</v>
      </c>
      <c r="CO20" s="258">
        <v>0</v>
      </c>
      <c r="CP20" s="260">
        <v>0</v>
      </c>
      <c r="CQ20" s="261">
        <v>5</v>
      </c>
      <c r="CR20" s="261">
        <v>15</v>
      </c>
      <c r="CS20" s="261">
        <v>9</v>
      </c>
      <c r="CT20" s="261">
        <v>19</v>
      </c>
      <c r="CU20" s="261">
        <v>28</v>
      </c>
      <c r="CV20" s="258">
        <v>76</v>
      </c>
      <c r="CW20" s="263">
        <v>76</v>
      </c>
    </row>
    <row r="21" spans="2:101" ht="21" customHeight="1" x14ac:dyDescent="0.2">
      <c r="B21" s="472" t="s">
        <v>19</v>
      </c>
      <c r="C21" s="257">
        <v>0</v>
      </c>
      <c r="D21" s="258">
        <v>0</v>
      </c>
      <c r="E21" s="259">
        <v>0</v>
      </c>
      <c r="F21" s="260">
        <v>0</v>
      </c>
      <c r="G21" s="261">
        <v>13</v>
      </c>
      <c r="H21" s="261">
        <v>10</v>
      </c>
      <c r="I21" s="261">
        <v>7</v>
      </c>
      <c r="J21" s="261">
        <v>3</v>
      </c>
      <c r="K21" s="261">
        <v>7</v>
      </c>
      <c r="L21" s="262">
        <v>40</v>
      </c>
      <c r="M21" s="263">
        <v>40</v>
      </c>
      <c r="N21" s="257">
        <v>0</v>
      </c>
      <c r="O21" s="261">
        <v>0</v>
      </c>
      <c r="P21" s="258">
        <v>0</v>
      </c>
      <c r="Q21" s="260">
        <v>0</v>
      </c>
      <c r="R21" s="261">
        <v>1</v>
      </c>
      <c r="S21" s="261">
        <v>2</v>
      </c>
      <c r="T21" s="261">
        <v>4</v>
      </c>
      <c r="U21" s="261">
        <v>2</v>
      </c>
      <c r="V21" s="261">
        <v>1</v>
      </c>
      <c r="W21" s="258">
        <v>10</v>
      </c>
      <c r="X21" s="263">
        <v>10</v>
      </c>
      <c r="Y21" s="257">
        <v>0</v>
      </c>
      <c r="Z21" s="261">
        <v>0</v>
      </c>
      <c r="AA21" s="258">
        <v>0</v>
      </c>
      <c r="AB21" s="260">
        <v>0</v>
      </c>
      <c r="AC21" s="261">
        <v>132</v>
      </c>
      <c r="AD21" s="261">
        <v>102</v>
      </c>
      <c r="AE21" s="261">
        <v>47</v>
      </c>
      <c r="AF21" s="261">
        <v>22</v>
      </c>
      <c r="AG21" s="261">
        <v>11</v>
      </c>
      <c r="AH21" s="258">
        <v>314</v>
      </c>
      <c r="AI21" s="263">
        <v>314</v>
      </c>
      <c r="AJ21" s="257">
        <v>0</v>
      </c>
      <c r="AK21" s="261">
        <v>0</v>
      </c>
      <c r="AL21" s="258">
        <v>0</v>
      </c>
      <c r="AM21" s="260">
        <v>0</v>
      </c>
      <c r="AN21" s="261">
        <v>15</v>
      </c>
      <c r="AO21" s="261">
        <v>18</v>
      </c>
      <c r="AP21" s="261">
        <v>21</v>
      </c>
      <c r="AQ21" s="261">
        <v>3</v>
      </c>
      <c r="AR21" s="261">
        <v>5</v>
      </c>
      <c r="AS21" s="258">
        <v>62</v>
      </c>
      <c r="AT21" s="263">
        <v>62</v>
      </c>
      <c r="AU21" s="257">
        <v>0</v>
      </c>
      <c r="AV21" s="261">
        <v>3</v>
      </c>
      <c r="AW21" s="258">
        <v>3</v>
      </c>
      <c r="AX21" s="260">
        <v>0</v>
      </c>
      <c r="AY21" s="261">
        <v>21</v>
      </c>
      <c r="AZ21" s="261">
        <v>36</v>
      </c>
      <c r="BA21" s="261">
        <v>28</v>
      </c>
      <c r="BB21" s="261">
        <v>13</v>
      </c>
      <c r="BC21" s="261">
        <v>9</v>
      </c>
      <c r="BD21" s="258">
        <v>107</v>
      </c>
      <c r="BE21" s="263">
        <v>110</v>
      </c>
      <c r="BF21" s="257">
        <v>0</v>
      </c>
      <c r="BG21" s="261">
        <v>0</v>
      </c>
      <c r="BH21" s="258">
        <v>0</v>
      </c>
      <c r="BI21" s="260">
        <v>0</v>
      </c>
      <c r="BJ21" s="261">
        <v>11</v>
      </c>
      <c r="BK21" s="261">
        <v>24</v>
      </c>
      <c r="BL21" s="261">
        <v>31</v>
      </c>
      <c r="BM21" s="261">
        <v>22</v>
      </c>
      <c r="BN21" s="261">
        <v>14</v>
      </c>
      <c r="BO21" s="262">
        <v>102</v>
      </c>
      <c r="BP21" s="263">
        <v>102</v>
      </c>
      <c r="BQ21" s="257">
        <v>0</v>
      </c>
      <c r="BR21" s="261">
        <v>0</v>
      </c>
      <c r="BS21" s="258">
        <v>0</v>
      </c>
      <c r="BT21" s="260">
        <v>0</v>
      </c>
      <c r="BU21" s="261">
        <v>0</v>
      </c>
      <c r="BV21" s="261">
        <v>0</v>
      </c>
      <c r="BW21" s="261">
        <v>0</v>
      </c>
      <c r="BX21" s="261">
        <v>0</v>
      </c>
      <c r="BY21" s="261">
        <v>0</v>
      </c>
      <c r="BZ21" s="258">
        <v>0</v>
      </c>
      <c r="CA21" s="263">
        <v>0</v>
      </c>
      <c r="CB21" s="257">
        <v>0</v>
      </c>
      <c r="CC21" s="261">
        <v>0</v>
      </c>
      <c r="CD21" s="258">
        <v>0</v>
      </c>
      <c r="CE21" s="260">
        <v>0</v>
      </c>
      <c r="CF21" s="261">
        <v>0</v>
      </c>
      <c r="CG21" s="261">
        <v>0</v>
      </c>
      <c r="CH21" s="261">
        <v>0</v>
      </c>
      <c r="CI21" s="261">
        <v>0</v>
      </c>
      <c r="CJ21" s="261">
        <v>0</v>
      </c>
      <c r="CK21" s="258">
        <v>0</v>
      </c>
      <c r="CL21" s="263">
        <v>0</v>
      </c>
      <c r="CM21" s="257">
        <v>0</v>
      </c>
      <c r="CN21" s="261">
        <v>0</v>
      </c>
      <c r="CO21" s="258">
        <v>0</v>
      </c>
      <c r="CP21" s="260">
        <v>0</v>
      </c>
      <c r="CQ21" s="261">
        <v>1</v>
      </c>
      <c r="CR21" s="261">
        <v>2</v>
      </c>
      <c r="CS21" s="261">
        <v>3</v>
      </c>
      <c r="CT21" s="261">
        <v>2</v>
      </c>
      <c r="CU21" s="261">
        <v>13</v>
      </c>
      <c r="CV21" s="258">
        <v>21</v>
      </c>
      <c r="CW21" s="263">
        <v>21</v>
      </c>
    </row>
    <row r="22" spans="2:101" ht="21" customHeight="1" x14ac:dyDescent="0.2">
      <c r="B22" s="472" t="s">
        <v>20</v>
      </c>
      <c r="C22" s="257">
        <v>0</v>
      </c>
      <c r="D22" s="258">
        <v>0</v>
      </c>
      <c r="E22" s="259">
        <v>0</v>
      </c>
      <c r="F22" s="260">
        <v>0</v>
      </c>
      <c r="G22" s="261">
        <v>1</v>
      </c>
      <c r="H22" s="261">
        <v>1</v>
      </c>
      <c r="I22" s="261">
        <v>0</v>
      </c>
      <c r="J22" s="261">
        <v>0</v>
      </c>
      <c r="K22" s="261">
        <v>1</v>
      </c>
      <c r="L22" s="262">
        <v>3</v>
      </c>
      <c r="M22" s="263">
        <v>3</v>
      </c>
      <c r="N22" s="257">
        <v>0</v>
      </c>
      <c r="O22" s="261">
        <v>0</v>
      </c>
      <c r="P22" s="258">
        <v>0</v>
      </c>
      <c r="Q22" s="260">
        <v>0</v>
      </c>
      <c r="R22" s="261">
        <v>0</v>
      </c>
      <c r="S22" s="261">
        <v>0</v>
      </c>
      <c r="T22" s="261">
        <v>0</v>
      </c>
      <c r="U22" s="261">
        <v>0</v>
      </c>
      <c r="V22" s="261">
        <v>0</v>
      </c>
      <c r="W22" s="258">
        <v>0</v>
      </c>
      <c r="X22" s="263">
        <v>0</v>
      </c>
      <c r="Y22" s="257">
        <v>0</v>
      </c>
      <c r="Z22" s="261">
        <v>0</v>
      </c>
      <c r="AA22" s="258">
        <v>0</v>
      </c>
      <c r="AB22" s="260">
        <v>0</v>
      </c>
      <c r="AC22" s="261">
        <v>174</v>
      </c>
      <c r="AD22" s="261">
        <v>97</v>
      </c>
      <c r="AE22" s="261">
        <v>50</v>
      </c>
      <c r="AF22" s="261">
        <v>16</v>
      </c>
      <c r="AG22" s="261">
        <v>5</v>
      </c>
      <c r="AH22" s="258">
        <v>342</v>
      </c>
      <c r="AI22" s="263">
        <v>342</v>
      </c>
      <c r="AJ22" s="257">
        <v>0</v>
      </c>
      <c r="AK22" s="261">
        <v>0</v>
      </c>
      <c r="AL22" s="258">
        <v>0</v>
      </c>
      <c r="AM22" s="260">
        <v>0</v>
      </c>
      <c r="AN22" s="261">
        <v>2</v>
      </c>
      <c r="AO22" s="261">
        <v>2</v>
      </c>
      <c r="AP22" s="261">
        <v>4</v>
      </c>
      <c r="AQ22" s="261">
        <v>1</v>
      </c>
      <c r="AR22" s="261">
        <v>2</v>
      </c>
      <c r="AS22" s="258">
        <v>11</v>
      </c>
      <c r="AT22" s="263">
        <v>11</v>
      </c>
      <c r="AU22" s="257">
        <v>0</v>
      </c>
      <c r="AV22" s="261">
        <v>1</v>
      </c>
      <c r="AW22" s="258">
        <v>1</v>
      </c>
      <c r="AX22" s="260">
        <v>0</v>
      </c>
      <c r="AY22" s="261">
        <v>20</v>
      </c>
      <c r="AZ22" s="261">
        <v>10</v>
      </c>
      <c r="BA22" s="261">
        <v>9</v>
      </c>
      <c r="BB22" s="261">
        <v>3</v>
      </c>
      <c r="BC22" s="261">
        <v>1</v>
      </c>
      <c r="BD22" s="258">
        <v>43</v>
      </c>
      <c r="BE22" s="263">
        <v>44</v>
      </c>
      <c r="BF22" s="257">
        <v>0</v>
      </c>
      <c r="BG22" s="261">
        <v>0</v>
      </c>
      <c r="BH22" s="258">
        <v>0</v>
      </c>
      <c r="BI22" s="260">
        <v>0</v>
      </c>
      <c r="BJ22" s="261">
        <v>10</v>
      </c>
      <c r="BK22" s="261">
        <v>28</v>
      </c>
      <c r="BL22" s="261">
        <v>41</v>
      </c>
      <c r="BM22" s="261">
        <v>17</v>
      </c>
      <c r="BN22" s="261">
        <v>19</v>
      </c>
      <c r="BO22" s="262">
        <v>115</v>
      </c>
      <c r="BP22" s="263">
        <v>115</v>
      </c>
      <c r="BQ22" s="257">
        <v>0</v>
      </c>
      <c r="BR22" s="261">
        <v>0</v>
      </c>
      <c r="BS22" s="258">
        <v>0</v>
      </c>
      <c r="BT22" s="260">
        <v>0</v>
      </c>
      <c r="BU22" s="261">
        <v>0</v>
      </c>
      <c r="BV22" s="261">
        <v>0</v>
      </c>
      <c r="BW22" s="261">
        <v>0</v>
      </c>
      <c r="BX22" s="261">
        <v>0</v>
      </c>
      <c r="BY22" s="261">
        <v>0</v>
      </c>
      <c r="BZ22" s="258">
        <v>0</v>
      </c>
      <c r="CA22" s="263">
        <v>0</v>
      </c>
      <c r="CB22" s="257">
        <v>0</v>
      </c>
      <c r="CC22" s="261">
        <v>0</v>
      </c>
      <c r="CD22" s="258">
        <v>0</v>
      </c>
      <c r="CE22" s="260">
        <v>0</v>
      </c>
      <c r="CF22" s="261">
        <v>0</v>
      </c>
      <c r="CG22" s="261">
        <v>0</v>
      </c>
      <c r="CH22" s="261">
        <v>0</v>
      </c>
      <c r="CI22" s="261">
        <v>0</v>
      </c>
      <c r="CJ22" s="261">
        <v>0</v>
      </c>
      <c r="CK22" s="258">
        <v>0</v>
      </c>
      <c r="CL22" s="263">
        <v>0</v>
      </c>
      <c r="CM22" s="257">
        <v>0</v>
      </c>
      <c r="CN22" s="261">
        <v>0</v>
      </c>
      <c r="CO22" s="258">
        <v>0</v>
      </c>
      <c r="CP22" s="260">
        <v>0</v>
      </c>
      <c r="CQ22" s="261">
        <v>0</v>
      </c>
      <c r="CR22" s="261">
        <v>0</v>
      </c>
      <c r="CS22" s="261">
        <v>0</v>
      </c>
      <c r="CT22" s="261">
        <v>0</v>
      </c>
      <c r="CU22" s="261">
        <v>0</v>
      </c>
      <c r="CV22" s="258">
        <v>0</v>
      </c>
      <c r="CW22" s="263">
        <v>0</v>
      </c>
    </row>
    <row r="23" spans="2:101" ht="21" customHeight="1" x14ac:dyDescent="0.2">
      <c r="B23" s="472" t="s">
        <v>21</v>
      </c>
      <c r="C23" s="257">
        <v>0</v>
      </c>
      <c r="D23" s="258">
        <v>0</v>
      </c>
      <c r="E23" s="259">
        <v>0</v>
      </c>
      <c r="F23" s="260">
        <v>0</v>
      </c>
      <c r="G23" s="261">
        <v>1</v>
      </c>
      <c r="H23" s="261">
        <v>6</v>
      </c>
      <c r="I23" s="261">
        <v>2</v>
      </c>
      <c r="J23" s="261">
        <v>5</v>
      </c>
      <c r="K23" s="261">
        <v>2</v>
      </c>
      <c r="L23" s="262">
        <v>16</v>
      </c>
      <c r="M23" s="263">
        <v>16</v>
      </c>
      <c r="N23" s="257">
        <v>0</v>
      </c>
      <c r="O23" s="261">
        <v>0</v>
      </c>
      <c r="P23" s="258">
        <v>0</v>
      </c>
      <c r="Q23" s="260">
        <v>0</v>
      </c>
      <c r="R23" s="261">
        <v>0</v>
      </c>
      <c r="S23" s="261">
        <v>0</v>
      </c>
      <c r="T23" s="261">
        <v>0</v>
      </c>
      <c r="U23" s="261">
        <v>0</v>
      </c>
      <c r="V23" s="261">
        <v>0</v>
      </c>
      <c r="W23" s="258">
        <v>0</v>
      </c>
      <c r="X23" s="263">
        <v>0</v>
      </c>
      <c r="Y23" s="257">
        <v>0</v>
      </c>
      <c r="Z23" s="261">
        <v>0</v>
      </c>
      <c r="AA23" s="258">
        <v>0</v>
      </c>
      <c r="AB23" s="260">
        <v>0</v>
      </c>
      <c r="AC23" s="261">
        <v>190</v>
      </c>
      <c r="AD23" s="261">
        <v>184</v>
      </c>
      <c r="AE23" s="261">
        <v>76</v>
      </c>
      <c r="AF23" s="261">
        <v>35</v>
      </c>
      <c r="AG23" s="261">
        <v>10</v>
      </c>
      <c r="AH23" s="258">
        <v>495</v>
      </c>
      <c r="AI23" s="263">
        <v>495</v>
      </c>
      <c r="AJ23" s="257">
        <v>0</v>
      </c>
      <c r="AK23" s="261">
        <v>0</v>
      </c>
      <c r="AL23" s="258">
        <v>0</v>
      </c>
      <c r="AM23" s="260">
        <v>0</v>
      </c>
      <c r="AN23" s="261">
        <v>0</v>
      </c>
      <c r="AO23" s="261">
        <v>0</v>
      </c>
      <c r="AP23" s="261">
        <v>0</v>
      </c>
      <c r="AQ23" s="261">
        <v>1</v>
      </c>
      <c r="AR23" s="261">
        <v>0</v>
      </c>
      <c r="AS23" s="258">
        <v>1</v>
      </c>
      <c r="AT23" s="263">
        <v>1</v>
      </c>
      <c r="AU23" s="257">
        <v>0</v>
      </c>
      <c r="AV23" s="261">
        <v>0</v>
      </c>
      <c r="AW23" s="258">
        <v>0</v>
      </c>
      <c r="AX23" s="260">
        <v>0</v>
      </c>
      <c r="AY23" s="261">
        <v>12</v>
      </c>
      <c r="AZ23" s="261">
        <v>5</v>
      </c>
      <c r="BA23" s="261">
        <v>20</v>
      </c>
      <c r="BB23" s="261">
        <v>7</v>
      </c>
      <c r="BC23" s="261">
        <v>2</v>
      </c>
      <c r="BD23" s="258">
        <v>46</v>
      </c>
      <c r="BE23" s="263">
        <v>46</v>
      </c>
      <c r="BF23" s="257">
        <v>0</v>
      </c>
      <c r="BG23" s="261">
        <v>0</v>
      </c>
      <c r="BH23" s="258">
        <v>0</v>
      </c>
      <c r="BI23" s="260">
        <v>0</v>
      </c>
      <c r="BJ23" s="261">
        <v>18</v>
      </c>
      <c r="BK23" s="261">
        <v>37</v>
      </c>
      <c r="BL23" s="261">
        <v>40</v>
      </c>
      <c r="BM23" s="261">
        <v>16</v>
      </c>
      <c r="BN23" s="261">
        <v>14</v>
      </c>
      <c r="BO23" s="262">
        <v>125</v>
      </c>
      <c r="BP23" s="263">
        <v>125</v>
      </c>
      <c r="BQ23" s="257">
        <v>0</v>
      </c>
      <c r="BR23" s="261">
        <v>0</v>
      </c>
      <c r="BS23" s="258">
        <v>0</v>
      </c>
      <c r="BT23" s="260">
        <v>0</v>
      </c>
      <c r="BU23" s="261">
        <v>0</v>
      </c>
      <c r="BV23" s="261">
        <v>0</v>
      </c>
      <c r="BW23" s="261">
        <v>0</v>
      </c>
      <c r="BX23" s="261">
        <v>0</v>
      </c>
      <c r="BY23" s="261">
        <v>0</v>
      </c>
      <c r="BZ23" s="258">
        <v>0</v>
      </c>
      <c r="CA23" s="263">
        <v>0</v>
      </c>
      <c r="CB23" s="257">
        <v>0</v>
      </c>
      <c r="CC23" s="261">
        <v>0</v>
      </c>
      <c r="CD23" s="258">
        <v>0</v>
      </c>
      <c r="CE23" s="260">
        <v>0</v>
      </c>
      <c r="CF23" s="261">
        <v>0</v>
      </c>
      <c r="CG23" s="261">
        <v>0</v>
      </c>
      <c r="CH23" s="261">
        <v>0</v>
      </c>
      <c r="CI23" s="261">
        <v>0</v>
      </c>
      <c r="CJ23" s="261">
        <v>0</v>
      </c>
      <c r="CK23" s="258">
        <v>0</v>
      </c>
      <c r="CL23" s="263">
        <v>0</v>
      </c>
      <c r="CM23" s="257">
        <v>0</v>
      </c>
      <c r="CN23" s="261">
        <v>0</v>
      </c>
      <c r="CO23" s="258">
        <v>0</v>
      </c>
      <c r="CP23" s="260">
        <v>0</v>
      </c>
      <c r="CQ23" s="261">
        <v>2</v>
      </c>
      <c r="CR23" s="261">
        <v>3</v>
      </c>
      <c r="CS23" s="261">
        <v>2</v>
      </c>
      <c r="CT23" s="261">
        <v>1</v>
      </c>
      <c r="CU23" s="261">
        <v>6</v>
      </c>
      <c r="CV23" s="258">
        <v>14</v>
      </c>
      <c r="CW23" s="263">
        <v>14</v>
      </c>
    </row>
    <row r="24" spans="2:101" ht="21" customHeight="1" x14ac:dyDescent="0.2">
      <c r="B24" s="472" t="s">
        <v>22</v>
      </c>
      <c r="C24" s="257">
        <v>0</v>
      </c>
      <c r="D24" s="258">
        <v>0</v>
      </c>
      <c r="E24" s="259">
        <v>0</v>
      </c>
      <c r="F24" s="260">
        <v>0</v>
      </c>
      <c r="G24" s="261">
        <v>0</v>
      </c>
      <c r="H24" s="261">
        <v>8</v>
      </c>
      <c r="I24" s="261">
        <v>4</v>
      </c>
      <c r="J24" s="261">
        <v>4</v>
      </c>
      <c r="K24" s="261">
        <v>0</v>
      </c>
      <c r="L24" s="262">
        <v>16</v>
      </c>
      <c r="M24" s="263">
        <v>16</v>
      </c>
      <c r="N24" s="257">
        <v>0</v>
      </c>
      <c r="O24" s="261">
        <v>0</v>
      </c>
      <c r="P24" s="258">
        <v>0</v>
      </c>
      <c r="Q24" s="260">
        <v>0</v>
      </c>
      <c r="R24" s="261">
        <v>0</v>
      </c>
      <c r="S24" s="261">
        <v>0</v>
      </c>
      <c r="T24" s="261">
        <v>0</v>
      </c>
      <c r="U24" s="261">
        <v>0</v>
      </c>
      <c r="V24" s="261">
        <v>0</v>
      </c>
      <c r="W24" s="258">
        <v>0</v>
      </c>
      <c r="X24" s="263">
        <v>0</v>
      </c>
      <c r="Y24" s="257">
        <v>0</v>
      </c>
      <c r="Z24" s="261">
        <v>0</v>
      </c>
      <c r="AA24" s="258">
        <v>0</v>
      </c>
      <c r="AB24" s="260">
        <v>0</v>
      </c>
      <c r="AC24" s="261">
        <v>111</v>
      </c>
      <c r="AD24" s="261">
        <v>81</v>
      </c>
      <c r="AE24" s="261">
        <v>49</v>
      </c>
      <c r="AF24" s="261">
        <v>22</v>
      </c>
      <c r="AG24" s="261">
        <v>5</v>
      </c>
      <c r="AH24" s="258">
        <v>268</v>
      </c>
      <c r="AI24" s="263">
        <v>268</v>
      </c>
      <c r="AJ24" s="257">
        <v>0</v>
      </c>
      <c r="AK24" s="261">
        <v>0</v>
      </c>
      <c r="AL24" s="258">
        <v>0</v>
      </c>
      <c r="AM24" s="260">
        <v>0</v>
      </c>
      <c r="AN24" s="261">
        <v>3</v>
      </c>
      <c r="AO24" s="261">
        <v>4</v>
      </c>
      <c r="AP24" s="261">
        <v>5</v>
      </c>
      <c r="AQ24" s="261">
        <v>1</v>
      </c>
      <c r="AR24" s="261">
        <v>3</v>
      </c>
      <c r="AS24" s="258">
        <v>16</v>
      </c>
      <c r="AT24" s="263">
        <v>16</v>
      </c>
      <c r="AU24" s="257">
        <v>3</v>
      </c>
      <c r="AV24" s="261">
        <v>3</v>
      </c>
      <c r="AW24" s="258">
        <v>6</v>
      </c>
      <c r="AX24" s="260">
        <v>0</v>
      </c>
      <c r="AY24" s="261">
        <v>18</v>
      </c>
      <c r="AZ24" s="261">
        <v>21</v>
      </c>
      <c r="BA24" s="261">
        <v>14</v>
      </c>
      <c r="BB24" s="261">
        <v>10</v>
      </c>
      <c r="BC24" s="261">
        <v>5</v>
      </c>
      <c r="BD24" s="258">
        <v>68</v>
      </c>
      <c r="BE24" s="263">
        <v>74</v>
      </c>
      <c r="BF24" s="257">
        <v>0</v>
      </c>
      <c r="BG24" s="261">
        <v>0</v>
      </c>
      <c r="BH24" s="258">
        <v>0</v>
      </c>
      <c r="BI24" s="260">
        <v>0</v>
      </c>
      <c r="BJ24" s="261">
        <v>12</v>
      </c>
      <c r="BK24" s="261">
        <v>18</v>
      </c>
      <c r="BL24" s="261">
        <v>14</v>
      </c>
      <c r="BM24" s="261">
        <v>14</v>
      </c>
      <c r="BN24" s="261">
        <v>5</v>
      </c>
      <c r="BO24" s="262">
        <v>63</v>
      </c>
      <c r="BP24" s="263">
        <v>63</v>
      </c>
      <c r="BQ24" s="257">
        <v>0</v>
      </c>
      <c r="BR24" s="261">
        <v>0</v>
      </c>
      <c r="BS24" s="258">
        <v>0</v>
      </c>
      <c r="BT24" s="260">
        <v>0</v>
      </c>
      <c r="BU24" s="261">
        <v>0</v>
      </c>
      <c r="BV24" s="261">
        <v>0</v>
      </c>
      <c r="BW24" s="261">
        <v>0</v>
      </c>
      <c r="BX24" s="261">
        <v>0</v>
      </c>
      <c r="BY24" s="261">
        <v>0</v>
      </c>
      <c r="BZ24" s="258">
        <v>0</v>
      </c>
      <c r="CA24" s="263">
        <v>0</v>
      </c>
      <c r="CB24" s="257">
        <v>0</v>
      </c>
      <c r="CC24" s="261">
        <v>0</v>
      </c>
      <c r="CD24" s="258">
        <v>0</v>
      </c>
      <c r="CE24" s="260">
        <v>0</v>
      </c>
      <c r="CF24" s="261">
        <v>0</v>
      </c>
      <c r="CG24" s="261">
        <v>1</v>
      </c>
      <c r="CH24" s="261">
        <v>5</v>
      </c>
      <c r="CI24" s="261">
        <v>11</v>
      </c>
      <c r="CJ24" s="261">
        <v>6</v>
      </c>
      <c r="CK24" s="258">
        <v>23</v>
      </c>
      <c r="CL24" s="263">
        <v>23</v>
      </c>
      <c r="CM24" s="257">
        <v>0</v>
      </c>
      <c r="CN24" s="261">
        <v>0</v>
      </c>
      <c r="CO24" s="258">
        <v>0</v>
      </c>
      <c r="CP24" s="260">
        <v>0</v>
      </c>
      <c r="CQ24" s="261">
        <v>0</v>
      </c>
      <c r="CR24" s="261">
        <v>0</v>
      </c>
      <c r="CS24" s="261">
        <v>0</v>
      </c>
      <c r="CT24" s="261">
        <v>0</v>
      </c>
      <c r="CU24" s="261">
        <v>0</v>
      </c>
      <c r="CV24" s="258">
        <v>0</v>
      </c>
      <c r="CW24" s="263">
        <v>0</v>
      </c>
    </row>
    <row r="25" spans="2:101" ht="21" customHeight="1" x14ac:dyDescent="0.2">
      <c r="B25" s="472" t="s">
        <v>23</v>
      </c>
      <c r="C25" s="257">
        <v>0</v>
      </c>
      <c r="D25" s="258">
        <v>0</v>
      </c>
      <c r="E25" s="259">
        <v>0</v>
      </c>
      <c r="F25" s="260">
        <v>0</v>
      </c>
      <c r="G25" s="261">
        <v>0</v>
      </c>
      <c r="H25" s="261">
        <v>0</v>
      </c>
      <c r="I25" s="261">
        <v>1</v>
      </c>
      <c r="J25" s="261">
        <v>0</v>
      </c>
      <c r="K25" s="261">
        <v>1</v>
      </c>
      <c r="L25" s="262">
        <v>2</v>
      </c>
      <c r="M25" s="263">
        <v>2</v>
      </c>
      <c r="N25" s="257">
        <v>0</v>
      </c>
      <c r="O25" s="261">
        <v>0</v>
      </c>
      <c r="P25" s="258">
        <v>0</v>
      </c>
      <c r="Q25" s="260">
        <v>0</v>
      </c>
      <c r="R25" s="261">
        <v>0</v>
      </c>
      <c r="S25" s="261">
        <v>0</v>
      </c>
      <c r="T25" s="261">
        <v>0</v>
      </c>
      <c r="U25" s="261">
        <v>0</v>
      </c>
      <c r="V25" s="261">
        <v>0</v>
      </c>
      <c r="W25" s="258">
        <v>0</v>
      </c>
      <c r="X25" s="263">
        <v>0</v>
      </c>
      <c r="Y25" s="257">
        <v>0</v>
      </c>
      <c r="Z25" s="261">
        <v>0</v>
      </c>
      <c r="AA25" s="258">
        <v>0</v>
      </c>
      <c r="AB25" s="260">
        <v>0</v>
      </c>
      <c r="AC25" s="261">
        <v>59</v>
      </c>
      <c r="AD25" s="261">
        <v>50</v>
      </c>
      <c r="AE25" s="261">
        <v>28</v>
      </c>
      <c r="AF25" s="261">
        <v>12</v>
      </c>
      <c r="AG25" s="261">
        <v>5</v>
      </c>
      <c r="AH25" s="258">
        <v>154</v>
      </c>
      <c r="AI25" s="263">
        <v>154</v>
      </c>
      <c r="AJ25" s="257">
        <v>0</v>
      </c>
      <c r="AK25" s="261">
        <v>0</v>
      </c>
      <c r="AL25" s="258">
        <v>0</v>
      </c>
      <c r="AM25" s="260">
        <v>0</v>
      </c>
      <c r="AN25" s="261">
        <v>0</v>
      </c>
      <c r="AO25" s="261">
        <v>0</v>
      </c>
      <c r="AP25" s="261">
        <v>3</v>
      </c>
      <c r="AQ25" s="261">
        <v>1</v>
      </c>
      <c r="AR25" s="261">
        <v>0</v>
      </c>
      <c r="AS25" s="258">
        <v>4</v>
      </c>
      <c r="AT25" s="263">
        <v>4</v>
      </c>
      <c r="AU25" s="257">
        <v>0</v>
      </c>
      <c r="AV25" s="261">
        <v>0</v>
      </c>
      <c r="AW25" s="258">
        <v>0</v>
      </c>
      <c r="AX25" s="260">
        <v>0</v>
      </c>
      <c r="AY25" s="261">
        <v>5</v>
      </c>
      <c r="AZ25" s="261">
        <v>6</v>
      </c>
      <c r="BA25" s="261">
        <v>3</v>
      </c>
      <c r="BB25" s="261">
        <v>2</v>
      </c>
      <c r="BC25" s="261">
        <v>1</v>
      </c>
      <c r="BD25" s="258">
        <v>17</v>
      </c>
      <c r="BE25" s="263">
        <v>17</v>
      </c>
      <c r="BF25" s="257">
        <v>0</v>
      </c>
      <c r="BG25" s="261">
        <v>0</v>
      </c>
      <c r="BH25" s="258">
        <v>0</v>
      </c>
      <c r="BI25" s="260">
        <v>0</v>
      </c>
      <c r="BJ25" s="261">
        <v>40</v>
      </c>
      <c r="BK25" s="261">
        <v>21</v>
      </c>
      <c r="BL25" s="261">
        <v>22</v>
      </c>
      <c r="BM25" s="261">
        <v>19</v>
      </c>
      <c r="BN25" s="261">
        <v>7</v>
      </c>
      <c r="BO25" s="262">
        <v>109</v>
      </c>
      <c r="BP25" s="263">
        <v>109</v>
      </c>
      <c r="BQ25" s="257">
        <v>0</v>
      </c>
      <c r="BR25" s="261">
        <v>0</v>
      </c>
      <c r="BS25" s="258">
        <v>0</v>
      </c>
      <c r="BT25" s="260">
        <v>0</v>
      </c>
      <c r="BU25" s="261">
        <v>0</v>
      </c>
      <c r="BV25" s="261">
        <v>0</v>
      </c>
      <c r="BW25" s="261">
        <v>0</v>
      </c>
      <c r="BX25" s="261">
        <v>0</v>
      </c>
      <c r="BY25" s="261">
        <v>0</v>
      </c>
      <c r="BZ25" s="258">
        <v>0</v>
      </c>
      <c r="CA25" s="263">
        <v>0</v>
      </c>
      <c r="CB25" s="257">
        <v>0</v>
      </c>
      <c r="CC25" s="261">
        <v>0</v>
      </c>
      <c r="CD25" s="258">
        <v>0</v>
      </c>
      <c r="CE25" s="260">
        <v>0</v>
      </c>
      <c r="CF25" s="261">
        <v>0</v>
      </c>
      <c r="CG25" s="261">
        <v>0</v>
      </c>
      <c r="CH25" s="261">
        <v>0</v>
      </c>
      <c r="CI25" s="261">
        <v>0</v>
      </c>
      <c r="CJ25" s="261">
        <v>0</v>
      </c>
      <c r="CK25" s="258">
        <v>0</v>
      </c>
      <c r="CL25" s="263">
        <v>0</v>
      </c>
      <c r="CM25" s="257">
        <v>0</v>
      </c>
      <c r="CN25" s="261">
        <v>0</v>
      </c>
      <c r="CO25" s="258">
        <v>0</v>
      </c>
      <c r="CP25" s="260">
        <v>0</v>
      </c>
      <c r="CQ25" s="261">
        <v>0</v>
      </c>
      <c r="CR25" s="261">
        <v>0</v>
      </c>
      <c r="CS25" s="261">
        <v>0</v>
      </c>
      <c r="CT25" s="261">
        <v>1</v>
      </c>
      <c r="CU25" s="261">
        <v>0</v>
      </c>
      <c r="CV25" s="258">
        <v>1</v>
      </c>
      <c r="CW25" s="263">
        <v>1</v>
      </c>
    </row>
    <row r="26" spans="2:101" ht="21" customHeight="1" x14ac:dyDescent="0.2">
      <c r="B26" s="472" t="s">
        <v>24</v>
      </c>
      <c r="C26" s="257">
        <v>0</v>
      </c>
      <c r="D26" s="258">
        <v>0</v>
      </c>
      <c r="E26" s="259">
        <v>0</v>
      </c>
      <c r="F26" s="260">
        <v>0</v>
      </c>
      <c r="G26" s="261">
        <v>1</v>
      </c>
      <c r="H26" s="261">
        <v>2</v>
      </c>
      <c r="I26" s="261">
        <v>4</v>
      </c>
      <c r="J26" s="261">
        <v>4</v>
      </c>
      <c r="K26" s="261">
        <v>0</v>
      </c>
      <c r="L26" s="262">
        <v>11</v>
      </c>
      <c r="M26" s="263">
        <v>11</v>
      </c>
      <c r="N26" s="257">
        <v>0</v>
      </c>
      <c r="O26" s="261">
        <v>0</v>
      </c>
      <c r="P26" s="258">
        <v>0</v>
      </c>
      <c r="Q26" s="260">
        <v>0</v>
      </c>
      <c r="R26" s="261">
        <v>0</v>
      </c>
      <c r="S26" s="261">
        <v>0</v>
      </c>
      <c r="T26" s="261">
        <v>0</v>
      </c>
      <c r="U26" s="261">
        <v>0</v>
      </c>
      <c r="V26" s="261">
        <v>0</v>
      </c>
      <c r="W26" s="258">
        <v>0</v>
      </c>
      <c r="X26" s="263">
        <v>0</v>
      </c>
      <c r="Y26" s="257">
        <v>0</v>
      </c>
      <c r="Z26" s="261">
        <v>0</v>
      </c>
      <c r="AA26" s="258">
        <v>0</v>
      </c>
      <c r="AB26" s="260">
        <v>0</v>
      </c>
      <c r="AC26" s="261">
        <v>28</v>
      </c>
      <c r="AD26" s="261">
        <v>16</v>
      </c>
      <c r="AE26" s="261">
        <v>18</v>
      </c>
      <c r="AF26" s="261">
        <v>6</v>
      </c>
      <c r="AG26" s="261">
        <v>3</v>
      </c>
      <c r="AH26" s="258">
        <v>71</v>
      </c>
      <c r="AI26" s="263">
        <v>71</v>
      </c>
      <c r="AJ26" s="257">
        <v>0</v>
      </c>
      <c r="AK26" s="261">
        <v>0</v>
      </c>
      <c r="AL26" s="258">
        <v>0</v>
      </c>
      <c r="AM26" s="260">
        <v>0</v>
      </c>
      <c r="AN26" s="261">
        <v>6</v>
      </c>
      <c r="AO26" s="261">
        <v>9</v>
      </c>
      <c r="AP26" s="261">
        <v>4</v>
      </c>
      <c r="AQ26" s="261">
        <v>4</v>
      </c>
      <c r="AR26" s="261">
        <v>1</v>
      </c>
      <c r="AS26" s="258">
        <v>24</v>
      </c>
      <c r="AT26" s="263">
        <v>24</v>
      </c>
      <c r="AU26" s="257">
        <v>0</v>
      </c>
      <c r="AV26" s="261">
        <v>3</v>
      </c>
      <c r="AW26" s="258">
        <v>3</v>
      </c>
      <c r="AX26" s="260">
        <v>0</v>
      </c>
      <c r="AY26" s="261">
        <v>15</v>
      </c>
      <c r="AZ26" s="261">
        <v>9</v>
      </c>
      <c r="BA26" s="261">
        <v>8</v>
      </c>
      <c r="BB26" s="261">
        <v>6</v>
      </c>
      <c r="BC26" s="261">
        <v>1</v>
      </c>
      <c r="BD26" s="258">
        <v>39</v>
      </c>
      <c r="BE26" s="263">
        <v>42</v>
      </c>
      <c r="BF26" s="257">
        <v>0</v>
      </c>
      <c r="BG26" s="261">
        <v>0</v>
      </c>
      <c r="BH26" s="258">
        <v>0</v>
      </c>
      <c r="BI26" s="260">
        <v>0</v>
      </c>
      <c r="BJ26" s="261">
        <v>1</v>
      </c>
      <c r="BK26" s="261">
        <v>5</v>
      </c>
      <c r="BL26" s="261">
        <v>7</v>
      </c>
      <c r="BM26" s="261">
        <v>6</v>
      </c>
      <c r="BN26" s="261">
        <v>4</v>
      </c>
      <c r="BO26" s="262">
        <v>23</v>
      </c>
      <c r="BP26" s="263">
        <v>23</v>
      </c>
      <c r="BQ26" s="257">
        <v>0</v>
      </c>
      <c r="BR26" s="261">
        <v>0</v>
      </c>
      <c r="BS26" s="258">
        <v>0</v>
      </c>
      <c r="BT26" s="260">
        <v>0</v>
      </c>
      <c r="BU26" s="261">
        <v>0</v>
      </c>
      <c r="BV26" s="261">
        <v>0</v>
      </c>
      <c r="BW26" s="261">
        <v>0</v>
      </c>
      <c r="BX26" s="261">
        <v>0</v>
      </c>
      <c r="BY26" s="261">
        <v>0</v>
      </c>
      <c r="BZ26" s="258">
        <v>0</v>
      </c>
      <c r="CA26" s="263">
        <v>0</v>
      </c>
      <c r="CB26" s="257">
        <v>0</v>
      </c>
      <c r="CC26" s="261">
        <v>0</v>
      </c>
      <c r="CD26" s="258">
        <v>0</v>
      </c>
      <c r="CE26" s="260">
        <v>0</v>
      </c>
      <c r="CF26" s="261">
        <v>0</v>
      </c>
      <c r="CG26" s="261">
        <v>0</v>
      </c>
      <c r="CH26" s="261">
        <v>0</v>
      </c>
      <c r="CI26" s="261">
        <v>0</v>
      </c>
      <c r="CJ26" s="261">
        <v>0</v>
      </c>
      <c r="CK26" s="258">
        <v>0</v>
      </c>
      <c r="CL26" s="263">
        <v>0</v>
      </c>
      <c r="CM26" s="257">
        <v>0</v>
      </c>
      <c r="CN26" s="261">
        <v>0</v>
      </c>
      <c r="CO26" s="258">
        <v>0</v>
      </c>
      <c r="CP26" s="260">
        <v>0</v>
      </c>
      <c r="CQ26" s="261">
        <v>0</v>
      </c>
      <c r="CR26" s="261">
        <v>0</v>
      </c>
      <c r="CS26" s="261">
        <v>0</v>
      </c>
      <c r="CT26" s="261">
        <v>0</v>
      </c>
      <c r="CU26" s="261">
        <v>0</v>
      </c>
      <c r="CV26" s="258">
        <v>0</v>
      </c>
      <c r="CW26" s="263">
        <v>0</v>
      </c>
    </row>
    <row r="27" spans="2:101" ht="21" customHeight="1" x14ac:dyDescent="0.2">
      <c r="B27" s="472" t="s">
        <v>25</v>
      </c>
      <c r="C27" s="257">
        <v>0</v>
      </c>
      <c r="D27" s="258">
        <v>0</v>
      </c>
      <c r="E27" s="259">
        <v>0</v>
      </c>
      <c r="F27" s="260">
        <v>0</v>
      </c>
      <c r="G27" s="261">
        <v>0</v>
      </c>
      <c r="H27" s="261">
        <v>0</v>
      </c>
      <c r="I27" s="261">
        <v>0</v>
      </c>
      <c r="J27" s="261">
        <v>0</v>
      </c>
      <c r="K27" s="261">
        <v>0</v>
      </c>
      <c r="L27" s="262">
        <v>0</v>
      </c>
      <c r="M27" s="263">
        <v>0</v>
      </c>
      <c r="N27" s="257">
        <v>0</v>
      </c>
      <c r="O27" s="261">
        <v>0</v>
      </c>
      <c r="P27" s="258">
        <v>0</v>
      </c>
      <c r="Q27" s="260">
        <v>0</v>
      </c>
      <c r="R27" s="261">
        <v>0</v>
      </c>
      <c r="S27" s="261">
        <v>0</v>
      </c>
      <c r="T27" s="261">
        <v>0</v>
      </c>
      <c r="U27" s="261">
        <v>0</v>
      </c>
      <c r="V27" s="261">
        <v>0</v>
      </c>
      <c r="W27" s="258">
        <v>0</v>
      </c>
      <c r="X27" s="263">
        <v>0</v>
      </c>
      <c r="Y27" s="257">
        <v>0</v>
      </c>
      <c r="Z27" s="261">
        <v>1</v>
      </c>
      <c r="AA27" s="258">
        <v>1</v>
      </c>
      <c r="AB27" s="260">
        <v>0</v>
      </c>
      <c r="AC27" s="261">
        <v>87</v>
      </c>
      <c r="AD27" s="261">
        <v>36</v>
      </c>
      <c r="AE27" s="261">
        <v>14</v>
      </c>
      <c r="AF27" s="261">
        <v>3</v>
      </c>
      <c r="AG27" s="261">
        <v>1</v>
      </c>
      <c r="AH27" s="258">
        <v>141</v>
      </c>
      <c r="AI27" s="263">
        <v>142</v>
      </c>
      <c r="AJ27" s="257">
        <v>0</v>
      </c>
      <c r="AK27" s="261">
        <v>0</v>
      </c>
      <c r="AL27" s="258">
        <v>0</v>
      </c>
      <c r="AM27" s="260">
        <v>0</v>
      </c>
      <c r="AN27" s="261">
        <v>0</v>
      </c>
      <c r="AO27" s="261">
        <v>0</v>
      </c>
      <c r="AP27" s="261">
        <v>0</v>
      </c>
      <c r="AQ27" s="261">
        <v>0</v>
      </c>
      <c r="AR27" s="261">
        <v>0</v>
      </c>
      <c r="AS27" s="258">
        <v>0</v>
      </c>
      <c r="AT27" s="263">
        <v>0</v>
      </c>
      <c r="AU27" s="257">
        <v>2</v>
      </c>
      <c r="AV27" s="261">
        <v>0</v>
      </c>
      <c r="AW27" s="258">
        <v>2</v>
      </c>
      <c r="AX27" s="260">
        <v>0</v>
      </c>
      <c r="AY27" s="261">
        <v>4</v>
      </c>
      <c r="AZ27" s="261">
        <v>4</v>
      </c>
      <c r="BA27" s="261">
        <v>2</v>
      </c>
      <c r="BB27" s="261">
        <v>3</v>
      </c>
      <c r="BC27" s="261">
        <v>1</v>
      </c>
      <c r="BD27" s="258">
        <v>14</v>
      </c>
      <c r="BE27" s="263">
        <v>16</v>
      </c>
      <c r="BF27" s="257">
        <v>0</v>
      </c>
      <c r="BG27" s="261">
        <v>0</v>
      </c>
      <c r="BH27" s="258">
        <v>0</v>
      </c>
      <c r="BI27" s="260">
        <v>0</v>
      </c>
      <c r="BJ27" s="261">
        <v>10</v>
      </c>
      <c r="BK27" s="261">
        <v>8</v>
      </c>
      <c r="BL27" s="261">
        <v>9</v>
      </c>
      <c r="BM27" s="261">
        <v>7</v>
      </c>
      <c r="BN27" s="261">
        <v>1</v>
      </c>
      <c r="BO27" s="262">
        <v>35</v>
      </c>
      <c r="BP27" s="263">
        <v>35</v>
      </c>
      <c r="BQ27" s="257">
        <v>0</v>
      </c>
      <c r="BR27" s="261">
        <v>0</v>
      </c>
      <c r="BS27" s="258">
        <v>0</v>
      </c>
      <c r="BT27" s="260">
        <v>0</v>
      </c>
      <c r="BU27" s="261">
        <v>0</v>
      </c>
      <c r="BV27" s="261">
        <v>0</v>
      </c>
      <c r="BW27" s="261">
        <v>0</v>
      </c>
      <c r="BX27" s="261">
        <v>0</v>
      </c>
      <c r="BY27" s="261">
        <v>0</v>
      </c>
      <c r="BZ27" s="258">
        <v>0</v>
      </c>
      <c r="CA27" s="263">
        <v>0</v>
      </c>
      <c r="CB27" s="257">
        <v>0</v>
      </c>
      <c r="CC27" s="261">
        <v>0</v>
      </c>
      <c r="CD27" s="258">
        <v>0</v>
      </c>
      <c r="CE27" s="260">
        <v>0</v>
      </c>
      <c r="CF27" s="261">
        <v>0</v>
      </c>
      <c r="CG27" s="261">
        <v>0</v>
      </c>
      <c r="CH27" s="261">
        <v>0</v>
      </c>
      <c r="CI27" s="261">
        <v>0</v>
      </c>
      <c r="CJ27" s="261">
        <v>0</v>
      </c>
      <c r="CK27" s="258">
        <v>0</v>
      </c>
      <c r="CL27" s="263">
        <v>0</v>
      </c>
      <c r="CM27" s="257">
        <v>0</v>
      </c>
      <c r="CN27" s="261">
        <v>0</v>
      </c>
      <c r="CO27" s="258">
        <v>0</v>
      </c>
      <c r="CP27" s="260">
        <v>0</v>
      </c>
      <c r="CQ27" s="261">
        <v>0</v>
      </c>
      <c r="CR27" s="261">
        <v>0</v>
      </c>
      <c r="CS27" s="261">
        <v>0</v>
      </c>
      <c r="CT27" s="261">
        <v>0</v>
      </c>
      <c r="CU27" s="261">
        <v>0</v>
      </c>
      <c r="CV27" s="258">
        <v>0</v>
      </c>
      <c r="CW27" s="263">
        <v>0</v>
      </c>
    </row>
    <row r="28" spans="2:101" ht="21" customHeight="1" x14ac:dyDescent="0.2">
      <c r="B28" s="472" t="s">
        <v>26</v>
      </c>
      <c r="C28" s="257">
        <v>0</v>
      </c>
      <c r="D28" s="258">
        <v>0</v>
      </c>
      <c r="E28" s="259">
        <v>0</v>
      </c>
      <c r="F28" s="260">
        <v>0</v>
      </c>
      <c r="G28" s="261">
        <v>0</v>
      </c>
      <c r="H28" s="261">
        <v>0</v>
      </c>
      <c r="I28" s="261">
        <v>0</v>
      </c>
      <c r="J28" s="261">
        <v>0</v>
      </c>
      <c r="K28" s="261">
        <v>0</v>
      </c>
      <c r="L28" s="262">
        <v>0</v>
      </c>
      <c r="M28" s="263">
        <v>0</v>
      </c>
      <c r="N28" s="257">
        <v>0</v>
      </c>
      <c r="O28" s="261">
        <v>0</v>
      </c>
      <c r="P28" s="258">
        <v>0</v>
      </c>
      <c r="Q28" s="260">
        <v>0</v>
      </c>
      <c r="R28" s="261">
        <v>0</v>
      </c>
      <c r="S28" s="261">
        <v>0</v>
      </c>
      <c r="T28" s="261">
        <v>0</v>
      </c>
      <c r="U28" s="261">
        <v>0</v>
      </c>
      <c r="V28" s="261">
        <v>0</v>
      </c>
      <c r="W28" s="258">
        <v>0</v>
      </c>
      <c r="X28" s="263">
        <v>0</v>
      </c>
      <c r="Y28" s="257">
        <v>0</v>
      </c>
      <c r="Z28" s="261">
        <v>0</v>
      </c>
      <c r="AA28" s="258">
        <v>0</v>
      </c>
      <c r="AB28" s="260">
        <v>0</v>
      </c>
      <c r="AC28" s="261">
        <v>47</v>
      </c>
      <c r="AD28" s="261">
        <v>38</v>
      </c>
      <c r="AE28" s="261">
        <v>24</v>
      </c>
      <c r="AF28" s="261">
        <v>10</v>
      </c>
      <c r="AG28" s="261">
        <v>7</v>
      </c>
      <c r="AH28" s="258">
        <v>126</v>
      </c>
      <c r="AI28" s="263">
        <v>126</v>
      </c>
      <c r="AJ28" s="257">
        <v>0</v>
      </c>
      <c r="AK28" s="261">
        <v>0</v>
      </c>
      <c r="AL28" s="258">
        <v>0</v>
      </c>
      <c r="AM28" s="260">
        <v>0</v>
      </c>
      <c r="AN28" s="261">
        <v>0</v>
      </c>
      <c r="AO28" s="261">
        <v>4</v>
      </c>
      <c r="AP28" s="261">
        <v>4</v>
      </c>
      <c r="AQ28" s="261">
        <v>3</v>
      </c>
      <c r="AR28" s="261">
        <v>1</v>
      </c>
      <c r="AS28" s="258">
        <v>12</v>
      </c>
      <c r="AT28" s="263">
        <v>12</v>
      </c>
      <c r="AU28" s="257">
        <v>0</v>
      </c>
      <c r="AV28" s="261">
        <v>1</v>
      </c>
      <c r="AW28" s="258">
        <v>1</v>
      </c>
      <c r="AX28" s="260">
        <v>0</v>
      </c>
      <c r="AY28" s="261">
        <v>5</v>
      </c>
      <c r="AZ28" s="261">
        <v>5</v>
      </c>
      <c r="BA28" s="261">
        <v>6</v>
      </c>
      <c r="BB28" s="261">
        <v>1</v>
      </c>
      <c r="BC28" s="261">
        <v>1</v>
      </c>
      <c r="BD28" s="258">
        <v>18</v>
      </c>
      <c r="BE28" s="263">
        <v>19</v>
      </c>
      <c r="BF28" s="257">
        <v>0</v>
      </c>
      <c r="BG28" s="261">
        <v>0</v>
      </c>
      <c r="BH28" s="258">
        <v>0</v>
      </c>
      <c r="BI28" s="260">
        <v>0</v>
      </c>
      <c r="BJ28" s="261">
        <v>6</v>
      </c>
      <c r="BK28" s="261">
        <v>17</v>
      </c>
      <c r="BL28" s="261">
        <v>22</v>
      </c>
      <c r="BM28" s="261">
        <v>11</v>
      </c>
      <c r="BN28" s="261">
        <v>2</v>
      </c>
      <c r="BO28" s="262">
        <v>58</v>
      </c>
      <c r="BP28" s="263">
        <v>58</v>
      </c>
      <c r="BQ28" s="257">
        <v>0</v>
      </c>
      <c r="BR28" s="261">
        <v>0</v>
      </c>
      <c r="BS28" s="258">
        <v>0</v>
      </c>
      <c r="BT28" s="260">
        <v>0</v>
      </c>
      <c r="BU28" s="261">
        <v>0</v>
      </c>
      <c r="BV28" s="261">
        <v>0</v>
      </c>
      <c r="BW28" s="261">
        <v>0</v>
      </c>
      <c r="BX28" s="261">
        <v>0</v>
      </c>
      <c r="BY28" s="261">
        <v>0</v>
      </c>
      <c r="BZ28" s="258">
        <v>0</v>
      </c>
      <c r="CA28" s="263">
        <v>0</v>
      </c>
      <c r="CB28" s="257">
        <v>0</v>
      </c>
      <c r="CC28" s="261">
        <v>0</v>
      </c>
      <c r="CD28" s="258">
        <v>0</v>
      </c>
      <c r="CE28" s="260">
        <v>0</v>
      </c>
      <c r="CF28" s="261">
        <v>0</v>
      </c>
      <c r="CG28" s="261">
        <v>0</v>
      </c>
      <c r="CH28" s="261">
        <v>0</v>
      </c>
      <c r="CI28" s="261">
        <v>0</v>
      </c>
      <c r="CJ28" s="261">
        <v>0</v>
      </c>
      <c r="CK28" s="258">
        <v>0</v>
      </c>
      <c r="CL28" s="263">
        <v>0</v>
      </c>
      <c r="CM28" s="257">
        <v>0</v>
      </c>
      <c r="CN28" s="261">
        <v>0</v>
      </c>
      <c r="CO28" s="258">
        <v>0</v>
      </c>
      <c r="CP28" s="260">
        <v>0</v>
      </c>
      <c r="CQ28" s="261">
        <v>0</v>
      </c>
      <c r="CR28" s="261">
        <v>0</v>
      </c>
      <c r="CS28" s="261">
        <v>0</v>
      </c>
      <c r="CT28" s="261">
        <v>0</v>
      </c>
      <c r="CU28" s="261">
        <v>0</v>
      </c>
      <c r="CV28" s="258">
        <v>0</v>
      </c>
      <c r="CW28" s="263">
        <v>0</v>
      </c>
    </row>
    <row r="29" spans="2:101" ht="21" customHeight="1" x14ac:dyDescent="0.2">
      <c r="B29" s="472" t="s">
        <v>27</v>
      </c>
      <c r="C29" s="257">
        <v>0</v>
      </c>
      <c r="D29" s="258">
        <v>0</v>
      </c>
      <c r="E29" s="259">
        <v>0</v>
      </c>
      <c r="F29" s="260">
        <v>0</v>
      </c>
      <c r="G29" s="261">
        <v>0</v>
      </c>
      <c r="H29" s="261">
        <v>0</v>
      </c>
      <c r="I29" s="261">
        <v>1</v>
      </c>
      <c r="J29" s="261">
        <v>0</v>
      </c>
      <c r="K29" s="261">
        <v>0</v>
      </c>
      <c r="L29" s="262">
        <v>1</v>
      </c>
      <c r="M29" s="263">
        <v>1</v>
      </c>
      <c r="N29" s="257">
        <v>0</v>
      </c>
      <c r="O29" s="261">
        <v>0</v>
      </c>
      <c r="P29" s="258">
        <v>0</v>
      </c>
      <c r="Q29" s="260">
        <v>0</v>
      </c>
      <c r="R29" s="261">
        <v>0</v>
      </c>
      <c r="S29" s="261">
        <v>0</v>
      </c>
      <c r="T29" s="261">
        <v>0</v>
      </c>
      <c r="U29" s="261">
        <v>0</v>
      </c>
      <c r="V29" s="261">
        <v>0</v>
      </c>
      <c r="W29" s="258">
        <v>0</v>
      </c>
      <c r="X29" s="263">
        <v>0</v>
      </c>
      <c r="Y29" s="257">
        <v>0</v>
      </c>
      <c r="Z29" s="261">
        <v>0</v>
      </c>
      <c r="AA29" s="258">
        <v>0</v>
      </c>
      <c r="AB29" s="260">
        <v>0</v>
      </c>
      <c r="AC29" s="261">
        <v>34</v>
      </c>
      <c r="AD29" s="261">
        <v>14</v>
      </c>
      <c r="AE29" s="261">
        <v>6</v>
      </c>
      <c r="AF29" s="261">
        <v>1</v>
      </c>
      <c r="AG29" s="261">
        <v>0</v>
      </c>
      <c r="AH29" s="258">
        <v>55</v>
      </c>
      <c r="AI29" s="263">
        <v>55</v>
      </c>
      <c r="AJ29" s="257">
        <v>0</v>
      </c>
      <c r="AK29" s="261">
        <v>0</v>
      </c>
      <c r="AL29" s="258">
        <v>0</v>
      </c>
      <c r="AM29" s="260">
        <v>0</v>
      </c>
      <c r="AN29" s="261">
        <v>2</v>
      </c>
      <c r="AO29" s="261">
        <v>1</v>
      </c>
      <c r="AP29" s="261">
        <v>1</v>
      </c>
      <c r="AQ29" s="261">
        <v>1</v>
      </c>
      <c r="AR29" s="261">
        <v>1</v>
      </c>
      <c r="AS29" s="258">
        <v>6</v>
      </c>
      <c r="AT29" s="263">
        <v>6</v>
      </c>
      <c r="AU29" s="257">
        <v>0</v>
      </c>
      <c r="AV29" s="261">
        <v>0</v>
      </c>
      <c r="AW29" s="258">
        <v>0</v>
      </c>
      <c r="AX29" s="260">
        <v>0</v>
      </c>
      <c r="AY29" s="261">
        <v>8</v>
      </c>
      <c r="AZ29" s="261">
        <v>4</v>
      </c>
      <c r="BA29" s="261">
        <v>4</v>
      </c>
      <c r="BB29" s="261">
        <v>3</v>
      </c>
      <c r="BC29" s="261">
        <v>1</v>
      </c>
      <c r="BD29" s="258">
        <v>20</v>
      </c>
      <c r="BE29" s="263">
        <v>20</v>
      </c>
      <c r="BF29" s="257">
        <v>0</v>
      </c>
      <c r="BG29" s="261">
        <v>0</v>
      </c>
      <c r="BH29" s="258">
        <v>0</v>
      </c>
      <c r="BI29" s="260">
        <v>0</v>
      </c>
      <c r="BJ29" s="261">
        <v>8</v>
      </c>
      <c r="BK29" s="261">
        <v>4</v>
      </c>
      <c r="BL29" s="261">
        <v>10</v>
      </c>
      <c r="BM29" s="261">
        <v>4</v>
      </c>
      <c r="BN29" s="261">
        <v>7</v>
      </c>
      <c r="BO29" s="262">
        <v>33</v>
      </c>
      <c r="BP29" s="263">
        <v>33</v>
      </c>
      <c r="BQ29" s="257">
        <v>0</v>
      </c>
      <c r="BR29" s="261">
        <v>0</v>
      </c>
      <c r="BS29" s="258">
        <v>0</v>
      </c>
      <c r="BT29" s="260">
        <v>0</v>
      </c>
      <c r="BU29" s="261">
        <v>0</v>
      </c>
      <c r="BV29" s="261">
        <v>0</v>
      </c>
      <c r="BW29" s="261">
        <v>0</v>
      </c>
      <c r="BX29" s="261">
        <v>0</v>
      </c>
      <c r="BY29" s="261">
        <v>0</v>
      </c>
      <c r="BZ29" s="258">
        <v>0</v>
      </c>
      <c r="CA29" s="263">
        <v>0</v>
      </c>
      <c r="CB29" s="257">
        <v>0</v>
      </c>
      <c r="CC29" s="261">
        <v>0</v>
      </c>
      <c r="CD29" s="258">
        <v>0</v>
      </c>
      <c r="CE29" s="260">
        <v>0</v>
      </c>
      <c r="CF29" s="261">
        <v>0</v>
      </c>
      <c r="CG29" s="261">
        <v>0</v>
      </c>
      <c r="CH29" s="261">
        <v>6</v>
      </c>
      <c r="CI29" s="261">
        <v>11</v>
      </c>
      <c r="CJ29" s="261">
        <v>7</v>
      </c>
      <c r="CK29" s="258">
        <v>24</v>
      </c>
      <c r="CL29" s="263">
        <v>24</v>
      </c>
      <c r="CM29" s="257">
        <v>0</v>
      </c>
      <c r="CN29" s="261">
        <v>0</v>
      </c>
      <c r="CO29" s="258">
        <v>0</v>
      </c>
      <c r="CP29" s="260">
        <v>0</v>
      </c>
      <c r="CQ29" s="261">
        <v>0</v>
      </c>
      <c r="CR29" s="261">
        <v>0</v>
      </c>
      <c r="CS29" s="261">
        <v>0</v>
      </c>
      <c r="CT29" s="261">
        <v>1</v>
      </c>
      <c r="CU29" s="261">
        <v>0</v>
      </c>
      <c r="CV29" s="258">
        <v>1</v>
      </c>
      <c r="CW29" s="263">
        <v>1</v>
      </c>
    </row>
    <row r="30" spans="2:101" ht="21" customHeight="1" x14ac:dyDescent="0.2">
      <c r="B30" s="472" t="s">
        <v>28</v>
      </c>
      <c r="C30" s="257">
        <v>0</v>
      </c>
      <c r="D30" s="258">
        <v>0</v>
      </c>
      <c r="E30" s="259">
        <v>0</v>
      </c>
      <c r="F30" s="260">
        <v>0</v>
      </c>
      <c r="G30" s="261">
        <v>0</v>
      </c>
      <c r="H30" s="261">
        <v>0</v>
      </c>
      <c r="I30" s="261">
        <v>0</v>
      </c>
      <c r="J30" s="261">
        <v>0</v>
      </c>
      <c r="K30" s="261">
        <v>0</v>
      </c>
      <c r="L30" s="262">
        <v>0</v>
      </c>
      <c r="M30" s="263">
        <v>0</v>
      </c>
      <c r="N30" s="257">
        <v>0</v>
      </c>
      <c r="O30" s="261">
        <v>0</v>
      </c>
      <c r="P30" s="258">
        <v>0</v>
      </c>
      <c r="Q30" s="260">
        <v>0</v>
      </c>
      <c r="R30" s="261">
        <v>0</v>
      </c>
      <c r="S30" s="261">
        <v>0</v>
      </c>
      <c r="T30" s="261">
        <v>0</v>
      </c>
      <c r="U30" s="261">
        <v>0</v>
      </c>
      <c r="V30" s="261">
        <v>0</v>
      </c>
      <c r="W30" s="258">
        <v>0</v>
      </c>
      <c r="X30" s="263">
        <v>0</v>
      </c>
      <c r="Y30" s="257">
        <v>0</v>
      </c>
      <c r="Z30" s="261">
        <v>0</v>
      </c>
      <c r="AA30" s="258">
        <v>0</v>
      </c>
      <c r="AB30" s="260">
        <v>0</v>
      </c>
      <c r="AC30" s="261">
        <v>20</v>
      </c>
      <c r="AD30" s="261">
        <v>14</v>
      </c>
      <c r="AE30" s="261">
        <v>2</v>
      </c>
      <c r="AF30" s="261">
        <v>1</v>
      </c>
      <c r="AG30" s="261">
        <v>1</v>
      </c>
      <c r="AH30" s="258">
        <v>38</v>
      </c>
      <c r="AI30" s="263">
        <v>38</v>
      </c>
      <c r="AJ30" s="257">
        <v>0</v>
      </c>
      <c r="AK30" s="261">
        <v>0</v>
      </c>
      <c r="AL30" s="258">
        <v>0</v>
      </c>
      <c r="AM30" s="260">
        <v>0</v>
      </c>
      <c r="AN30" s="261">
        <v>1</v>
      </c>
      <c r="AO30" s="261">
        <v>1</v>
      </c>
      <c r="AP30" s="261">
        <v>1</v>
      </c>
      <c r="AQ30" s="261">
        <v>1</v>
      </c>
      <c r="AR30" s="261">
        <v>0</v>
      </c>
      <c r="AS30" s="258">
        <v>4</v>
      </c>
      <c r="AT30" s="263">
        <v>4</v>
      </c>
      <c r="AU30" s="257">
        <v>0</v>
      </c>
      <c r="AV30" s="261">
        <v>0</v>
      </c>
      <c r="AW30" s="258">
        <v>0</v>
      </c>
      <c r="AX30" s="260">
        <v>0</v>
      </c>
      <c r="AY30" s="261">
        <v>0</v>
      </c>
      <c r="AZ30" s="261">
        <v>0</v>
      </c>
      <c r="BA30" s="261">
        <v>0</v>
      </c>
      <c r="BB30" s="261">
        <v>0</v>
      </c>
      <c r="BC30" s="261">
        <v>0</v>
      </c>
      <c r="BD30" s="258">
        <v>0</v>
      </c>
      <c r="BE30" s="263">
        <v>0</v>
      </c>
      <c r="BF30" s="257">
        <v>0</v>
      </c>
      <c r="BG30" s="261">
        <v>0</v>
      </c>
      <c r="BH30" s="258">
        <v>0</v>
      </c>
      <c r="BI30" s="260">
        <v>0</v>
      </c>
      <c r="BJ30" s="261">
        <v>1</v>
      </c>
      <c r="BK30" s="261">
        <v>5</v>
      </c>
      <c r="BL30" s="261">
        <v>2</v>
      </c>
      <c r="BM30" s="261">
        <v>4</v>
      </c>
      <c r="BN30" s="261">
        <v>2</v>
      </c>
      <c r="BO30" s="262">
        <v>14</v>
      </c>
      <c r="BP30" s="263">
        <v>14</v>
      </c>
      <c r="BQ30" s="257">
        <v>0</v>
      </c>
      <c r="BR30" s="261">
        <v>0</v>
      </c>
      <c r="BS30" s="258">
        <v>0</v>
      </c>
      <c r="BT30" s="260">
        <v>0</v>
      </c>
      <c r="BU30" s="261">
        <v>0</v>
      </c>
      <c r="BV30" s="261">
        <v>0</v>
      </c>
      <c r="BW30" s="261">
        <v>0</v>
      </c>
      <c r="BX30" s="261">
        <v>0</v>
      </c>
      <c r="BY30" s="261">
        <v>0</v>
      </c>
      <c r="BZ30" s="258">
        <v>0</v>
      </c>
      <c r="CA30" s="263">
        <v>0</v>
      </c>
      <c r="CB30" s="257">
        <v>0</v>
      </c>
      <c r="CC30" s="261">
        <v>0</v>
      </c>
      <c r="CD30" s="258">
        <v>0</v>
      </c>
      <c r="CE30" s="260">
        <v>0</v>
      </c>
      <c r="CF30" s="261">
        <v>0</v>
      </c>
      <c r="CG30" s="261">
        <v>0</v>
      </c>
      <c r="CH30" s="261">
        <v>1</v>
      </c>
      <c r="CI30" s="261">
        <v>0</v>
      </c>
      <c r="CJ30" s="261">
        <v>0</v>
      </c>
      <c r="CK30" s="258">
        <v>1</v>
      </c>
      <c r="CL30" s="263">
        <v>1</v>
      </c>
      <c r="CM30" s="257">
        <v>0</v>
      </c>
      <c r="CN30" s="261">
        <v>0</v>
      </c>
      <c r="CO30" s="258">
        <v>0</v>
      </c>
      <c r="CP30" s="260">
        <v>0</v>
      </c>
      <c r="CQ30" s="261">
        <v>0</v>
      </c>
      <c r="CR30" s="261">
        <v>0</v>
      </c>
      <c r="CS30" s="261">
        <v>0</v>
      </c>
      <c r="CT30" s="261">
        <v>0</v>
      </c>
      <c r="CU30" s="261">
        <v>0</v>
      </c>
      <c r="CV30" s="258">
        <v>0</v>
      </c>
      <c r="CW30" s="263">
        <v>0</v>
      </c>
    </row>
    <row r="31" spans="2:101" ht="21" customHeight="1" x14ac:dyDescent="0.2">
      <c r="B31" s="472" t="s">
        <v>29</v>
      </c>
      <c r="C31" s="257">
        <v>0</v>
      </c>
      <c r="D31" s="258">
        <v>0</v>
      </c>
      <c r="E31" s="259">
        <v>0</v>
      </c>
      <c r="F31" s="260">
        <v>0</v>
      </c>
      <c r="G31" s="261">
        <v>2</v>
      </c>
      <c r="H31" s="261">
        <v>0</v>
      </c>
      <c r="I31" s="261">
        <v>0</v>
      </c>
      <c r="J31" s="261">
        <v>0</v>
      </c>
      <c r="K31" s="261">
        <v>0</v>
      </c>
      <c r="L31" s="262">
        <v>2</v>
      </c>
      <c r="M31" s="263">
        <v>2</v>
      </c>
      <c r="N31" s="257">
        <v>0</v>
      </c>
      <c r="O31" s="261">
        <v>0</v>
      </c>
      <c r="P31" s="258">
        <v>0</v>
      </c>
      <c r="Q31" s="260">
        <v>0</v>
      </c>
      <c r="R31" s="261">
        <v>0</v>
      </c>
      <c r="S31" s="261">
        <v>0</v>
      </c>
      <c r="T31" s="261">
        <v>0</v>
      </c>
      <c r="U31" s="261">
        <v>0</v>
      </c>
      <c r="V31" s="261">
        <v>0</v>
      </c>
      <c r="W31" s="258">
        <v>0</v>
      </c>
      <c r="X31" s="263">
        <v>0</v>
      </c>
      <c r="Y31" s="257">
        <v>0</v>
      </c>
      <c r="Z31" s="261">
        <v>0</v>
      </c>
      <c r="AA31" s="258">
        <v>0</v>
      </c>
      <c r="AB31" s="260">
        <v>0</v>
      </c>
      <c r="AC31" s="261">
        <v>18</v>
      </c>
      <c r="AD31" s="261">
        <v>16</v>
      </c>
      <c r="AE31" s="261">
        <v>6</v>
      </c>
      <c r="AF31" s="261">
        <v>3</v>
      </c>
      <c r="AG31" s="261">
        <v>0</v>
      </c>
      <c r="AH31" s="258">
        <v>43</v>
      </c>
      <c r="AI31" s="263">
        <v>43</v>
      </c>
      <c r="AJ31" s="257">
        <v>0</v>
      </c>
      <c r="AK31" s="261">
        <v>0</v>
      </c>
      <c r="AL31" s="258">
        <v>0</v>
      </c>
      <c r="AM31" s="260">
        <v>0</v>
      </c>
      <c r="AN31" s="261">
        <v>1</v>
      </c>
      <c r="AO31" s="261">
        <v>0</v>
      </c>
      <c r="AP31" s="261">
        <v>0</v>
      </c>
      <c r="AQ31" s="261">
        <v>0</v>
      </c>
      <c r="AR31" s="261">
        <v>0</v>
      </c>
      <c r="AS31" s="258">
        <v>1</v>
      </c>
      <c r="AT31" s="263">
        <v>1</v>
      </c>
      <c r="AU31" s="257">
        <v>0</v>
      </c>
      <c r="AV31" s="261">
        <v>2</v>
      </c>
      <c r="AW31" s="258">
        <v>2</v>
      </c>
      <c r="AX31" s="260">
        <v>0</v>
      </c>
      <c r="AY31" s="261">
        <v>9</v>
      </c>
      <c r="AZ31" s="261">
        <v>4</v>
      </c>
      <c r="BA31" s="261">
        <v>6</v>
      </c>
      <c r="BB31" s="261">
        <v>4</v>
      </c>
      <c r="BC31" s="261">
        <v>1</v>
      </c>
      <c r="BD31" s="258">
        <v>24</v>
      </c>
      <c r="BE31" s="263">
        <v>26</v>
      </c>
      <c r="BF31" s="257">
        <v>0</v>
      </c>
      <c r="BG31" s="261">
        <v>0</v>
      </c>
      <c r="BH31" s="258">
        <v>0</v>
      </c>
      <c r="BI31" s="260">
        <v>0</v>
      </c>
      <c r="BJ31" s="261">
        <v>6</v>
      </c>
      <c r="BK31" s="261">
        <v>7</v>
      </c>
      <c r="BL31" s="261">
        <v>7</v>
      </c>
      <c r="BM31" s="261">
        <v>4</v>
      </c>
      <c r="BN31" s="261">
        <v>1</v>
      </c>
      <c r="BO31" s="262">
        <v>25</v>
      </c>
      <c r="BP31" s="263">
        <v>25</v>
      </c>
      <c r="BQ31" s="257">
        <v>0</v>
      </c>
      <c r="BR31" s="261">
        <v>0</v>
      </c>
      <c r="BS31" s="258">
        <v>0</v>
      </c>
      <c r="BT31" s="260">
        <v>0</v>
      </c>
      <c r="BU31" s="261">
        <v>0</v>
      </c>
      <c r="BV31" s="261">
        <v>0</v>
      </c>
      <c r="BW31" s="261">
        <v>0</v>
      </c>
      <c r="BX31" s="261">
        <v>0</v>
      </c>
      <c r="BY31" s="261">
        <v>0</v>
      </c>
      <c r="BZ31" s="258">
        <v>0</v>
      </c>
      <c r="CA31" s="263">
        <v>0</v>
      </c>
      <c r="CB31" s="257">
        <v>0</v>
      </c>
      <c r="CC31" s="261">
        <v>0</v>
      </c>
      <c r="CD31" s="258">
        <v>0</v>
      </c>
      <c r="CE31" s="260">
        <v>0</v>
      </c>
      <c r="CF31" s="261">
        <v>0</v>
      </c>
      <c r="CG31" s="261">
        <v>0</v>
      </c>
      <c r="CH31" s="261">
        <v>13</v>
      </c>
      <c r="CI31" s="261">
        <v>7</v>
      </c>
      <c r="CJ31" s="261">
        <v>5</v>
      </c>
      <c r="CK31" s="258">
        <v>25</v>
      </c>
      <c r="CL31" s="263">
        <v>25</v>
      </c>
      <c r="CM31" s="257">
        <v>0</v>
      </c>
      <c r="CN31" s="261">
        <v>0</v>
      </c>
      <c r="CO31" s="258">
        <v>0</v>
      </c>
      <c r="CP31" s="260">
        <v>0</v>
      </c>
      <c r="CQ31" s="261">
        <v>0</v>
      </c>
      <c r="CR31" s="261">
        <v>0</v>
      </c>
      <c r="CS31" s="261">
        <v>0</v>
      </c>
      <c r="CT31" s="261">
        <v>0</v>
      </c>
      <c r="CU31" s="261">
        <v>0</v>
      </c>
      <c r="CV31" s="258">
        <v>0</v>
      </c>
      <c r="CW31" s="263">
        <v>0</v>
      </c>
    </row>
    <row r="32" spans="2:101" ht="21" customHeight="1" x14ac:dyDescent="0.2">
      <c r="B32" s="472" t="s">
        <v>30</v>
      </c>
      <c r="C32" s="257">
        <v>0</v>
      </c>
      <c r="D32" s="258">
        <v>0</v>
      </c>
      <c r="E32" s="259">
        <v>0</v>
      </c>
      <c r="F32" s="260">
        <v>0</v>
      </c>
      <c r="G32" s="261">
        <v>0</v>
      </c>
      <c r="H32" s="261">
        <v>2</v>
      </c>
      <c r="I32" s="261">
        <v>1</v>
      </c>
      <c r="J32" s="261">
        <v>0</v>
      </c>
      <c r="K32" s="261">
        <v>0</v>
      </c>
      <c r="L32" s="262">
        <v>3</v>
      </c>
      <c r="M32" s="263">
        <v>3</v>
      </c>
      <c r="N32" s="257">
        <v>0</v>
      </c>
      <c r="O32" s="261">
        <v>0</v>
      </c>
      <c r="P32" s="258">
        <v>0</v>
      </c>
      <c r="Q32" s="260">
        <v>0</v>
      </c>
      <c r="R32" s="261">
        <v>0</v>
      </c>
      <c r="S32" s="261">
        <v>0</v>
      </c>
      <c r="T32" s="261">
        <v>0</v>
      </c>
      <c r="U32" s="261">
        <v>0</v>
      </c>
      <c r="V32" s="261">
        <v>0</v>
      </c>
      <c r="W32" s="258">
        <v>0</v>
      </c>
      <c r="X32" s="263">
        <v>0</v>
      </c>
      <c r="Y32" s="257">
        <v>0</v>
      </c>
      <c r="Z32" s="261">
        <v>0</v>
      </c>
      <c r="AA32" s="258">
        <v>0</v>
      </c>
      <c r="AB32" s="260">
        <v>0</v>
      </c>
      <c r="AC32" s="261">
        <v>26</v>
      </c>
      <c r="AD32" s="261">
        <v>7</v>
      </c>
      <c r="AE32" s="261">
        <v>11</v>
      </c>
      <c r="AF32" s="261">
        <v>2</v>
      </c>
      <c r="AG32" s="261">
        <v>1</v>
      </c>
      <c r="AH32" s="258">
        <v>47</v>
      </c>
      <c r="AI32" s="263">
        <v>47</v>
      </c>
      <c r="AJ32" s="257">
        <v>0</v>
      </c>
      <c r="AK32" s="261">
        <v>0</v>
      </c>
      <c r="AL32" s="258">
        <v>0</v>
      </c>
      <c r="AM32" s="260">
        <v>0</v>
      </c>
      <c r="AN32" s="261">
        <v>2</v>
      </c>
      <c r="AO32" s="261">
        <v>3</v>
      </c>
      <c r="AP32" s="261">
        <v>1</v>
      </c>
      <c r="AQ32" s="261">
        <v>0</v>
      </c>
      <c r="AR32" s="261">
        <v>0</v>
      </c>
      <c r="AS32" s="258">
        <v>6</v>
      </c>
      <c r="AT32" s="263">
        <v>6</v>
      </c>
      <c r="AU32" s="257">
        <v>0</v>
      </c>
      <c r="AV32" s="261">
        <v>0</v>
      </c>
      <c r="AW32" s="258">
        <v>0</v>
      </c>
      <c r="AX32" s="260">
        <v>0</v>
      </c>
      <c r="AY32" s="261">
        <v>0</v>
      </c>
      <c r="AZ32" s="261">
        <v>0</v>
      </c>
      <c r="BA32" s="261">
        <v>0</v>
      </c>
      <c r="BB32" s="261">
        <v>1</v>
      </c>
      <c r="BC32" s="261">
        <v>0</v>
      </c>
      <c r="BD32" s="258">
        <v>1</v>
      </c>
      <c r="BE32" s="263">
        <v>1</v>
      </c>
      <c r="BF32" s="257">
        <v>0</v>
      </c>
      <c r="BG32" s="261">
        <v>0</v>
      </c>
      <c r="BH32" s="258">
        <v>0</v>
      </c>
      <c r="BI32" s="260">
        <v>0</v>
      </c>
      <c r="BJ32" s="261">
        <v>5</v>
      </c>
      <c r="BK32" s="261">
        <v>6</v>
      </c>
      <c r="BL32" s="261">
        <v>2</v>
      </c>
      <c r="BM32" s="261">
        <v>6</v>
      </c>
      <c r="BN32" s="261">
        <v>1</v>
      </c>
      <c r="BO32" s="262">
        <v>20</v>
      </c>
      <c r="BP32" s="263">
        <v>20</v>
      </c>
      <c r="BQ32" s="257">
        <v>0</v>
      </c>
      <c r="BR32" s="261">
        <v>0</v>
      </c>
      <c r="BS32" s="258">
        <v>0</v>
      </c>
      <c r="BT32" s="260">
        <v>0</v>
      </c>
      <c r="BU32" s="261">
        <v>0</v>
      </c>
      <c r="BV32" s="261">
        <v>0</v>
      </c>
      <c r="BW32" s="261">
        <v>0</v>
      </c>
      <c r="BX32" s="261">
        <v>0</v>
      </c>
      <c r="BY32" s="261">
        <v>0</v>
      </c>
      <c r="BZ32" s="258">
        <v>0</v>
      </c>
      <c r="CA32" s="263">
        <v>0</v>
      </c>
      <c r="CB32" s="257">
        <v>0</v>
      </c>
      <c r="CC32" s="261">
        <v>0</v>
      </c>
      <c r="CD32" s="258">
        <v>0</v>
      </c>
      <c r="CE32" s="260">
        <v>0</v>
      </c>
      <c r="CF32" s="261">
        <v>0</v>
      </c>
      <c r="CG32" s="261">
        <v>0</v>
      </c>
      <c r="CH32" s="261">
        <v>0</v>
      </c>
      <c r="CI32" s="261">
        <v>0</v>
      </c>
      <c r="CJ32" s="261">
        <v>0</v>
      </c>
      <c r="CK32" s="258">
        <v>0</v>
      </c>
      <c r="CL32" s="263">
        <v>0</v>
      </c>
      <c r="CM32" s="257">
        <v>0</v>
      </c>
      <c r="CN32" s="261">
        <v>0</v>
      </c>
      <c r="CO32" s="258">
        <v>0</v>
      </c>
      <c r="CP32" s="260">
        <v>0</v>
      </c>
      <c r="CQ32" s="261">
        <v>0</v>
      </c>
      <c r="CR32" s="261">
        <v>0</v>
      </c>
      <c r="CS32" s="261">
        <v>0</v>
      </c>
      <c r="CT32" s="261">
        <v>0</v>
      </c>
      <c r="CU32" s="261">
        <v>0</v>
      </c>
      <c r="CV32" s="258">
        <v>0</v>
      </c>
      <c r="CW32" s="263">
        <v>0</v>
      </c>
    </row>
    <row r="33" spans="2:101" ht="21" customHeight="1" x14ac:dyDescent="0.2">
      <c r="B33" s="472" t="s">
        <v>31</v>
      </c>
      <c r="C33" s="257">
        <v>0</v>
      </c>
      <c r="D33" s="258">
        <v>0</v>
      </c>
      <c r="E33" s="259">
        <v>0</v>
      </c>
      <c r="F33" s="260">
        <v>0</v>
      </c>
      <c r="G33" s="261">
        <v>0</v>
      </c>
      <c r="H33" s="261">
        <v>2</v>
      </c>
      <c r="I33" s="261">
        <v>0</v>
      </c>
      <c r="J33" s="261">
        <v>0</v>
      </c>
      <c r="K33" s="261">
        <v>0</v>
      </c>
      <c r="L33" s="262">
        <v>2</v>
      </c>
      <c r="M33" s="263">
        <v>2</v>
      </c>
      <c r="N33" s="257">
        <v>0</v>
      </c>
      <c r="O33" s="261">
        <v>0</v>
      </c>
      <c r="P33" s="258">
        <v>0</v>
      </c>
      <c r="Q33" s="260">
        <v>0</v>
      </c>
      <c r="R33" s="261">
        <v>0</v>
      </c>
      <c r="S33" s="261">
        <v>0</v>
      </c>
      <c r="T33" s="261">
        <v>0</v>
      </c>
      <c r="U33" s="261">
        <v>0</v>
      </c>
      <c r="V33" s="261">
        <v>0</v>
      </c>
      <c r="W33" s="258">
        <v>0</v>
      </c>
      <c r="X33" s="263">
        <v>0</v>
      </c>
      <c r="Y33" s="257">
        <v>0</v>
      </c>
      <c r="Z33" s="261">
        <v>0</v>
      </c>
      <c r="AA33" s="258">
        <v>0</v>
      </c>
      <c r="AB33" s="260">
        <v>0</v>
      </c>
      <c r="AC33" s="261">
        <v>34</v>
      </c>
      <c r="AD33" s="261">
        <v>15</v>
      </c>
      <c r="AE33" s="261">
        <v>9</v>
      </c>
      <c r="AF33" s="261">
        <v>3</v>
      </c>
      <c r="AG33" s="261">
        <v>0</v>
      </c>
      <c r="AH33" s="258">
        <v>61</v>
      </c>
      <c r="AI33" s="263">
        <v>61</v>
      </c>
      <c r="AJ33" s="257">
        <v>0</v>
      </c>
      <c r="AK33" s="261">
        <v>0</v>
      </c>
      <c r="AL33" s="258">
        <v>0</v>
      </c>
      <c r="AM33" s="260">
        <v>0</v>
      </c>
      <c r="AN33" s="261">
        <v>0</v>
      </c>
      <c r="AO33" s="261">
        <v>0</v>
      </c>
      <c r="AP33" s="261">
        <v>1</v>
      </c>
      <c r="AQ33" s="261">
        <v>1</v>
      </c>
      <c r="AR33" s="261">
        <v>1</v>
      </c>
      <c r="AS33" s="258">
        <v>3</v>
      </c>
      <c r="AT33" s="263">
        <v>3</v>
      </c>
      <c r="AU33" s="257">
        <v>0</v>
      </c>
      <c r="AV33" s="261">
        <v>1</v>
      </c>
      <c r="AW33" s="258">
        <v>1</v>
      </c>
      <c r="AX33" s="260">
        <v>0</v>
      </c>
      <c r="AY33" s="261">
        <v>7</v>
      </c>
      <c r="AZ33" s="261">
        <v>6</v>
      </c>
      <c r="BA33" s="261">
        <v>7</v>
      </c>
      <c r="BB33" s="261">
        <v>5</v>
      </c>
      <c r="BC33" s="261">
        <v>0</v>
      </c>
      <c r="BD33" s="258">
        <v>25</v>
      </c>
      <c r="BE33" s="263">
        <v>26</v>
      </c>
      <c r="BF33" s="257">
        <v>0</v>
      </c>
      <c r="BG33" s="261">
        <v>0</v>
      </c>
      <c r="BH33" s="258">
        <v>0</v>
      </c>
      <c r="BI33" s="260">
        <v>0</v>
      </c>
      <c r="BJ33" s="261">
        <v>7</v>
      </c>
      <c r="BK33" s="261">
        <v>9</v>
      </c>
      <c r="BL33" s="261">
        <v>11</v>
      </c>
      <c r="BM33" s="261">
        <v>11</v>
      </c>
      <c r="BN33" s="261">
        <v>5</v>
      </c>
      <c r="BO33" s="262">
        <v>43</v>
      </c>
      <c r="BP33" s="263">
        <v>43</v>
      </c>
      <c r="BQ33" s="257">
        <v>0</v>
      </c>
      <c r="BR33" s="261">
        <v>0</v>
      </c>
      <c r="BS33" s="258">
        <v>0</v>
      </c>
      <c r="BT33" s="260">
        <v>0</v>
      </c>
      <c r="BU33" s="261">
        <v>0</v>
      </c>
      <c r="BV33" s="261">
        <v>0</v>
      </c>
      <c r="BW33" s="261">
        <v>0</v>
      </c>
      <c r="BX33" s="261">
        <v>0</v>
      </c>
      <c r="BY33" s="261">
        <v>0</v>
      </c>
      <c r="BZ33" s="258">
        <v>0</v>
      </c>
      <c r="CA33" s="263">
        <v>0</v>
      </c>
      <c r="CB33" s="257">
        <v>0</v>
      </c>
      <c r="CC33" s="261">
        <v>0</v>
      </c>
      <c r="CD33" s="258">
        <v>0</v>
      </c>
      <c r="CE33" s="260">
        <v>0</v>
      </c>
      <c r="CF33" s="261">
        <v>0</v>
      </c>
      <c r="CG33" s="261">
        <v>1</v>
      </c>
      <c r="CH33" s="261">
        <v>0</v>
      </c>
      <c r="CI33" s="261">
        <v>0</v>
      </c>
      <c r="CJ33" s="261">
        <v>0</v>
      </c>
      <c r="CK33" s="258">
        <v>1</v>
      </c>
      <c r="CL33" s="263">
        <v>1</v>
      </c>
      <c r="CM33" s="257">
        <v>0</v>
      </c>
      <c r="CN33" s="261">
        <v>0</v>
      </c>
      <c r="CO33" s="258">
        <v>0</v>
      </c>
      <c r="CP33" s="260">
        <v>0</v>
      </c>
      <c r="CQ33" s="261">
        <v>0</v>
      </c>
      <c r="CR33" s="261">
        <v>0</v>
      </c>
      <c r="CS33" s="261">
        <v>0</v>
      </c>
      <c r="CT33" s="261">
        <v>0</v>
      </c>
      <c r="CU33" s="261">
        <v>0</v>
      </c>
      <c r="CV33" s="258">
        <v>0</v>
      </c>
      <c r="CW33" s="263">
        <v>0</v>
      </c>
    </row>
    <row r="34" spans="2:101" ht="21" customHeight="1" x14ac:dyDescent="0.2">
      <c r="B34" s="472" t="s">
        <v>32</v>
      </c>
      <c r="C34" s="257">
        <v>0</v>
      </c>
      <c r="D34" s="258">
        <v>0</v>
      </c>
      <c r="E34" s="259">
        <v>0</v>
      </c>
      <c r="F34" s="260">
        <v>0</v>
      </c>
      <c r="G34" s="261">
        <v>2</v>
      </c>
      <c r="H34" s="261">
        <v>3</v>
      </c>
      <c r="I34" s="261">
        <v>1</v>
      </c>
      <c r="J34" s="261">
        <v>0</v>
      </c>
      <c r="K34" s="261">
        <v>0</v>
      </c>
      <c r="L34" s="262">
        <v>6</v>
      </c>
      <c r="M34" s="263">
        <v>6</v>
      </c>
      <c r="N34" s="257">
        <v>0</v>
      </c>
      <c r="O34" s="261">
        <v>0</v>
      </c>
      <c r="P34" s="258">
        <v>0</v>
      </c>
      <c r="Q34" s="260">
        <v>0</v>
      </c>
      <c r="R34" s="261">
        <v>0</v>
      </c>
      <c r="S34" s="261">
        <v>0</v>
      </c>
      <c r="T34" s="261">
        <v>0</v>
      </c>
      <c r="U34" s="261">
        <v>0</v>
      </c>
      <c r="V34" s="261">
        <v>0</v>
      </c>
      <c r="W34" s="258">
        <v>0</v>
      </c>
      <c r="X34" s="263">
        <v>0</v>
      </c>
      <c r="Y34" s="257">
        <v>0</v>
      </c>
      <c r="Z34" s="261">
        <v>0</v>
      </c>
      <c r="AA34" s="258">
        <v>0</v>
      </c>
      <c r="AB34" s="260">
        <v>0</v>
      </c>
      <c r="AC34" s="261">
        <v>37</v>
      </c>
      <c r="AD34" s="261">
        <v>30</v>
      </c>
      <c r="AE34" s="261">
        <v>10</v>
      </c>
      <c r="AF34" s="261">
        <v>5</v>
      </c>
      <c r="AG34" s="261">
        <v>2</v>
      </c>
      <c r="AH34" s="258">
        <v>84</v>
      </c>
      <c r="AI34" s="263">
        <v>84</v>
      </c>
      <c r="AJ34" s="257">
        <v>0</v>
      </c>
      <c r="AK34" s="261">
        <v>0</v>
      </c>
      <c r="AL34" s="258">
        <v>0</v>
      </c>
      <c r="AM34" s="260">
        <v>0</v>
      </c>
      <c r="AN34" s="261">
        <v>7</v>
      </c>
      <c r="AO34" s="261">
        <v>1</v>
      </c>
      <c r="AP34" s="261">
        <v>0</v>
      </c>
      <c r="AQ34" s="261">
        <v>0</v>
      </c>
      <c r="AR34" s="261">
        <v>1</v>
      </c>
      <c r="AS34" s="258">
        <v>9</v>
      </c>
      <c r="AT34" s="263">
        <v>9</v>
      </c>
      <c r="AU34" s="257">
        <v>0</v>
      </c>
      <c r="AV34" s="261">
        <v>4</v>
      </c>
      <c r="AW34" s="258">
        <v>4</v>
      </c>
      <c r="AX34" s="260">
        <v>0</v>
      </c>
      <c r="AY34" s="261">
        <v>9</v>
      </c>
      <c r="AZ34" s="261">
        <v>1</v>
      </c>
      <c r="BA34" s="261">
        <v>4</v>
      </c>
      <c r="BB34" s="261">
        <v>2</v>
      </c>
      <c r="BC34" s="261">
        <v>0</v>
      </c>
      <c r="BD34" s="258">
        <v>16</v>
      </c>
      <c r="BE34" s="263">
        <v>20</v>
      </c>
      <c r="BF34" s="257">
        <v>0</v>
      </c>
      <c r="BG34" s="261">
        <v>0</v>
      </c>
      <c r="BH34" s="258">
        <v>0</v>
      </c>
      <c r="BI34" s="260">
        <v>0</v>
      </c>
      <c r="BJ34" s="261">
        <v>4</v>
      </c>
      <c r="BK34" s="261">
        <v>5</v>
      </c>
      <c r="BL34" s="261">
        <v>8</v>
      </c>
      <c r="BM34" s="261">
        <v>9</v>
      </c>
      <c r="BN34" s="261">
        <v>6</v>
      </c>
      <c r="BO34" s="262">
        <v>32</v>
      </c>
      <c r="BP34" s="263">
        <v>32</v>
      </c>
      <c r="BQ34" s="257">
        <v>0</v>
      </c>
      <c r="BR34" s="261">
        <v>0</v>
      </c>
      <c r="BS34" s="258">
        <v>0</v>
      </c>
      <c r="BT34" s="260">
        <v>0</v>
      </c>
      <c r="BU34" s="261">
        <v>0</v>
      </c>
      <c r="BV34" s="261">
        <v>0</v>
      </c>
      <c r="BW34" s="261">
        <v>0</v>
      </c>
      <c r="BX34" s="261">
        <v>0</v>
      </c>
      <c r="BY34" s="261">
        <v>0</v>
      </c>
      <c r="BZ34" s="258">
        <v>0</v>
      </c>
      <c r="CA34" s="263">
        <v>0</v>
      </c>
      <c r="CB34" s="257">
        <v>0</v>
      </c>
      <c r="CC34" s="261">
        <v>0</v>
      </c>
      <c r="CD34" s="258">
        <v>0</v>
      </c>
      <c r="CE34" s="260">
        <v>0</v>
      </c>
      <c r="CF34" s="261">
        <v>1</v>
      </c>
      <c r="CG34" s="261">
        <v>0</v>
      </c>
      <c r="CH34" s="261">
        <v>12</v>
      </c>
      <c r="CI34" s="261">
        <v>7</v>
      </c>
      <c r="CJ34" s="261">
        <v>5</v>
      </c>
      <c r="CK34" s="258">
        <v>25</v>
      </c>
      <c r="CL34" s="263">
        <v>25</v>
      </c>
      <c r="CM34" s="257">
        <v>0</v>
      </c>
      <c r="CN34" s="261">
        <v>0</v>
      </c>
      <c r="CO34" s="258">
        <v>0</v>
      </c>
      <c r="CP34" s="260">
        <v>0</v>
      </c>
      <c r="CQ34" s="261">
        <v>0</v>
      </c>
      <c r="CR34" s="261">
        <v>0</v>
      </c>
      <c r="CS34" s="261">
        <v>0</v>
      </c>
      <c r="CT34" s="261">
        <v>0</v>
      </c>
      <c r="CU34" s="261">
        <v>0</v>
      </c>
      <c r="CV34" s="258">
        <v>0</v>
      </c>
      <c r="CW34" s="263">
        <v>0</v>
      </c>
    </row>
    <row r="35" spans="2:101" ht="21" customHeight="1" x14ac:dyDescent="0.2">
      <c r="B35" s="472" t="s">
        <v>33</v>
      </c>
      <c r="C35" s="257">
        <v>0</v>
      </c>
      <c r="D35" s="258">
        <v>0</v>
      </c>
      <c r="E35" s="259">
        <v>0</v>
      </c>
      <c r="F35" s="260">
        <v>0</v>
      </c>
      <c r="G35" s="261">
        <v>0</v>
      </c>
      <c r="H35" s="261">
        <v>0</v>
      </c>
      <c r="I35" s="261">
        <v>0</v>
      </c>
      <c r="J35" s="261">
        <v>0</v>
      </c>
      <c r="K35" s="261">
        <v>0</v>
      </c>
      <c r="L35" s="262">
        <v>0</v>
      </c>
      <c r="M35" s="263">
        <v>0</v>
      </c>
      <c r="N35" s="257">
        <v>0</v>
      </c>
      <c r="O35" s="261">
        <v>0</v>
      </c>
      <c r="P35" s="258">
        <v>0</v>
      </c>
      <c r="Q35" s="260">
        <v>0</v>
      </c>
      <c r="R35" s="261">
        <v>0</v>
      </c>
      <c r="S35" s="261">
        <v>0</v>
      </c>
      <c r="T35" s="261">
        <v>0</v>
      </c>
      <c r="U35" s="261">
        <v>0</v>
      </c>
      <c r="V35" s="261">
        <v>0</v>
      </c>
      <c r="W35" s="258">
        <v>0</v>
      </c>
      <c r="X35" s="263">
        <v>0</v>
      </c>
      <c r="Y35" s="257">
        <v>0</v>
      </c>
      <c r="Z35" s="261">
        <v>0</v>
      </c>
      <c r="AA35" s="258">
        <v>0</v>
      </c>
      <c r="AB35" s="260">
        <v>0</v>
      </c>
      <c r="AC35" s="261">
        <v>23</v>
      </c>
      <c r="AD35" s="261">
        <v>15</v>
      </c>
      <c r="AE35" s="261">
        <v>10</v>
      </c>
      <c r="AF35" s="261">
        <v>1</v>
      </c>
      <c r="AG35" s="261">
        <v>1</v>
      </c>
      <c r="AH35" s="258">
        <v>50</v>
      </c>
      <c r="AI35" s="263">
        <v>50</v>
      </c>
      <c r="AJ35" s="257">
        <v>0</v>
      </c>
      <c r="AK35" s="261">
        <v>0</v>
      </c>
      <c r="AL35" s="258">
        <v>0</v>
      </c>
      <c r="AM35" s="260">
        <v>0</v>
      </c>
      <c r="AN35" s="261">
        <v>0</v>
      </c>
      <c r="AO35" s="261">
        <v>0</v>
      </c>
      <c r="AP35" s="261">
        <v>0</v>
      </c>
      <c r="AQ35" s="261">
        <v>0</v>
      </c>
      <c r="AR35" s="261">
        <v>0</v>
      </c>
      <c r="AS35" s="258">
        <v>0</v>
      </c>
      <c r="AT35" s="263">
        <v>0</v>
      </c>
      <c r="AU35" s="257">
        <v>0</v>
      </c>
      <c r="AV35" s="261">
        <v>0</v>
      </c>
      <c r="AW35" s="258">
        <v>0</v>
      </c>
      <c r="AX35" s="260">
        <v>0</v>
      </c>
      <c r="AY35" s="261">
        <v>0</v>
      </c>
      <c r="AZ35" s="261">
        <v>0</v>
      </c>
      <c r="BA35" s="261">
        <v>0</v>
      </c>
      <c r="BB35" s="261">
        <v>0</v>
      </c>
      <c r="BC35" s="261">
        <v>0</v>
      </c>
      <c r="BD35" s="258">
        <v>0</v>
      </c>
      <c r="BE35" s="263">
        <v>0</v>
      </c>
      <c r="BF35" s="257">
        <v>0</v>
      </c>
      <c r="BG35" s="261">
        <v>1</v>
      </c>
      <c r="BH35" s="258">
        <v>1</v>
      </c>
      <c r="BI35" s="260">
        <v>0</v>
      </c>
      <c r="BJ35" s="261">
        <v>4</v>
      </c>
      <c r="BK35" s="261">
        <v>3</v>
      </c>
      <c r="BL35" s="261">
        <v>8</v>
      </c>
      <c r="BM35" s="261">
        <v>0</v>
      </c>
      <c r="BN35" s="261">
        <v>2</v>
      </c>
      <c r="BO35" s="262">
        <v>17</v>
      </c>
      <c r="BP35" s="263">
        <v>18</v>
      </c>
      <c r="BQ35" s="257">
        <v>0</v>
      </c>
      <c r="BR35" s="261">
        <v>0</v>
      </c>
      <c r="BS35" s="258">
        <v>0</v>
      </c>
      <c r="BT35" s="260">
        <v>0</v>
      </c>
      <c r="BU35" s="261">
        <v>0</v>
      </c>
      <c r="BV35" s="261">
        <v>0</v>
      </c>
      <c r="BW35" s="261">
        <v>0</v>
      </c>
      <c r="BX35" s="261">
        <v>0</v>
      </c>
      <c r="BY35" s="261">
        <v>0</v>
      </c>
      <c r="BZ35" s="258">
        <v>0</v>
      </c>
      <c r="CA35" s="263">
        <v>0</v>
      </c>
      <c r="CB35" s="257">
        <v>0</v>
      </c>
      <c r="CC35" s="261">
        <v>0</v>
      </c>
      <c r="CD35" s="258">
        <v>0</v>
      </c>
      <c r="CE35" s="260">
        <v>0</v>
      </c>
      <c r="CF35" s="261">
        <v>0</v>
      </c>
      <c r="CG35" s="261">
        <v>0</v>
      </c>
      <c r="CH35" s="261">
        <v>0</v>
      </c>
      <c r="CI35" s="261">
        <v>0</v>
      </c>
      <c r="CJ35" s="261">
        <v>0</v>
      </c>
      <c r="CK35" s="258">
        <v>0</v>
      </c>
      <c r="CL35" s="263">
        <v>0</v>
      </c>
      <c r="CM35" s="257">
        <v>0</v>
      </c>
      <c r="CN35" s="261">
        <v>0</v>
      </c>
      <c r="CO35" s="258">
        <v>0</v>
      </c>
      <c r="CP35" s="260">
        <v>0</v>
      </c>
      <c r="CQ35" s="261">
        <v>4</v>
      </c>
      <c r="CR35" s="261">
        <v>3</v>
      </c>
      <c r="CS35" s="261">
        <v>4</v>
      </c>
      <c r="CT35" s="261">
        <v>3</v>
      </c>
      <c r="CU35" s="261">
        <v>6</v>
      </c>
      <c r="CV35" s="258">
        <v>20</v>
      </c>
      <c r="CW35" s="263">
        <v>20</v>
      </c>
    </row>
    <row r="36" spans="2:101" ht="21" customHeight="1" x14ac:dyDescent="0.2">
      <c r="B36" s="472" t="s">
        <v>34</v>
      </c>
      <c r="C36" s="257">
        <v>0</v>
      </c>
      <c r="D36" s="258">
        <v>0</v>
      </c>
      <c r="E36" s="259">
        <v>0</v>
      </c>
      <c r="F36" s="260">
        <v>0</v>
      </c>
      <c r="G36" s="261">
        <v>0</v>
      </c>
      <c r="H36" s="261">
        <v>0</v>
      </c>
      <c r="I36" s="261">
        <v>0</v>
      </c>
      <c r="J36" s="261">
        <v>0</v>
      </c>
      <c r="K36" s="261">
        <v>0</v>
      </c>
      <c r="L36" s="262">
        <v>0</v>
      </c>
      <c r="M36" s="263">
        <v>0</v>
      </c>
      <c r="N36" s="257">
        <v>0</v>
      </c>
      <c r="O36" s="261">
        <v>0</v>
      </c>
      <c r="P36" s="258">
        <v>0</v>
      </c>
      <c r="Q36" s="260">
        <v>0</v>
      </c>
      <c r="R36" s="261">
        <v>0</v>
      </c>
      <c r="S36" s="261">
        <v>0</v>
      </c>
      <c r="T36" s="261">
        <v>0</v>
      </c>
      <c r="U36" s="261">
        <v>0</v>
      </c>
      <c r="V36" s="261">
        <v>0</v>
      </c>
      <c r="W36" s="258">
        <v>0</v>
      </c>
      <c r="X36" s="263">
        <v>0</v>
      </c>
      <c r="Y36" s="257">
        <v>0</v>
      </c>
      <c r="Z36" s="261">
        <v>0</v>
      </c>
      <c r="AA36" s="258">
        <v>0</v>
      </c>
      <c r="AB36" s="260">
        <v>0</v>
      </c>
      <c r="AC36" s="261">
        <v>13</v>
      </c>
      <c r="AD36" s="261">
        <v>5</v>
      </c>
      <c r="AE36" s="261">
        <v>2</v>
      </c>
      <c r="AF36" s="261">
        <v>2</v>
      </c>
      <c r="AG36" s="261">
        <v>1</v>
      </c>
      <c r="AH36" s="258">
        <v>23</v>
      </c>
      <c r="AI36" s="263">
        <v>23</v>
      </c>
      <c r="AJ36" s="257">
        <v>0</v>
      </c>
      <c r="AK36" s="261">
        <v>0</v>
      </c>
      <c r="AL36" s="258">
        <v>0</v>
      </c>
      <c r="AM36" s="260">
        <v>0</v>
      </c>
      <c r="AN36" s="261">
        <v>0</v>
      </c>
      <c r="AO36" s="261">
        <v>0</v>
      </c>
      <c r="AP36" s="261">
        <v>0</v>
      </c>
      <c r="AQ36" s="261">
        <v>0</v>
      </c>
      <c r="AR36" s="261">
        <v>1</v>
      </c>
      <c r="AS36" s="258">
        <v>1</v>
      </c>
      <c r="AT36" s="263">
        <v>1</v>
      </c>
      <c r="AU36" s="257">
        <v>1</v>
      </c>
      <c r="AV36" s="261">
        <v>1</v>
      </c>
      <c r="AW36" s="258">
        <v>2</v>
      </c>
      <c r="AX36" s="260">
        <v>0</v>
      </c>
      <c r="AY36" s="261">
        <v>10</v>
      </c>
      <c r="AZ36" s="261">
        <v>9</v>
      </c>
      <c r="BA36" s="261">
        <v>6</v>
      </c>
      <c r="BB36" s="261">
        <v>2</v>
      </c>
      <c r="BC36" s="261">
        <v>0</v>
      </c>
      <c r="BD36" s="258">
        <v>27</v>
      </c>
      <c r="BE36" s="263">
        <v>29</v>
      </c>
      <c r="BF36" s="257">
        <v>0</v>
      </c>
      <c r="BG36" s="261">
        <v>0</v>
      </c>
      <c r="BH36" s="258">
        <v>0</v>
      </c>
      <c r="BI36" s="260">
        <v>0</v>
      </c>
      <c r="BJ36" s="261">
        <v>0</v>
      </c>
      <c r="BK36" s="261">
        <v>0</v>
      </c>
      <c r="BL36" s="261">
        <v>0</v>
      </c>
      <c r="BM36" s="261">
        <v>0</v>
      </c>
      <c r="BN36" s="261">
        <v>0</v>
      </c>
      <c r="BO36" s="262">
        <v>0</v>
      </c>
      <c r="BP36" s="263">
        <v>0</v>
      </c>
      <c r="BQ36" s="257">
        <v>0</v>
      </c>
      <c r="BR36" s="261">
        <v>0</v>
      </c>
      <c r="BS36" s="258">
        <v>0</v>
      </c>
      <c r="BT36" s="260">
        <v>0</v>
      </c>
      <c r="BU36" s="261">
        <v>0</v>
      </c>
      <c r="BV36" s="261">
        <v>0</v>
      </c>
      <c r="BW36" s="261">
        <v>0</v>
      </c>
      <c r="BX36" s="261">
        <v>0</v>
      </c>
      <c r="BY36" s="261">
        <v>0</v>
      </c>
      <c r="BZ36" s="258">
        <v>0</v>
      </c>
      <c r="CA36" s="263">
        <v>0</v>
      </c>
      <c r="CB36" s="257">
        <v>0</v>
      </c>
      <c r="CC36" s="261">
        <v>0</v>
      </c>
      <c r="CD36" s="258">
        <v>0</v>
      </c>
      <c r="CE36" s="260">
        <v>0</v>
      </c>
      <c r="CF36" s="261">
        <v>0</v>
      </c>
      <c r="CG36" s="261">
        <v>0</v>
      </c>
      <c r="CH36" s="261">
        <v>0</v>
      </c>
      <c r="CI36" s="261">
        <v>0</v>
      </c>
      <c r="CJ36" s="261">
        <v>0</v>
      </c>
      <c r="CK36" s="258">
        <v>0</v>
      </c>
      <c r="CL36" s="263">
        <v>0</v>
      </c>
      <c r="CM36" s="257">
        <v>0</v>
      </c>
      <c r="CN36" s="261">
        <v>0</v>
      </c>
      <c r="CO36" s="258">
        <v>0</v>
      </c>
      <c r="CP36" s="260">
        <v>0</v>
      </c>
      <c r="CQ36" s="261">
        <v>8</v>
      </c>
      <c r="CR36" s="261">
        <v>6</v>
      </c>
      <c r="CS36" s="261">
        <v>8</v>
      </c>
      <c r="CT36" s="261">
        <v>3</v>
      </c>
      <c r="CU36" s="261">
        <v>1</v>
      </c>
      <c r="CV36" s="258">
        <v>26</v>
      </c>
      <c r="CW36" s="263">
        <v>26</v>
      </c>
    </row>
    <row r="37" spans="2:101" ht="21" customHeight="1" x14ac:dyDescent="0.2">
      <c r="B37" s="472" t="s">
        <v>35</v>
      </c>
      <c r="C37" s="257">
        <v>0</v>
      </c>
      <c r="D37" s="258">
        <v>0</v>
      </c>
      <c r="E37" s="259">
        <v>0</v>
      </c>
      <c r="F37" s="260">
        <v>0</v>
      </c>
      <c r="G37" s="261">
        <v>0</v>
      </c>
      <c r="H37" s="261">
        <v>0</v>
      </c>
      <c r="I37" s="261">
        <v>2</v>
      </c>
      <c r="J37" s="261">
        <v>1</v>
      </c>
      <c r="K37" s="261">
        <v>0</v>
      </c>
      <c r="L37" s="262">
        <v>3</v>
      </c>
      <c r="M37" s="263">
        <v>3</v>
      </c>
      <c r="N37" s="257">
        <v>0</v>
      </c>
      <c r="O37" s="261">
        <v>0</v>
      </c>
      <c r="P37" s="258">
        <v>0</v>
      </c>
      <c r="Q37" s="260">
        <v>0</v>
      </c>
      <c r="R37" s="261">
        <v>0</v>
      </c>
      <c r="S37" s="261">
        <v>0</v>
      </c>
      <c r="T37" s="261">
        <v>0</v>
      </c>
      <c r="U37" s="261">
        <v>0</v>
      </c>
      <c r="V37" s="261">
        <v>0</v>
      </c>
      <c r="W37" s="258">
        <v>0</v>
      </c>
      <c r="X37" s="263">
        <v>0</v>
      </c>
      <c r="Y37" s="257">
        <v>0</v>
      </c>
      <c r="Z37" s="261">
        <v>0</v>
      </c>
      <c r="AA37" s="258">
        <v>0</v>
      </c>
      <c r="AB37" s="260">
        <v>0</v>
      </c>
      <c r="AC37" s="261">
        <v>16</v>
      </c>
      <c r="AD37" s="261">
        <v>12</v>
      </c>
      <c r="AE37" s="261">
        <v>11</v>
      </c>
      <c r="AF37" s="261">
        <v>10</v>
      </c>
      <c r="AG37" s="261">
        <v>1</v>
      </c>
      <c r="AH37" s="258">
        <v>50</v>
      </c>
      <c r="AI37" s="263">
        <v>50</v>
      </c>
      <c r="AJ37" s="257">
        <v>0</v>
      </c>
      <c r="AK37" s="261">
        <v>0</v>
      </c>
      <c r="AL37" s="258">
        <v>0</v>
      </c>
      <c r="AM37" s="260">
        <v>0</v>
      </c>
      <c r="AN37" s="261">
        <v>0</v>
      </c>
      <c r="AO37" s="261">
        <v>0</v>
      </c>
      <c r="AP37" s="261">
        <v>0</v>
      </c>
      <c r="AQ37" s="261">
        <v>0</v>
      </c>
      <c r="AR37" s="261">
        <v>0</v>
      </c>
      <c r="AS37" s="258">
        <v>0</v>
      </c>
      <c r="AT37" s="263">
        <v>0</v>
      </c>
      <c r="AU37" s="257">
        <v>5</v>
      </c>
      <c r="AV37" s="261">
        <v>2</v>
      </c>
      <c r="AW37" s="258">
        <v>7</v>
      </c>
      <c r="AX37" s="260">
        <v>0</v>
      </c>
      <c r="AY37" s="261">
        <v>10</v>
      </c>
      <c r="AZ37" s="261">
        <v>10</v>
      </c>
      <c r="BA37" s="261">
        <v>11</v>
      </c>
      <c r="BB37" s="261">
        <v>2</v>
      </c>
      <c r="BC37" s="261">
        <v>2</v>
      </c>
      <c r="BD37" s="258">
        <v>35</v>
      </c>
      <c r="BE37" s="263">
        <v>42</v>
      </c>
      <c r="BF37" s="257">
        <v>0</v>
      </c>
      <c r="BG37" s="261">
        <v>1</v>
      </c>
      <c r="BH37" s="258">
        <v>1</v>
      </c>
      <c r="BI37" s="260">
        <v>0</v>
      </c>
      <c r="BJ37" s="261">
        <v>13</v>
      </c>
      <c r="BK37" s="261">
        <v>16</v>
      </c>
      <c r="BL37" s="261">
        <v>15</v>
      </c>
      <c r="BM37" s="261">
        <v>12</v>
      </c>
      <c r="BN37" s="261">
        <v>6</v>
      </c>
      <c r="BO37" s="262">
        <v>62</v>
      </c>
      <c r="BP37" s="263">
        <v>63</v>
      </c>
      <c r="BQ37" s="257">
        <v>0</v>
      </c>
      <c r="BR37" s="261">
        <v>0</v>
      </c>
      <c r="BS37" s="258">
        <v>0</v>
      </c>
      <c r="BT37" s="260">
        <v>0</v>
      </c>
      <c r="BU37" s="261">
        <v>0</v>
      </c>
      <c r="BV37" s="261">
        <v>0</v>
      </c>
      <c r="BW37" s="261">
        <v>0</v>
      </c>
      <c r="BX37" s="261">
        <v>0</v>
      </c>
      <c r="BY37" s="261">
        <v>0</v>
      </c>
      <c r="BZ37" s="258">
        <v>0</v>
      </c>
      <c r="CA37" s="263">
        <v>0</v>
      </c>
      <c r="CB37" s="257">
        <v>0</v>
      </c>
      <c r="CC37" s="261">
        <v>0</v>
      </c>
      <c r="CD37" s="258">
        <v>0</v>
      </c>
      <c r="CE37" s="260">
        <v>0</v>
      </c>
      <c r="CF37" s="261">
        <v>0</v>
      </c>
      <c r="CG37" s="261">
        <v>0</v>
      </c>
      <c r="CH37" s="261">
        <v>0</v>
      </c>
      <c r="CI37" s="261">
        <v>0</v>
      </c>
      <c r="CJ37" s="261">
        <v>0</v>
      </c>
      <c r="CK37" s="258">
        <v>0</v>
      </c>
      <c r="CL37" s="263">
        <v>0</v>
      </c>
      <c r="CM37" s="257">
        <v>0</v>
      </c>
      <c r="CN37" s="261">
        <v>0</v>
      </c>
      <c r="CO37" s="258">
        <v>0</v>
      </c>
      <c r="CP37" s="260">
        <v>0</v>
      </c>
      <c r="CQ37" s="261">
        <v>0</v>
      </c>
      <c r="CR37" s="261">
        <v>0</v>
      </c>
      <c r="CS37" s="261">
        <v>0</v>
      </c>
      <c r="CT37" s="261">
        <v>0</v>
      </c>
      <c r="CU37" s="261">
        <v>0</v>
      </c>
      <c r="CV37" s="258">
        <v>0</v>
      </c>
      <c r="CW37" s="263">
        <v>0</v>
      </c>
    </row>
    <row r="38" spans="2:101" ht="21" customHeight="1" x14ac:dyDescent="0.2">
      <c r="B38" s="472" t="s">
        <v>36</v>
      </c>
      <c r="C38" s="257">
        <v>0</v>
      </c>
      <c r="D38" s="258">
        <v>0</v>
      </c>
      <c r="E38" s="259">
        <v>0</v>
      </c>
      <c r="F38" s="260">
        <v>0</v>
      </c>
      <c r="G38" s="261">
        <v>0</v>
      </c>
      <c r="H38" s="261">
        <v>1</v>
      </c>
      <c r="I38" s="261">
        <v>0</v>
      </c>
      <c r="J38" s="261">
        <v>0</v>
      </c>
      <c r="K38" s="261">
        <v>0</v>
      </c>
      <c r="L38" s="262">
        <v>1</v>
      </c>
      <c r="M38" s="263">
        <v>1</v>
      </c>
      <c r="N38" s="257">
        <v>0</v>
      </c>
      <c r="O38" s="261">
        <v>0</v>
      </c>
      <c r="P38" s="258">
        <v>0</v>
      </c>
      <c r="Q38" s="260">
        <v>0</v>
      </c>
      <c r="R38" s="261">
        <v>0</v>
      </c>
      <c r="S38" s="261">
        <v>0</v>
      </c>
      <c r="T38" s="261">
        <v>0</v>
      </c>
      <c r="U38" s="261">
        <v>0</v>
      </c>
      <c r="V38" s="261">
        <v>0</v>
      </c>
      <c r="W38" s="258">
        <v>0</v>
      </c>
      <c r="X38" s="263">
        <v>0</v>
      </c>
      <c r="Y38" s="257">
        <v>0</v>
      </c>
      <c r="Z38" s="261">
        <v>0</v>
      </c>
      <c r="AA38" s="258">
        <v>0</v>
      </c>
      <c r="AB38" s="260">
        <v>0</v>
      </c>
      <c r="AC38" s="261">
        <v>71</v>
      </c>
      <c r="AD38" s="261">
        <v>42</v>
      </c>
      <c r="AE38" s="261">
        <v>28</v>
      </c>
      <c r="AF38" s="261">
        <v>10</v>
      </c>
      <c r="AG38" s="261">
        <v>14</v>
      </c>
      <c r="AH38" s="258">
        <v>165</v>
      </c>
      <c r="AI38" s="263">
        <v>165</v>
      </c>
      <c r="AJ38" s="257">
        <v>0</v>
      </c>
      <c r="AK38" s="261">
        <v>0</v>
      </c>
      <c r="AL38" s="258">
        <v>0</v>
      </c>
      <c r="AM38" s="260">
        <v>0</v>
      </c>
      <c r="AN38" s="261">
        <v>0</v>
      </c>
      <c r="AO38" s="261">
        <v>0</v>
      </c>
      <c r="AP38" s="261">
        <v>0</v>
      </c>
      <c r="AQ38" s="261">
        <v>0</v>
      </c>
      <c r="AR38" s="261">
        <v>0</v>
      </c>
      <c r="AS38" s="258">
        <v>0</v>
      </c>
      <c r="AT38" s="263">
        <v>0</v>
      </c>
      <c r="AU38" s="257">
        <v>0</v>
      </c>
      <c r="AV38" s="261">
        <v>4</v>
      </c>
      <c r="AW38" s="258">
        <v>4</v>
      </c>
      <c r="AX38" s="260">
        <v>0</v>
      </c>
      <c r="AY38" s="261">
        <v>9</v>
      </c>
      <c r="AZ38" s="261">
        <v>14</v>
      </c>
      <c r="BA38" s="261">
        <v>11</v>
      </c>
      <c r="BB38" s="261">
        <v>3</v>
      </c>
      <c r="BC38" s="261">
        <v>1</v>
      </c>
      <c r="BD38" s="258">
        <v>38</v>
      </c>
      <c r="BE38" s="263">
        <v>42</v>
      </c>
      <c r="BF38" s="257">
        <v>0</v>
      </c>
      <c r="BG38" s="261">
        <v>0</v>
      </c>
      <c r="BH38" s="258">
        <v>0</v>
      </c>
      <c r="BI38" s="260">
        <v>0</v>
      </c>
      <c r="BJ38" s="261">
        <v>6</v>
      </c>
      <c r="BK38" s="261">
        <v>15</v>
      </c>
      <c r="BL38" s="261">
        <v>11</v>
      </c>
      <c r="BM38" s="261">
        <v>9</v>
      </c>
      <c r="BN38" s="261">
        <v>6</v>
      </c>
      <c r="BO38" s="262">
        <v>47</v>
      </c>
      <c r="BP38" s="263">
        <v>47</v>
      </c>
      <c r="BQ38" s="257">
        <v>0</v>
      </c>
      <c r="BR38" s="261">
        <v>0</v>
      </c>
      <c r="BS38" s="258">
        <v>0</v>
      </c>
      <c r="BT38" s="260">
        <v>0</v>
      </c>
      <c r="BU38" s="261">
        <v>0</v>
      </c>
      <c r="BV38" s="261">
        <v>0</v>
      </c>
      <c r="BW38" s="261">
        <v>0</v>
      </c>
      <c r="BX38" s="261">
        <v>0</v>
      </c>
      <c r="BY38" s="261">
        <v>0</v>
      </c>
      <c r="BZ38" s="258">
        <v>0</v>
      </c>
      <c r="CA38" s="263">
        <v>0</v>
      </c>
      <c r="CB38" s="257">
        <v>0</v>
      </c>
      <c r="CC38" s="261">
        <v>0</v>
      </c>
      <c r="CD38" s="258">
        <v>0</v>
      </c>
      <c r="CE38" s="260">
        <v>0</v>
      </c>
      <c r="CF38" s="261">
        <v>0</v>
      </c>
      <c r="CG38" s="261">
        <v>0</v>
      </c>
      <c r="CH38" s="261">
        <v>0</v>
      </c>
      <c r="CI38" s="261">
        <v>0</v>
      </c>
      <c r="CJ38" s="261">
        <v>0</v>
      </c>
      <c r="CK38" s="258">
        <v>0</v>
      </c>
      <c r="CL38" s="263">
        <v>0</v>
      </c>
      <c r="CM38" s="257">
        <v>0</v>
      </c>
      <c r="CN38" s="261">
        <v>0</v>
      </c>
      <c r="CO38" s="258">
        <v>0</v>
      </c>
      <c r="CP38" s="260">
        <v>0</v>
      </c>
      <c r="CQ38" s="261">
        <v>0</v>
      </c>
      <c r="CR38" s="261">
        <v>0</v>
      </c>
      <c r="CS38" s="261">
        <v>0</v>
      </c>
      <c r="CT38" s="261">
        <v>1</v>
      </c>
      <c r="CU38" s="261">
        <v>0</v>
      </c>
      <c r="CV38" s="258">
        <v>1</v>
      </c>
      <c r="CW38" s="263">
        <v>1</v>
      </c>
    </row>
    <row r="39" spans="2:101" ht="21" customHeight="1" thickBot="1" x14ac:dyDescent="0.25">
      <c r="B39" s="473" t="s">
        <v>37</v>
      </c>
      <c r="C39" s="264">
        <v>0</v>
      </c>
      <c r="D39" s="265">
        <v>0</v>
      </c>
      <c r="E39" s="266">
        <v>0</v>
      </c>
      <c r="F39" s="267">
        <v>0</v>
      </c>
      <c r="G39" s="268">
        <v>0</v>
      </c>
      <c r="H39" s="268">
        <v>0</v>
      </c>
      <c r="I39" s="268">
        <v>0</v>
      </c>
      <c r="J39" s="268">
        <v>1</v>
      </c>
      <c r="K39" s="268">
        <v>0</v>
      </c>
      <c r="L39" s="269">
        <v>1</v>
      </c>
      <c r="M39" s="270">
        <v>1</v>
      </c>
      <c r="N39" s="264">
        <v>0</v>
      </c>
      <c r="O39" s="268">
        <v>0</v>
      </c>
      <c r="P39" s="265">
        <v>0</v>
      </c>
      <c r="Q39" s="267">
        <v>0</v>
      </c>
      <c r="R39" s="268">
        <v>0</v>
      </c>
      <c r="S39" s="268">
        <v>0</v>
      </c>
      <c r="T39" s="268">
        <v>0</v>
      </c>
      <c r="U39" s="268">
        <v>0</v>
      </c>
      <c r="V39" s="268">
        <v>0</v>
      </c>
      <c r="W39" s="265">
        <v>0</v>
      </c>
      <c r="X39" s="270">
        <v>0</v>
      </c>
      <c r="Y39" s="264">
        <v>0</v>
      </c>
      <c r="Z39" s="268">
        <v>0</v>
      </c>
      <c r="AA39" s="265">
        <v>0</v>
      </c>
      <c r="AB39" s="267">
        <v>0</v>
      </c>
      <c r="AC39" s="268">
        <v>11</v>
      </c>
      <c r="AD39" s="268">
        <v>7</v>
      </c>
      <c r="AE39" s="268">
        <v>7</v>
      </c>
      <c r="AF39" s="268">
        <v>1</v>
      </c>
      <c r="AG39" s="268">
        <v>3</v>
      </c>
      <c r="AH39" s="265">
        <v>29</v>
      </c>
      <c r="AI39" s="270">
        <v>29</v>
      </c>
      <c r="AJ39" s="264">
        <v>0</v>
      </c>
      <c r="AK39" s="268">
        <v>0</v>
      </c>
      <c r="AL39" s="265">
        <v>0</v>
      </c>
      <c r="AM39" s="267">
        <v>0</v>
      </c>
      <c r="AN39" s="268">
        <v>1</v>
      </c>
      <c r="AO39" s="268">
        <v>0</v>
      </c>
      <c r="AP39" s="268">
        <v>0</v>
      </c>
      <c r="AQ39" s="268">
        <v>1</v>
      </c>
      <c r="AR39" s="268">
        <v>1</v>
      </c>
      <c r="AS39" s="265">
        <v>3</v>
      </c>
      <c r="AT39" s="270">
        <v>3</v>
      </c>
      <c r="AU39" s="264">
        <v>0</v>
      </c>
      <c r="AV39" s="268">
        <v>0</v>
      </c>
      <c r="AW39" s="265">
        <v>0</v>
      </c>
      <c r="AX39" s="267">
        <v>0</v>
      </c>
      <c r="AY39" s="268">
        <v>0</v>
      </c>
      <c r="AZ39" s="268">
        <v>0</v>
      </c>
      <c r="BA39" s="268">
        <v>0</v>
      </c>
      <c r="BB39" s="268">
        <v>0</v>
      </c>
      <c r="BC39" s="268">
        <v>0</v>
      </c>
      <c r="BD39" s="265">
        <v>0</v>
      </c>
      <c r="BE39" s="270">
        <v>0</v>
      </c>
      <c r="BF39" s="264">
        <v>0</v>
      </c>
      <c r="BG39" s="268">
        <v>0</v>
      </c>
      <c r="BH39" s="265">
        <v>0</v>
      </c>
      <c r="BI39" s="267">
        <v>0</v>
      </c>
      <c r="BJ39" s="268">
        <v>1</v>
      </c>
      <c r="BK39" s="268">
        <v>0</v>
      </c>
      <c r="BL39" s="268">
        <v>3</v>
      </c>
      <c r="BM39" s="268">
        <v>3</v>
      </c>
      <c r="BN39" s="268">
        <v>1</v>
      </c>
      <c r="BO39" s="269">
        <v>8</v>
      </c>
      <c r="BP39" s="270">
        <v>8</v>
      </c>
      <c r="BQ39" s="264">
        <v>0</v>
      </c>
      <c r="BR39" s="268">
        <v>0</v>
      </c>
      <c r="BS39" s="265">
        <v>0</v>
      </c>
      <c r="BT39" s="267">
        <v>0</v>
      </c>
      <c r="BU39" s="268">
        <v>0</v>
      </c>
      <c r="BV39" s="268">
        <v>0</v>
      </c>
      <c r="BW39" s="268">
        <v>0</v>
      </c>
      <c r="BX39" s="268">
        <v>0</v>
      </c>
      <c r="BY39" s="268">
        <v>0</v>
      </c>
      <c r="BZ39" s="265">
        <v>0</v>
      </c>
      <c r="CA39" s="270">
        <v>0</v>
      </c>
      <c r="CB39" s="264">
        <v>0</v>
      </c>
      <c r="CC39" s="268">
        <v>0</v>
      </c>
      <c r="CD39" s="265">
        <v>0</v>
      </c>
      <c r="CE39" s="267">
        <v>0</v>
      </c>
      <c r="CF39" s="268">
        <v>0</v>
      </c>
      <c r="CG39" s="268">
        <v>0</v>
      </c>
      <c r="CH39" s="268">
        <v>0</v>
      </c>
      <c r="CI39" s="268">
        <v>0</v>
      </c>
      <c r="CJ39" s="268">
        <v>0</v>
      </c>
      <c r="CK39" s="265">
        <v>0</v>
      </c>
      <c r="CL39" s="270">
        <v>0</v>
      </c>
      <c r="CM39" s="264">
        <v>0</v>
      </c>
      <c r="CN39" s="268">
        <v>0</v>
      </c>
      <c r="CO39" s="265">
        <v>0</v>
      </c>
      <c r="CP39" s="267">
        <v>0</v>
      </c>
      <c r="CQ39" s="268">
        <v>0</v>
      </c>
      <c r="CR39" s="268">
        <v>0</v>
      </c>
      <c r="CS39" s="268">
        <v>0</v>
      </c>
      <c r="CT39" s="268">
        <v>0</v>
      </c>
      <c r="CU39" s="268">
        <v>0</v>
      </c>
      <c r="CV39" s="265">
        <v>0</v>
      </c>
      <c r="CW39" s="270">
        <v>0</v>
      </c>
    </row>
  </sheetData>
  <mergeCells count="39">
    <mergeCell ref="Q4:W4"/>
    <mergeCell ref="AU3:BE3"/>
    <mergeCell ref="I1:J1"/>
    <mergeCell ref="L1:M1"/>
    <mergeCell ref="CA4:CA5"/>
    <mergeCell ref="BF3:BP3"/>
    <mergeCell ref="BQ3:CA3"/>
    <mergeCell ref="BP4:BP5"/>
    <mergeCell ref="BE4:BE5"/>
    <mergeCell ref="B3:B5"/>
    <mergeCell ref="AI4:AI5"/>
    <mergeCell ref="AJ4:AL4"/>
    <mergeCell ref="C3:M3"/>
    <mergeCell ref="N3:X3"/>
    <mergeCell ref="Y3:AI3"/>
    <mergeCell ref="AJ3:AT3"/>
    <mergeCell ref="AM4:AS4"/>
    <mergeCell ref="AT4:AT5"/>
    <mergeCell ref="C4:E4"/>
    <mergeCell ref="F4:L4"/>
    <mergeCell ref="M4:M5"/>
    <mergeCell ref="X4:X5"/>
    <mergeCell ref="Y4:AA4"/>
    <mergeCell ref="AB4:AH4"/>
    <mergeCell ref="N4:P4"/>
    <mergeCell ref="CM3:CW3"/>
    <mergeCell ref="CP4:CV4"/>
    <mergeCell ref="CM4:CO4"/>
    <mergeCell ref="CB4:CD4"/>
    <mergeCell ref="AU4:AW4"/>
    <mergeCell ref="AX4:BD4"/>
    <mergeCell ref="CE4:CK4"/>
    <mergeCell ref="BF4:BH4"/>
    <mergeCell ref="BI4:BO4"/>
    <mergeCell ref="BQ4:BS4"/>
    <mergeCell ref="BT4:BZ4"/>
    <mergeCell ref="CB3:CL3"/>
    <mergeCell ref="CW4:CW5"/>
    <mergeCell ref="CL4:CL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4">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42" customWidth="1"/>
    <col min="3" max="4" width="9" style="242"/>
    <col min="5" max="5" width="10.33203125" style="242" customWidth="1"/>
    <col min="6" max="6" width="7.6640625" style="242" customWidth="1"/>
    <col min="7" max="7" width="8.44140625" style="242" customWidth="1"/>
    <col min="8" max="8" width="8.77734375" style="242" customWidth="1"/>
    <col min="9" max="16" width="9" style="242"/>
    <col min="17" max="17" width="7.21875" style="242" customWidth="1"/>
    <col min="18" max="27" width="9" style="242"/>
    <col min="28" max="28" width="7.6640625" style="242" customWidth="1"/>
    <col min="29" max="38" width="9" style="242"/>
    <col min="39" max="39" width="8.5546875" style="242" customWidth="1"/>
    <col min="40" max="49" width="9" style="242"/>
    <col min="50" max="50" width="7.6640625" style="242" customWidth="1"/>
    <col min="51" max="60" width="9" style="242"/>
    <col min="61" max="61" width="7.21875" style="242" customWidth="1"/>
    <col min="62" max="71" width="9" style="242"/>
    <col min="72" max="72" width="7.21875" style="242" customWidth="1"/>
    <col min="73" max="82" width="9" style="242"/>
    <col min="83" max="83" width="7.33203125" style="242" customWidth="1"/>
    <col min="84" max="93" width="9" style="242"/>
    <col min="94" max="94" width="7.44140625" style="242" customWidth="1"/>
    <col min="95" max="16384" width="9" style="242"/>
  </cols>
  <sheetData>
    <row r="1" spans="1:101" ht="24" customHeight="1" x14ac:dyDescent="0.2">
      <c r="B1" s="271" t="s">
        <v>123</v>
      </c>
      <c r="I1" s="500">
        <f>第１表!F2</f>
        <v>5</v>
      </c>
      <c r="J1" s="500"/>
      <c r="K1" s="235">
        <f>第１表!G2</f>
        <v>12</v>
      </c>
      <c r="L1" s="505">
        <f>IF(K1&lt;3,K1+12-2,K1-2)</f>
        <v>10</v>
      </c>
      <c r="M1" s="505"/>
    </row>
    <row r="2" spans="1:101" s="272" customFormat="1" ht="24" customHeight="1" thickBot="1" x14ac:dyDescent="0.25">
      <c r="A2" s="39"/>
      <c r="B2" s="271" t="s">
        <v>129</v>
      </c>
    </row>
    <row r="3" spans="1:101" ht="21" customHeight="1" thickBot="1" x14ac:dyDescent="0.25">
      <c r="B3" s="513"/>
      <c r="C3" s="516" t="s">
        <v>94</v>
      </c>
      <c r="D3" s="517"/>
      <c r="E3" s="517"/>
      <c r="F3" s="517"/>
      <c r="G3" s="517"/>
      <c r="H3" s="517"/>
      <c r="I3" s="517"/>
      <c r="J3" s="517"/>
      <c r="K3" s="517"/>
      <c r="L3" s="517"/>
      <c r="M3" s="518"/>
      <c r="N3" s="516" t="s">
        <v>88</v>
      </c>
      <c r="O3" s="517"/>
      <c r="P3" s="517"/>
      <c r="Q3" s="517"/>
      <c r="R3" s="517"/>
      <c r="S3" s="517"/>
      <c r="T3" s="517"/>
      <c r="U3" s="517"/>
      <c r="V3" s="517"/>
      <c r="W3" s="517"/>
      <c r="X3" s="518"/>
      <c r="Y3" s="516" t="s">
        <v>140</v>
      </c>
      <c r="Z3" s="517"/>
      <c r="AA3" s="517"/>
      <c r="AB3" s="517"/>
      <c r="AC3" s="517"/>
      <c r="AD3" s="517"/>
      <c r="AE3" s="517"/>
      <c r="AF3" s="517"/>
      <c r="AG3" s="517"/>
      <c r="AH3" s="517"/>
      <c r="AI3" s="518"/>
      <c r="AJ3" s="516" t="s">
        <v>90</v>
      </c>
      <c r="AK3" s="517"/>
      <c r="AL3" s="517"/>
      <c r="AM3" s="517"/>
      <c r="AN3" s="517"/>
      <c r="AO3" s="517"/>
      <c r="AP3" s="517"/>
      <c r="AQ3" s="517"/>
      <c r="AR3" s="517"/>
      <c r="AS3" s="517"/>
      <c r="AT3" s="518"/>
      <c r="AU3" s="522" t="s">
        <v>89</v>
      </c>
      <c r="AV3" s="523"/>
      <c r="AW3" s="523"/>
      <c r="AX3" s="523"/>
      <c r="AY3" s="523"/>
      <c r="AZ3" s="523"/>
      <c r="BA3" s="523"/>
      <c r="BB3" s="523"/>
      <c r="BC3" s="523"/>
      <c r="BD3" s="523"/>
      <c r="BE3" s="524"/>
      <c r="BF3" s="522" t="s">
        <v>91</v>
      </c>
      <c r="BG3" s="523"/>
      <c r="BH3" s="523"/>
      <c r="BI3" s="523"/>
      <c r="BJ3" s="523"/>
      <c r="BK3" s="523"/>
      <c r="BL3" s="523"/>
      <c r="BM3" s="523"/>
      <c r="BN3" s="523"/>
      <c r="BO3" s="523"/>
      <c r="BP3" s="524"/>
      <c r="BQ3" s="522" t="s">
        <v>92</v>
      </c>
      <c r="BR3" s="523"/>
      <c r="BS3" s="523"/>
      <c r="BT3" s="523"/>
      <c r="BU3" s="523"/>
      <c r="BV3" s="523"/>
      <c r="BW3" s="523"/>
      <c r="BX3" s="523"/>
      <c r="BY3" s="523"/>
      <c r="BZ3" s="523"/>
      <c r="CA3" s="524"/>
      <c r="CB3" s="522" t="s">
        <v>93</v>
      </c>
      <c r="CC3" s="523"/>
      <c r="CD3" s="523"/>
      <c r="CE3" s="523"/>
      <c r="CF3" s="523"/>
      <c r="CG3" s="523"/>
      <c r="CH3" s="523"/>
      <c r="CI3" s="523"/>
      <c r="CJ3" s="523"/>
      <c r="CK3" s="523"/>
      <c r="CL3" s="524"/>
      <c r="CM3" s="523" t="s">
        <v>139</v>
      </c>
      <c r="CN3" s="523"/>
      <c r="CO3" s="523"/>
      <c r="CP3" s="523"/>
      <c r="CQ3" s="523"/>
      <c r="CR3" s="523"/>
      <c r="CS3" s="523"/>
      <c r="CT3" s="523"/>
      <c r="CU3" s="523"/>
      <c r="CV3" s="523"/>
      <c r="CW3" s="524"/>
    </row>
    <row r="4" spans="1:101" ht="21" customHeight="1" x14ac:dyDescent="0.2">
      <c r="B4" s="514"/>
      <c r="C4" s="508" t="s">
        <v>61</v>
      </c>
      <c r="D4" s="509"/>
      <c r="E4" s="510"/>
      <c r="F4" s="511" t="s">
        <v>62</v>
      </c>
      <c r="G4" s="509"/>
      <c r="H4" s="509"/>
      <c r="I4" s="509"/>
      <c r="J4" s="509"/>
      <c r="K4" s="509"/>
      <c r="L4" s="512"/>
      <c r="M4" s="506" t="s">
        <v>52</v>
      </c>
      <c r="N4" s="508" t="s">
        <v>61</v>
      </c>
      <c r="O4" s="509"/>
      <c r="P4" s="510"/>
      <c r="Q4" s="511" t="s">
        <v>62</v>
      </c>
      <c r="R4" s="509"/>
      <c r="S4" s="509"/>
      <c r="T4" s="509"/>
      <c r="U4" s="509"/>
      <c r="V4" s="509"/>
      <c r="W4" s="510"/>
      <c r="X4" s="506" t="s">
        <v>52</v>
      </c>
      <c r="Y4" s="508" t="s">
        <v>61</v>
      </c>
      <c r="Z4" s="509"/>
      <c r="AA4" s="510"/>
      <c r="AB4" s="511" t="s">
        <v>62</v>
      </c>
      <c r="AC4" s="509"/>
      <c r="AD4" s="509"/>
      <c r="AE4" s="509"/>
      <c r="AF4" s="509"/>
      <c r="AG4" s="509"/>
      <c r="AH4" s="510"/>
      <c r="AI4" s="506" t="s">
        <v>52</v>
      </c>
      <c r="AJ4" s="508" t="s">
        <v>61</v>
      </c>
      <c r="AK4" s="509"/>
      <c r="AL4" s="510"/>
      <c r="AM4" s="511" t="s">
        <v>62</v>
      </c>
      <c r="AN4" s="509"/>
      <c r="AO4" s="509"/>
      <c r="AP4" s="509"/>
      <c r="AQ4" s="509"/>
      <c r="AR4" s="509"/>
      <c r="AS4" s="510"/>
      <c r="AT4" s="506" t="s">
        <v>52</v>
      </c>
      <c r="AU4" s="538" t="s">
        <v>61</v>
      </c>
      <c r="AV4" s="536"/>
      <c r="AW4" s="537"/>
      <c r="AX4" s="535" t="s">
        <v>62</v>
      </c>
      <c r="AY4" s="536"/>
      <c r="AZ4" s="536"/>
      <c r="BA4" s="536"/>
      <c r="BB4" s="536"/>
      <c r="BC4" s="536"/>
      <c r="BD4" s="537"/>
      <c r="BE4" s="539" t="s">
        <v>52</v>
      </c>
      <c r="BF4" s="538" t="s">
        <v>61</v>
      </c>
      <c r="BG4" s="536"/>
      <c r="BH4" s="537"/>
      <c r="BI4" s="535" t="s">
        <v>62</v>
      </c>
      <c r="BJ4" s="536"/>
      <c r="BK4" s="536"/>
      <c r="BL4" s="536"/>
      <c r="BM4" s="536"/>
      <c r="BN4" s="536"/>
      <c r="BO4" s="537"/>
      <c r="BP4" s="539" t="s">
        <v>52</v>
      </c>
      <c r="BQ4" s="538" t="s">
        <v>61</v>
      </c>
      <c r="BR4" s="536"/>
      <c r="BS4" s="537"/>
      <c r="BT4" s="535" t="s">
        <v>62</v>
      </c>
      <c r="BU4" s="536"/>
      <c r="BV4" s="536"/>
      <c r="BW4" s="536"/>
      <c r="BX4" s="536"/>
      <c r="BY4" s="536"/>
      <c r="BZ4" s="537"/>
      <c r="CA4" s="539" t="s">
        <v>52</v>
      </c>
      <c r="CB4" s="538" t="s">
        <v>61</v>
      </c>
      <c r="CC4" s="536"/>
      <c r="CD4" s="537"/>
      <c r="CE4" s="535" t="s">
        <v>62</v>
      </c>
      <c r="CF4" s="536"/>
      <c r="CG4" s="536"/>
      <c r="CH4" s="536"/>
      <c r="CI4" s="536"/>
      <c r="CJ4" s="536"/>
      <c r="CK4" s="537"/>
      <c r="CL4" s="539" t="s">
        <v>52</v>
      </c>
      <c r="CM4" s="538" t="s">
        <v>61</v>
      </c>
      <c r="CN4" s="536"/>
      <c r="CO4" s="537"/>
      <c r="CP4" s="535" t="s">
        <v>62</v>
      </c>
      <c r="CQ4" s="536"/>
      <c r="CR4" s="536"/>
      <c r="CS4" s="536"/>
      <c r="CT4" s="536"/>
      <c r="CU4" s="536"/>
      <c r="CV4" s="537"/>
      <c r="CW4" s="539" t="s">
        <v>52</v>
      </c>
    </row>
    <row r="5" spans="1:101" ht="30" customHeight="1" thickBot="1" x14ac:dyDescent="0.25">
      <c r="B5" s="515"/>
      <c r="C5" s="301" t="s">
        <v>43</v>
      </c>
      <c r="D5" s="246" t="s">
        <v>44</v>
      </c>
      <c r="E5" s="247" t="s">
        <v>45</v>
      </c>
      <c r="F5" s="248" t="s">
        <v>83</v>
      </c>
      <c r="G5" s="243" t="s">
        <v>47</v>
      </c>
      <c r="H5" s="243" t="s">
        <v>48</v>
      </c>
      <c r="I5" s="243" t="s">
        <v>49</v>
      </c>
      <c r="J5" s="243" t="s">
        <v>50</v>
      </c>
      <c r="K5" s="243" t="s">
        <v>51</v>
      </c>
      <c r="L5" s="249" t="s">
        <v>45</v>
      </c>
      <c r="M5" s="507"/>
      <c r="N5" s="301" t="s">
        <v>43</v>
      </c>
      <c r="O5" s="243" t="s">
        <v>44</v>
      </c>
      <c r="P5" s="246" t="s">
        <v>45</v>
      </c>
      <c r="Q5" s="248" t="s">
        <v>83</v>
      </c>
      <c r="R5" s="243" t="s">
        <v>47</v>
      </c>
      <c r="S5" s="243" t="s">
        <v>48</v>
      </c>
      <c r="T5" s="243" t="s">
        <v>49</v>
      </c>
      <c r="U5" s="243" t="s">
        <v>50</v>
      </c>
      <c r="V5" s="243" t="s">
        <v>51</v>
      </c>
      <c r="W5" s="246" t="s">
        <v>45</v>
      </c>
      <c r="X5" s="507"/>
      <c r="Y5" s="301" t="s">
        <v>43</v>
      </c>
      <c r="Z5" s="243" t="s">
        <v>44</v>
      </c>
      <c r="AA5" s="246" t="s">
        <v>45</v>
      </c>
      <c r="AB5" s="248" t="s">
        <v>83</v>
      </c>
      <c r="AC5" s="243" t="s">
        <v>47</v>
      </c>
      <c r="AD5" s="243" t="s">
        <v>48</v>
      </c>
      <c r="AE5" s="243" t="s">
        <v>49</v>
      </c>
      <c r="AF5" s="243" t="s">
        <v>50</v>
      </c>
      <c r="AG5" s="243" t="s">
        <v>51</v>
      </c>
      <c r="AH5" s="246" t="s">
        <v>45</v>
      </c>
      <c r="AI5" s="507"/>
      <c r="AJ5" s="318" t="s">
        <v>43</v>
      </c>
      <c r="AK5" s="243" t="s">
        <v>44</v>
      </c>
      <c r="AL5" s="246" t="s">
        <v>45</v>
      </c>
      <c r="AM5" s="248" t="s">
        <v>83</v>
      </c>
      <c r="AN5" s="243" t="s">
        <v>47</v>
      </c>
      <c r="AO5" s="243" t="s">
        <v>48</v>
      </c>
      <c r="AP5" s="243" t="s">
        <v>49</v>
      </c>
      <c r="AQ5" s="243" t="s">
        <v>50</v>
      </c>
      <c r="AR5" s="243" t="s">
        <v>51</v>
      </c>
      <c r="AS5" s="246" t="s">
        <v>45</v>
      </c>
      <c r="AT5" s="507"/>
      <c r="AU5" s="318" t="s">
        <v>43</v>
      </c>
      <c r="AV5" s="243" t="s">
        <v>44</v>
      </c>
      <c r="AW5" s="246" t="s">
        <v>45</v>
      </c>
      <c r="AX5" s="248" t="s">
        <v>83</v>
      </c>
      <c r="AY5" s="243" t="s">
        <v>47</v>
      </c>
      <c r="AZ5" s="243" t="s">
        <v>48</v>
      </c>
      <c r="BA5" s="243" t="s">
        <v>49</v>
      </c>
      <c r="BB5" s="243" t="s">
        <v>50</v>
      </c>
      <c r="BC5" s="243" t="s">
        <v>51</v>
      </c>
      <c r="BD5" s="246" t="s">
        <v>45</v>
      </c>
      <c r="BE5" s="540"/>
      <c r="BF5" s="318" t="s">
        <v>43</v>
      </c>
      <c r="BG5" s="243" t="s">
        <v>44</v>
      </c>
      <c r="BH5" s="246" t="s">
        <v>45</v>
      </c>
      <c r="BI5" s="248" t="s">
        <v>83</v>
      </c>
      <c r="BJ5" s="243" t="s">
        <v>47</v>
      </c>
      <c r="BK5" s="243" t="s">
        <v>48</v>
      </c>
      <c r="BL5" s="243" t="s">
        <v>49</v>
      </c>
      <c r="BM5" s="243" t="s">
        <v>50</v>
      </c>
      <c r="BN5" s="243" t="s">
        <v>51</v>
      </c>
      <c r="BO5" s="246" t="s">
        <v>45</v>
      </c>
      <c r="BP5" s="540"/>
      <c r="BQ5" s="318" t="s">
        <v>43</v>
      </c>
      <c r="BR5" s="243" t="s">
        <v>44</v>
      </c>
      <c r="BS5" s="246" t="s">
        <v>45</v>
      </c>
      <c r="BT5" s="248" t="s">
        <v>83</v>
      </c>
      <c r="BU5" s="243" t="s">
        <v>47</v>
      </c>
      <c r="BV5" s="243" t="s">
        <v>48</v>
      </c>
      <c r="BW5" s="243" t="s">
        <v>49</v>
      </c>
      <c r="BX5" s="243" t="s">
        <v>50</v>
      </c>
      <c r="BY5" s="243" t="s">
        <v>51</v>
      </c>
      <c r="BZ5" s="246" t="s">
        <v>45</v>
      </c>
      <c r="CA5" s="540"/>
      <c r="CB5" s="318" t="s">
        <v>43</v>
      </c>
      <c r="CC5" s="243" t="s">
        <v>44</v>
      </c>
      <c r="CD5" s="246" t="s">
        <v>45</v>
      </c>
      <c r="CE5" s="248" t="s">
        <v>83</v>
      </c>
      <c r="CF5" s="243" t="s">
        <v>47</v>
      </c>
      <c r="CG5" s="243" t="s">
        <v>48</v>
      </c>
      <c r="CH5" s="243" t="s">
        <v>49</v>
      </c>
      <c r="CI5" s="243" t="s">
        <v>50</v>
      </c>
      <c r="CJ5" s="243" t="s">
        <v>51</v>
      </c>
      <c r="CK5" s="246" t="s">
        <v>45</v>
      </c>
      <c r="CL5" s="540"/>
      <c r="CM5" s="318" t="s">
        <v>43</v>
      </c>
      <c r="CN5" s="243" t="s">
        <v>44</v>
      </c>
      <c r="CO5" s="246" t="s">
        <v>45</v>
      </c>
      <c r="CP5" s="248" t="s">
        <v>83</v>
      </c>
      <c r="CQ5" s="243" t="s">
        <v>47</v>
      </c>
      <c r="CR5" s="243" t="s">
        <v>48</v>
      </c>
      <c r="CS5" s="243" t="s">
        <v>49</v>
      </c>
      <c r="CT5" s="243" t="s">
        <v>50</v>
      </c>
      <c r="CU5" s="243" t="s">
        <v>51</v>
      </c>
      <c r="CV5" s="246" t="s">
        <v>45</v>
      </c>
      <c r="CW5" s="540"/>
    </row>
    <row r="6" spans="1:101" ht="21" customHeight="1" x14ac:dyDescent="0.2">
      <c r="B6" s="470" t="s">
        <v>4</v>
      </c>
      <c r="C6" s="250">
        <v>0</v>
      </c>
      <c r="D6" s="251">
        <v>0</v>
      </c>
      <c r="E6" s="252">
        <v>0</v>
      </c>
      <c r="F6" s="253">
        <v>0</v>
      </c>
      <c r="G6" s="254">
        <v>16</v>
      </c>
      <c r="H6" s="254">
        <v>24</v>
      </c>
      <c r="I6" s="254">
        <v>23</v>
      </c>
      <c r="J6" s="254">
        <v>24</v>
      </c>
      <c r="K6" s="254">
        <v>16</v>
      </c>
      <c r="L6" s="255">
        <v>103</v>
      </c>
      <c r="M6" s="256">
        <v>103</v>
      </c>
      <c r="N6" s="250">
        <v>0</v>
      </c>
      <c r="O6" s="254">
        <v>0</v>
      </c>
      <c r="P6" s="251">
        <v>0</v>
      </c>
      <c r="Q6" s="253">
        <v>0</v>
      </c>
      <c r="R6" s="254">
        <v>12</v>
      </c>
      <c r="S6" s="254">
        <v>30</v>
      </c>
      <c r="T6" s="254">
        <v>32</v>
      </c>
      <c r="U6" s="254">
        <v>33</v>
      </c>
      <c r="V6" s="254">
        <v>20</v>
      </c>
      <c r="W6" s="251">
        <v>127</v>
      </c>
      <c r="X6" s="256">
        <v>127</v>
      </c>
      <c r="Y6" s="250">
        <v>0</v>
      </c>
      <c r="Z6" s="254">
        <v>0</v>
      </c>
      <c r="AA6" s="251">
        <v>0</v>
      </c>
      <c r="AB6" s="253">
        <v>0</v>
      </c>
      <c r="AC6" s="254">
        <v>941</v>
      </c>
      <c r="AD6" s="254">
        <v>804</v>
      </c>
      <c r="AE6" s="254">
        <v>365</v>
      </c>
      <c r="AF6" s="254">
        <v>161</v>
      </c>
      <c r="AG6" s="254">
        <v>67</v>
      </c>
      <c r="AH6" s="251">
        <v>2338</v>
      </c>
      <c r="AI6" s="256">
        <v>2338</v>
      </c>
      <c r="AJ6" s="250">
        <v>0</v>
      </c>
      <c r="AK6" s="254">
        <v>0</v>
      </c>
      <c r="AL6" s="251">
        <v>0</v>
      </c>
      <c r="AM6" s="253">
        <v>0</v>
      </c>
      <c r="AN6" s="254">
        <v>70</v>
      </c>
      <c r="AO6" s="254">
        <v>72</v>
      </c>
      <c r="AP6" s="254">
        <v>87</v>
      </c>
      <c r="AQ6" s="254">
        <v>36</v>
      </c>
      <c r="AR6" s="254">
        <v>21</v>
      </c>
      <c r="AS6" s="251">
        <v>286</v>
      </c>
      <c r="AT6" s="256">
        <v>286</v>
      </c>
      <c r="AU6" s="250">
        <v>14</v>
      </c>
      <c r="AV6" s="254">
        <v>8</v>
      </c>
      <c r="AW6" s="251">
        <v>22</v>
      </c>
      <c r="AX6" s="253">
        <v>0</v>
      </c>
      <c r="AY6" s="254">
        <v>76</v>
      </c>
      <c r="AZ6" s="254">
        <v>85</v>
      </c>
      <c r="BA6" s="254">
        <v>87</v>
      </c>
      <c r="BB6" s="254">
        <v>42</v>
      </c>
      <c r="BC6" s="254">
        <v>21</v>
      </c>
      <c r="BD6" s="251">
        <v>311</v>
      </c>
      <c r="BE6" s="256">
        <v>333</v>
      </c>
      <c r="BF6" s="250">
        <v>0</v>
      </c>
      <c r="BG6" s="254">
        <v>0</v>
      </c>
      <c r="BH6" s="251">
        <v>0</v>
      </c>
      <c r="BI6" s="253">
        <v>0</v>
      </c>
      <c r="BJ6" s="254">
        <v>96</v>
      </c>
      <c r="BK6" s="254">
        <v>150</v>
      </c>
      <c r="BL6" s="254">
        <v>158</v>
      </c>
      <c r="BM6" s="254">
        <v>95</v>
      </c>
      <c r="BN6" s="254">
        <v>65</v>
      </c>
      <c r="BO6" s="255">
        <v>564</v>
      </c>
      <c r="BP6" s="256">
        <v>564</v>
      </c>
      <c r="BQ6" s="250">
        <v>0</v>
      </c>
      <c r="BR6" s="254">
        <v>0</v>
      </c>
      <c r="BS6" s="251">
        <v>0</v>
      </c>
      <c r="BT6" s="253">
        <v>0</v>
      </c>
      <c r="BU6" s="254">
        <v>4</v>
      </c>
      <c r="BV6" s="254">
        <v>6</v>
      </c>
      <c r="BW6" s="254">
        <v>7</v>
      </c>
      <c r="BX6" s="254">
        <v>3</v>
      </c>
      <c r="BY6" s="254">
        <v>2</v>
      </c>
      <c r="BZ6" s="251">
        <v>22</v>
      </c>
      <c r="CA6" s="256">
        <v>22</v>
      </c>
      <c r="CB6" s="250">
        <v>0</v>
      </c>
      <c r="CC6" s="254">
        <v>0</v>
      </c>
      <c r="CD6" s="251">
        <v>0</v>
      </c>
      <c r="CE6" s="253">
        <v>0</v>
      </c>
      <c r="CF6" s="254">
        <v>0</v>
      </c>
      <c r="CG6" s="254">
        <v>3</v>
      </c>
      <c r="CH6" s="254">
        <v>21</v>
      </c>
      <c r="CI6" s="254">
        <v>22</v>
      </c>
      <c r="CJ6" s="254">
        <v>12</v>
      </c>
      <c r="CK6" s="251">
        <v>58</v>
      </c>
      <c r="CL6" s="256">
        <v>58</v>
      </c>
      <c r="CM6" s="250">
        <v>0</v>
      </c>
      <c r="CN6" s="254">
        <v>0</v>
      </c>
      <c r="CO6" s="251">
        <v>0</v>
      </c>
      <c r="CP6" s="253">
        <v>0</v>
      </c>
      <c r="CQ6" s="254">
        <v>19</v>
      </c>
      <c r="CR6" s="254">
        <v>17</v>
      </c>
      <c r="CS6" s="254">
        <v>14</v>
      </c>
      <c r="CT6" s="254">
        <v>23</v>
      </c>
      <c r="CU6" s="254">
        <v>32</v>
      </c>
      <c r="CV6" s="251">
        <v>105</v>
      </c>
      <c r="CW6" s="256">
        <v>105</v>
      </c>
    </row>
    <row r="7" spans="1:101" ht="21" customHeight="1" x14ac:dyDescent="0.2">
      <c r="B7" s="471" t="s">
        <v>5</v>
      </c>
      <c r="C7" s="257">
        <v>0</v>
      </c>
      <c r="D7" s="258">
        <v>0</v>
      </c>
      <c r="E7" s="259">
        <v>0</v>
      </c>
      <c r="F7" s="260">
        <v>0</v>
      </c>
      <c r="G7" s="261">
        <v>3</v>
      </c>
      <c r="H7" s="261">
        <v>14</v>
      </c>
      <c r="I7" s="261">
        <v>9</v>
      </c>
      <c r="J7" s="261">
        <v>16</v>
      </c>
      <c r="K7" s="261">
        <v>7</v>
      </c>
      <c r="L7" s="262">
        <v>49</v>
      </c>
      <c r="M7" s="263">
        <v>49</v>
      </c>
      <c r="N7" s="257">
        <v>0</v>
      </c>
      <c r="O7" s="261">
        <v>0</v>
      </c>
      <c r="P7" s="258">
        <v>0</v>
      </c>
      <c r="Q7" s="260">
        <v>0</v>
      </c>
      <c r="R7" s="261">
        <v>7</v>
      </c>
      <c r="S7" s="261">
        <v>24</v>
      </c>
      <c r="T7" s="261">
        <v>22</v>
      </c>
      <c r="U7" s="261">
        <v>30</v>
      </c>
      <c r="V7" s="261">
        <v>16</v>
      </c>
      <c r="W7" s="258">
        <v>99</v>
      </c>
      <c r="X7" s="263">
        <v>99</v>
      </c>
      <c r="Y7" s="257">
        <v>0</v>
      </c>
      <c r="Z7" s="261">
        <v>0</v>
      </c>
      <c r="AA7" s="258">
        <v>0</v>
      </c>
      <c r="AB7" s="260">
        <v>0</v>
      </c>
      <c r="AC7" s="261">
        <v>390</v>
      </c>
      <c r="AD7" s="261">
        <v>405</v>
      </c>
      <c r="AE7" s="261">
        <v>175</v>
      </c>
      <c r="AF7" s="261">
        <v>81</v>
      </c>
      <c r="AG7" s="261">
        <v>33</v>
      </c>
      <c r="AH7" s="258">
        <v>1084</v>
      </c>
      <c r="AI7" s="263">
        <v>1084</v>
      </c>
      <c r="AJ7" s="257">
        <v>0</v>
      </c>
      <c r="AK7" s="261">
        <v>0</v>
      </c>
      <c r="AL7" s="258">
        <v>0</v>
      </c>
      <c r="AM7" s="260">
        <v>0</v>
      </c>
      <c r="AN7" s="261">
        <v>34</v>
      </c>
      <c r="AO7" s="261">
        <v>30</v>
      </c>
      <c r="AP7" s="261">
        <v>44</v>
      </c>
      <c r="AQ7" s="261">
        <v>19</v>
      </c>
      <c r="AR7" s="261">
        <v>11</v>
      </c>
      <c r="AS7" s="258">
        <v>138</v>
      </c>
      <c r="AT7" s="263">
        <v>138</v>
      </c>
      <c r="AU7" s="257">
        <v>7</v>
      </c>
      <c r="AV7" s="261">
        <v>3</v>
      </c>
      <c r="AW7" s="258">
        <v>10</v>
      </c>
      <c r="AX7" s="260">
        <v>0</v>
      </c>
      <c r="AY7" s="261">
        <v>27</v>
      </c>
      <c r="AZ7" s="261">
        <v>37</v>
      </c>
      <c r="BA7" s="261">
        <v>37</v>
      </c>
      <c r="BB7" s="261">
        <v>15</v>
      </c>
      <c r="BC7" s="261">
        <v>11</v>
      </c>
      <c r="BD7" s="258">
        <v>127</v>
      </c>
      <c r="BE7" s="263">
        <v>137</v>
      </c>
      <c r="BF7" s="257">
        <v>0</v>
      </c>
      <c r="BG7" s="261">
        <v>0</v>
      </c>
      <c r="BH7" s="258">
        <v>0</v>
      </c>
      <c r="BI7" s="260">
        <v>0</v>
      </c>
      <c r="BJ7" s="261">
        <v>35</v>
      </c>
      <c r="BK7" s="261">
        <v>56</v>
      </c>
      <c r="BL7" s="261">
        <v>54</v>
      </c>
      <c r="BM7" s="261">
        <v>43</v>
      </c>
      <c r="BN7" s="261">
        <v>29</v>
      </c>
      <c r="BO7" s="262">
        <v>217</v>
      </c>
      <c r="BP7" s="263">
        <v>217</v>
      </c>
      <c r="BQ7" s="257">
        <v>0</v>
      </c>
      <c r="BR7" s="261">
        <v>0</v>
      </c>
      <c r="BS7" s="258">
        <v>0</v>
      </c>
      <c r="BT7" s="260">
        <v>0</v>
      </c>
      <c r="BU7" s="261">
        <v>0</v>
      </c>
      <c r="BV7" s="261">
        <v>0</v>
      </c>
      <c r="BW7" s="261">
        <v>0</v>
      </c>
      <c r="BX7" s="261">
        <v>0</v>
      </c>
      <c r="BY7" s="261">
        <v>0</v>
      </c>
      <c r="BZ7" s="258">
        <v>0</v>
      </c>
      <c r="CA7" s="263">
        <v>0</v>
      </c>
      <c r="CB7" s="257">
        <v>0</v>
      </c>
      <c r="CC7" s="261">
        <v>0</v>
      </c>
      <c r="CD7" s="258">
        <v>0</v>
      </c>
      <c r="CE7" s="260">
        <v>0</v>
      </c>
      <c r="CF7" s="261">
        <v>0</v>
      </c>
      <c r="CG7" s="261">
        <v>1</v>
      </c>
      <c r="CH7" s="261">
        <v>3</v>
      </c>
      <c r="CI7" s="261">
        <v>3</v>
      </c>
      <c r="CJ7" s="261">
        <v>4</v>
      </c>
      <c r="CK7" s="258">
        <v>11</v>
      </c>
      <c r="CL7" s="263">
        <v>11</v>
      </c>
      <c r="CM7" s="257">
        <v>0</v>
      </c>
      <c r="CN7" s="261">
        <v>0</v>
      </c>
      <c r="CO7" s="258">
        <v>0</v>
      </c>
      <c r="CP7" s="260">
        <v>0</v>
      </c>
      <c r="CQ7" s="261">
        <v>2</v>
      </c>
      <c r="CR7" s="261">
        <v>3</v>
      </c>
      <c r="CS7" s="261">
        <v>4</v>
      </c>
      <c r="CT7" s="261">
        <v>10</v>
      </c>
      <c r="CU7" s="261">
        <v>17</v>
      </c>
      <c r="CV7" s="258">
        <v>36</v>
      </c>
      <c r="CW7" s="263">
        <v>36</v>
      </c>
    </row>
    <row r="8" spans="1:101" ht="21" customHeight="1" x14ac:dyDescent="0.2">
      <c r="B8" s="472" t="s">
        <v>6</v>
      </c>
      <c r="C8" s="257">
        <v>0</v>
      </c>
      <c r="D8" s="258">
        <v>0</v>
      </c>
      <c r="E8" s="259">
        <v>0</v>
      </c>
      <c r="F8" s="260">
        <v>0</v>
      </c>
      <c r="G8" s="261">
        <v>4</v>
      </c>
      <c r="H8" s="261">
        <v>1</v>
      </c>
      <c r="I8" s="261">
        <v>5</v>
      </c>
      <c r="J8" s="261">
        <v>5</v>
      </c>
      <c r="K8" s="261">
        <v>2</v>
      </c>
      <c r="L8" s="262">
        <v>17</v>
      </c>
      <c r="M8" s="263">
        <v>17</v>
      </c>
      <c r="N8" s="257">
        <v>0</v>
      </c>
      <c r="O8" s="261">
        <v>0</v>
      </c>
      <c r="P8" s="258">
        <v>0</v>
      </c>
      <c r="Q8" s="260">
        <v>0</v>
      </c>
      <c r="R8" s="261">
        <v>4</v>
      </c>
      <c r="S8" s="261">
        <v>6</v>
      </c>
      <c r="T8" s="261">
        <v>7</v>
      </c>
      <c r="U8" s="261">
        <v>3</v>
      </c>
      <c r="V8" s="261">
        <v>4</v>
      </c>
      <c r="W8" s="258">
        <v>24</v>
      </c>
      <c r="X8" s="263">
        <v>24</v>
      </c>
      <c r="Y8" s="257">
        <v>0</v>
      </c>
      <c r="Z8" s="261">
        <v>0</v>
      </c>
      <c r="AA8" s="258">
        <v>0</v>
      </c>
      <c r="AB8" s="260">
        <v>0</v>
      </c>
      <c r="AC8" s="261">
        <v>115</v>
      </c>
      <c r="AD8" s="261">
        <v>63</v>
      </c>
      <c r="AE8" s="261">
        <v>33</v>
      </c>
      <c r="AF8" s="261">
        <v>22</v>
      </c>
      <c r="AG8" s="261">
        <v>8</v>
      </c>
      <c r="AH8" s="258">
        <v>241</v>
      </c>
      <c r="AI8" s="263">
        <v>241</v>
      </c>
      <c r="AJ8" s="257">
        <v>0</v>
      </c>
      <c r="AK8" s="261">
        <v>0</v>
      </c>
      <c r="AL8" s="258">
        <v>0</v>
      </c>
      <c r="AM8" s="260">
        <v>0</v>
      </c>
      <c r="AN8" s="261">
        <v>16</v>
      </c>
      <c r="AO8" s="261">
        <v>12</v>
      </c>
      <c r="AP8" s="261">
        <v>17</v>
      </c>
      <c r="AQ8" s="261">
        <v>7</v>
      </c>
      <c r="AR8" s="261">
        <v>5</v>
      </c>
      <c r="AS8" s="258">
        <v>57</v>
      </c>
      <c r="AT8" s="263">
        <v>57</v>
      </c>
      <c r="AU8" s="257">
        <v>4</v>
      </c>
      <c r="AV8" s="261">
        <v>1</v>
      </c>
      <c r="AW8" s="258">
        <v>5</v>
      </c>
      <c r="AX8" s="260">
        <v>0</v>
      </c>
      <c r="AY8" s="261">
        <v>12</v>
      </c>
      <c r="AZ8" s="261">
        <v>13</v>
      </c>
      <c r="BA8" s="261">
        <v>8</v>
      </c>
      <c r="BB8" s="261">
        <v>9</v>
      </c>
      <c r="BC8" s="261">
        <v>2</v>
      </c>
      <c r="BD8" s="258">
        <v>44</v>
      </c>
      <c r="BE8" s="263">
        <v>49</v>
      </c>
      <c r="BF8" s="257">
        <v>0</v>
      </c>
      <c r="BG8" s="261">
        <v>0</v>
      </c>
      <c r="BH8" s="258">
        <v>0</v>
      </c>
      <c r="BI8" s="260">
        <v>0</v>
      </c>
      <c r="BJ8" s="261">
        <v>23</v>
      </c>
      <c r="BK8" s="261">
        <v>26</v>
      </c>
      <c r="BL8" s="261">
        <v>26</v>
      </c>
      <c r="BM8" s="261">
        <v>14</v>
      </c>
      <c r="BN8" s="261">
        <v>9</v>
      </c>
      <c r="BO8" s="262">
        <v>98</v>
      </c>
      <c r="BP8" s="263">
        <v>98</v>
      </c>
      <c r="BQ8" s="257">
        <v>0</v>
      </c>
      <c r="BR8" s="261">
        <v>0</v>
      </c>
      <c r="BS8" s="258">
        <v>0</v>
      </c>
      <c r="BT8" s="260">
        <v>0</v>
      </c>
      <c r="BU8" s="261">
        <v>0</v>
      </c>
      <c r="BV8" s="261">
        <v>0</v>
      </c>
      <c r="BW8" s="261">
        <v>0</v>
      </c>
      <c r="BX8" s="261">
        <v>0</v>
      </c>
      <c r="BY8" s="261">
        <v>0</v>
      </c>
      <c r="BZ8" s="258">
        <v>0</v>
      </c>
      <c r="CA8" s="263">
        <v>0</v>
      </c>
      <c r="CB8" s="257">
        <v>0</v>
      </c>
      <c r="CC8" s="261">
        <v>0</v>
      </c>
      <c r="CD8" s="258">
        <v>0</v>
      </c>
      <c r="CE8" s="260">
        <v>0</v>
      </c>
      <c r="CF8" s="261">
        <v>0</v>
      </c>
      <c r="CG8" s="261">
        <v>0</v>
      </c>
      <c r="CH8" s="261">
        <v>3</v>
      </c>
      <c r="CI8" s="261">
        <v>7</v>
      </c>
      <c r="CJ8" s="261">
        <v>2</v>
      </c>
      <c r="CK8" s="258">
        <v>12</v>
      </c>
      <c r="CL8" s="263">
        <v>12</v>
      </c>
      <c r="CM8" s="257">
        <v>0</v>
      </c>
      <c r="CN8" s="261">
        <v>0</v>
      </c>
      <c r="CO8" s="258">
        <v>0</v>
      </c>
      <c r="CP8" s="260">
        <v>0</v>
      </c>
      <c r="CQ8" s="261">
        <v>9</v>
      </c>
      <c r="CR8" s="261">
        <v>5</v>
      </c>
      <c r="CS8" s="261">
        <v>1</v>
      </c>
      <c r="CT8" s="261">
        <v>4</v>
      </c>
      <c r="CU8" s="261">
        <v>4</v>
      </c>
      <c r="CV8" s="258">
        <v>23</v>
      </c>
      <c r="CW8" s="263">
        <v>23</v>
      </c>
    </row>
    <row r="9" spans="1:101" ht="21" customHeight="1" x14ac:dyDescent="0.2">
      <c r="B9" s="472" t="s">
        <v>14</v>
      </c>
      <c r="C9" s="257">
        <v>0</v>
      </c>
      <c r="D9" s="258">
        <v>0</v>
      </c>
      <c r="E9" s="259">
        <v>0</v>
      </c>
      <c r="F9" s="260">
        <v>0</v>
      </c>
      <c r="G9" s="261">
        <v>1</v>
      </c>
      <c r="H9" s="261">
        <v>3</v>
      </c>
      <c r="I9" s="261">
        <v>1</v>
      </c>
      <c r="J9" s="261">
        <v>1</v>
      </c>
      <c r="K9" s="261">
        <v>2</v>
      </c>
      <c r="L9" s="262">
        <v>8</v>
      </c>
      <c r="M9" s="263">
        <v>8</v>
      </c>
      <c r="N9" s="257">
        <v>0</v>
      </c>
      <c r="O9" s="261">
        <v>0</v>
      </c>
      <c r="P9" s="258">
        <v>0</v>
      </c>
      <c r="Q9" s="260">
        <v>0</v>
      </c>
      <c r="R9" s="261">
        <v>0</v>
      </c>
      <c r="S9" s="261">
        <v>0</v>
      </c>
      <c r="T9" s="261">
        <v>0</v>
      </c>
      <c r="U9" s="261">
        <v>0</v>
      </c>
      <c r="V9" s="261">
        <v>0</v>
      </c>
      <c r="W9" s="258">
        <v>0</v>
      </c>
      <c r="X9" s="263">
        <v>0</v>
      </c>
      <c r="Y9" s="257">
        <v>0</v>
      </c>
      <c r="Z9" s="261">
        <v>0</v>
      </c>
      <c r="AA9" s="258">
        <v>0</v>
      </c>
      <c r="AB9" s="260">
        <v>0</v>
      </c>
      <c r="AC9" s="261">
        <v>83</v>
      </c>
      <c r="AD9" s="261">
        <v>71</v>
      </c>
      <c r="AE9" s="261">
        <v>45</v>
      </c>
      <c r="AF9" s="261">
        <v>15</v>
      </c>
      <c r="AG9" s="261">
        <v>6</v>
      </c>
      <c r="AH9" s="258">
        <v>220</v>
      </c>
      <c r="AI9" s="263">
        <v>220</v>
      </c>
      <c r="AJ9" s="257">
        <v>0</v>
      </c>
      <c r="AK9" s="261">
        <v>0</v>
      </c>
      <c r="AL9" s="258">
        <v>0</v>
      </c>
      <c r="AM9" s="260">
        <v>0</v>
      </c>
      <c r="AN9" s="261">
        <v>0</v>
      </c>
      <c r="AO9" s="261">
        <v>4</v>
      </c>
      <c r="AP9" s="261">
        <v>2</v>
      </c>
      <c r="AQ9" s="261">
        <v>1</v>
      </c>
      <c r="AR9" s="261">
        <v>0</v>
      </c>
      <c r="AS9" s="258">
        <v>7</v>
      </c>
      <c r="AT9" s="263">
        <v>7</v>
      </c>
      <c r="AU9" s="257">
        <v>0</v>
      </c>
      <c r="AV9" s="261">
        <v>1</v>
      </c>
      <c r="AW9" s="258">
        <v>1</v>
      </c>
      <c r="AX9" s="260">
        <v>0</v>
      </c>
      <c r="AY9" s="261">
        <v>9</v>
      </c>
      <c r="AZ9" s="261">
        <v>6</v>
      </c>
      <c r="BA9" s="261">
        <v>7</v>
      </c>
      <c r="BB9" s="261">
        <v>3</v>
      </c>
      <c r="BC9" s="261">
        <v>2</v>
      </c>
      <c r="BD9" s="258">
        <v>27</v>
      </c>
      <c r="BE9" s="263">
        <v>28</v>
      </c>
      <c r="BF9" s="257">
        <v>0</v>
      </c>
      <c r="BG9" s="261">
        <v>0</v>
      </c>
      <c r="BH9" s="258">
        <v>0</v>
      </c>
      <c r="BI9" s="260">
        <v>0</v>
      </c>
      <c r="BJ9" s="261">
        <v>4</v>
      </c>
      <c r="BK9" s="261">
        <v>12</v>
      </c>
      <c r="BL9" s="261">
        <v>15</v>
      </c>
      <c r="BM9" s="261">
        <v>10</v>
      </c>
      <c r="BN9" s="261">
        <v>5</v>
      </c>
      <c r="BO9" s="262">
        <v>46</v>
      </c>
      <c r="BP9" s="263">
        <v>46</v>
      </c>
      <c r="BQ9" s="257">
        <v>0</v>
      </c>
      <c r="BR9" s="261">
        <v>0</v>
      </c>
      <c r="BS9" s="258">
        <v>0</v>
      </c>
      <c r="BT9" s="260">
        <v>0</v>
      </c>
      <c r="BU9" s="261">
        <v>0</v>
      </c>
      <c r="BV9" s="261">
        <v>0</v>
      </c>
      <c r="BW9" s="261">
        <v>0</v>
      </c>
      <c r="BX9" s="261">
        <v>0</v>
      </c>
      <c r="BY9" s="261">
        <v>0</v>
      </c>
      <c r="BZ9" s="258">
        <v>0</v>
      </c>
      <c r="CA9" s="263">
        <v>0</v>
      </c>
      <c r="CB9" s="257">
        <v>0</v>
      </c>
      <c r="CC9" s="261">
        <v>0</v>
      </c>
      <c r="CD9" s="258">
        <v>0</v>
      </c>
      <c r="CE9" s="260">
        <v>0</v>
      </c>
      <c r="CF9" s="261">
        <v>0</v>
      </c>
      <c r="CG9" s="261">
        <v>0</v>
      </c>
      <c r="CH9" s="261">
        <v>2</v>
      </c>
      <c r="CI9" s="261">
        <v>2</v>
      </c>
      <c r="CJ9" s="261">
        <v>0</v>
      </c>
      <c r="CK9" s="258">
        <v>4</v>
      </c>
      <c r="CL9" s="263">
        <v>4</v>
      </c>
      <c r="CM9" s="257">
        <v>0</v>
      </c>
      <c r="CN9" s="261">
        <v>0</v>
      </c>
      <c r="CO9" s="258">
        <v>0</v>
      </c>
      <c r="CP9" s="260">
        <v>0</v>
      </c>
      <c r="CQ9" s="261">
        <v>1</v>
      </c>
      <c r="CR9" s="261">
        <v>0</v>
      </c>
      <c r="CS9" s="261">
        <v>0</v>
      </c>
      <c r="CT9" s="261">
        <v>2</v>
      </c>
      <c r="CU9" s="261">
        <v>2</v>
      </c>
      <c r="CV9" s="258">
        <v>5</v>
      </c>
      <c r="CW9" s="263">
        <v>5</v>
      </c>
    </row>
    <row r="10" spans="1:101" ht="21" customHeight="1" x14ac:dyDescent="0.2">
      <c r="B10" s="472" t="s">
        <v>7</v>
      </c>
      <c r="C10" s="257">
        <v>0</v>
      </c>
      <c r="D10" s="258">
        <v>0</v>
      </c>
      <c r="E10" s="259">
        <v>0</v>
      </c>
      <c r="F10" s="260">
        <v>0</v>
      </c>
      <c r="G10" s="261">
        <v>0</v>
      </c>
      <c r="H10" s="261">
        <v>0</v>
      </c>
      <c r="I10" s="261">
        <v>0</v>
      </c>
      <c r="J10" s="261">
        <v>0</v>
      </c>
      <c r="K10" s="261">
        <v>0</v>
      </c>
      <c r="L10" s="262">
        <v>0</v>
      </c>
      <c r="M10" s="263">
        <v>0</v>
      </c>
      <c r="N10" s="257">
        <v>0</v>
      </c>
      <c r="O10" s="261">
        <v>0</v>
      </c>
      <c r="P10" s="258">
        <v>0</v>
      </c>
      <c r="Q10" s="260">
        <v>0</v>
      </c>
      <c r="R10" s="261">
        <v>0</v>
      </c>
      <c r="S10" s="261">
        <v>0</v>
      </c>
      <c r="T10" s="261">
        <v>0</v>
      </c>
      <c r="U10" s="261">
        <v>0</v>
      </c>
      <c r="V10" s="261">
        <v>0</v>
      </c>
      <c r="W10" s="258">
        <v>0</v>
      </c>
      <c r="X10" s="263">
        <v>0</v>
      </c>
      <c r="Y10" s="257">
        <v>0</v>
      </c>
      <c r="Z10" s="261">
        <v>0</v>
      </c>
      <c r="AA10" s="258">
        <v>0</v>
      </c>
      <c r="AB10" s="260">
        <v>0</v>
      </c>
      <c r="AC10" s="261">
        <v>72</v>
      </c>
      <c r="AD10" s="261">
        <v>54</v>
      </c>
      <c r="AE10" s="261">
        <v>18</v>
      </c>
      <c r="AF10" s="261">
        <v>5</v>
      </c>
      <c r="AG10" s="261">
        <v>4</v>
      </c>
      <c r="AH10" s="258">
        <v>153</v>
      </c>
      <c r="AI10" s="263">
        <v>153</v>
      </c>
      <c r="AJ10" s="257">
        <v>0</v>
      </c>
      <c r="AK10" s="261">
        <v>0</v>
      </c>
      <c r="AL10" s="258">
        <v>0</v>
      </c>
      <c r="AM10" s="260">
        <v>0</v>
      </c>
      <c r="AN10" s="261">
        <v>11</v>
      </c>
      <c r="AO10" s="261">
        <v>11</v>
      </c>
      <c r="AP10" s="261">
        <v>7</v>
      </c>
      <c r="AQ10" s="261">
        <v>3</v>
      </c>
      <c r="AR10" s="261">
        <v>2</v>
      </c>
      <c r="AS10" s="258">
        <v>34</v>
      </c>
      <c r="AT10" s="263">
        <v>34</v>
      </c>
      <c r="AU10" s="257">
        <v>0</v>
      </c>
      <c r="AV10" s="261">
        <v>0</v>
      </c>
      <c r="AW10" s="258">
        <v>0</v>
      </c>
      <c r="AX10" s="260">
        <v>0</v>
      </c>
      <c r="AY10" s="261">
        <v>4</v>
      </c>
      <c r="AZ10" s="261">
        <v>4</v>
      </c>
      <c r="BA10" s="261">
        <v>3</v>
      </c>
      <c r="BB10" s="261">
        <v>0</v>
      </c>
      <c r="BC10" s="261">
        <v>0</v>
      </c>
      <c r="BD10" s="258">
        <v>11</v>
      </c>
      <c r="BE10" s="263">
        <v>11</v>
      </c>
      <c r="BF10" s="257">
        <v>0</v>
      </c>
      <c r="BG10" s="261">
        <v>0</v>
      </c>
      <c r="BH10" s="258">
        <v>0</v>
      </c>
      <c r="BI10" s="260">
        <v>0</v>
      </c>
      <c r="BJ10" s="261">
        <v>4</v>
      </c>
      <c r="BK10" s="261">
        <v>7</v>
      </c>
      <c r="BL10" s="261">
        <v>12</v>
      </c>
      <c r="BM10" s="261">
        <v>3</v>
      </c>
      <c r="BN10" s="261">
        <v>4</v>
      </c>
      <c r="BO10" s="262">
        <v>30</v>
      </c>
      <c r="BP10" s="263">
        <v>30</v>
      </c>
      <c r="BQ10" s="257">
        <v>0</v>
      </c>
      <c r="BR10" s="261">
        <v>0</v>
      </c>
      <c r="BS10" s="258">
        <v>0</v>
      </c>
      <c r="BT10" s="260">
        <v>0</v>
      </c>
      <c r="BU10" s="261">
        <v>0</v>
      </c>
      <c r="BV10" s="261">
        <v>0</v>
      </c>
      <c r="BW10" s="261">
        <v>0</v>
      </c>
      <c r="BX10" s="261">
        <v>0</v>
      </c>
      <c r="BY10" s="261">
        <v>0</v>
      </c>
      <c r="BZ10" s="258">
        <v>0</v>
      </c>
      <c r="CA10" s="263">
        <v>0</v>
      </c>
      <c r="CB10" s="257">
        <v>0</v>
      </c>
      <c r="CC10" s="261">
        <v>0</v>
      </c>
      <c r="CD10" s="258">
        <v>0</v>
      </c>
      <c r="CE10" s="260">
        <v>0</v>
      </c>
      <c r="CF10" s="261">
        <v>0</v>
      </c>
      <c r="CG10" s="261">
        <v>0</v>
      </c>
      <c r="CH10" s="261">
        <v>0</v>
      </c>
      <c r="CI10" s="261">
        <v>0</v>
      </c>
      <c r="CJ10" s="261">
        <v>0</v>
      </c>
      <c r="CK10" s="258">
        <v>0</v>
      </c>
      <c r="CL10" s="263">
        <v>0</v>
      </c>
      <c r="CM10" s="257">
        <v>0</v>
      </c>
      <c r="CN10" s="261">
        <v>0</v>
      </c>
      <c r="CO10" s="258">
        <v>0</v>
      </c>
      <c r="CP10" s="260">
        <v>0</v>
      </c>
      <c r="CQ10" s="261">
        <v>0</v>
      </c>
      <c r="CR10" s="261">
        <v>1</v>
      </c>
      <c r="CS10" s="261">
        <v>1</v>
      </c>
      <c r="CT10" s="261">
        <v>1</v>
      </c>
      <c r="CU10" s="261">
        <v>2</v>
      </c>
      <c r="CV10" s="258">
        <v>5</v>
      </c>
      <c r="CW10" s="263">
        <v>5</v>
      </c>
    </row>
    <row r="11" spans="1:101" ht="21" customHeight="1" x14ac:dyDescent="0.2">
      <c r="B11" s="472" t="s">
        <v>8</v>
      </c>
      <c r="C11" s="257">
        <v>0</v>
      </c>
      <c r="D11" s="258">
        <v>0</v>
      </c>
      <c r="E11" s="259">
        <v>0</v>
      </c>
      <c r="F11" s="260">
        <v>0</v>
      </c>
      <c r="G11" s="261">
        <v>1</v>
      </c>
      <c r="H11" s="261">
        <v>0</v>
      </c>
      <c r="I11" s="261">
        <v>0</v>
      </c>
      <c r="J11" s="261">
        <v>0</v>
      </c>
      <c r="K11" s="261">
        <v>0</v>
      </c>
      <c r="L11" s="262">
        <v>1</v>
      </c>
      <c r="M11" s="263">
        <v>1</v>
      </c>
      <c r="N11" s="257">
        <v>0</v>
      </c>
      <c r="O11" s="261">
        <v>0</v>
      </c>
      <c r="P11" s="258">
        <v>0</v>
      </c>
      <c r="Q11" s="260">
        <v>0</v>
      </c>
      <c r="R11" s="261">
        <v>0</v>
      </c>
      <c r="S11" s="261">
        <v>0</v>
      </c>
      <c r="T11" s="261">
        <v>0</v>
      </c>
      <c r="U11" s="261">
        <v>0</v>
      </c>
      <c r="V11" s="261">
        <v>0</v>
      </c>
      <c r="W11" s="258">
        <v>0</v>
      </c>
      <c r="X11" s="263">
        <v>0</v>
      </c>
      <c r="Y11" s="257">
        <v>0</v>
      </c>
      <c r="Z11" s="261">
        <v>0</v>
      </c>
      <c r="AA11" s="258">
        <v>0</v>
      </c>
      <c r="AB11" s="260">
        <v>0</v>
      </c>
      <c r="AC11" s="261">
        <v>29</v>
      </c>
      <c r="AD11" s="261">
        <v>30</v>
      </c>
      <c r="AE11" s="261">
        <v>11</v>
      </c>
      <c r="AF11" s="261">
        <v>4</v>
      </c>
      <c r="AG11" s="261">
        <v>3</v>
      </c>
      <c r="AH11" s="258">
        <v>77</v>
      </c>
      <c r="AI11" s="263">
        <v>77</v>
      </c>
      <c r="AJ11" s="257">
        <v>0</v>
      </c>
      <c r="AK11" s="261">
        <v>0</v>
      </c>
      <c r="AL11" s="258">
        <v>0</v>
      </c>
      <c r="AM11" s="260">
        <v>0</v>
      </c>
      <c r="AN11" s="261">
        <v>1</v>
      </c>
      <c r="AO11" s="261">
        <v>0</v>
      </c>
      <c r="AP11" s="261">
        <v>0</v>
      </c>
      <c r="AQ11" s="261">
        <v>1</v>
      </c>
      <c r="AR11" s="261">
        <v>0</v>
      </c>
      <c r="AS11" s="258">
        <v>2</v>
      </c>
      <c r="AT11" s="263">
        <v>2</v>
      </c>
      <c r="AU11" s="257">
        <v>0</v>
      </c>
      <c r="AV11" s="261">
        <v>2</v>
      </c>
      <c r="AW11" s="258">
        <v>2</v>
      </c>
      <c r="AX11" s="260">
        <v>0</v>
      </c>
      <c r="AY11" s="261">
        <v>1</v>
      </c>
      <c r="AZ11" s="261">
        <v>2</v>
      </c>
      <c r="BA11" s="261">
        <v>1</v>
      </c>
      <c r="BB11" s="261">
        <v>0</v>
      </c>
      <c r="BC11" s="261">
        <v>1</v>
      </c>
      <c r="BD11" s="258">
        <v>5</v>
      </c>
      <c r="BE11" s="263">
        <v>7</v>
      </c>
      <c r="BF11" s="257">
        <v>0</v>
      </c>
      <c r="BG11" s="261">
        <v>0</v>
      </c>
      <c r="BH11" s="258">
        <v>0</v>
      </c>
      <c r="BI11" s="260">
        <v>0</v>
      </c>
      <c r="BJ11" s="261">
        <v>4</v>
      </c>
      <c r="BK11" s="261">
        <v>3</v>
      </c>
      <c r="BL11" s="261">
        <v>3</v>
      </c>
      <c r="BM11" s="261">
        <v>5</v>
      </c>
      <c r="BN11" s="261">
        <v>1</v>
      </c>
      <c r="BO11" s="262">
        <v>16</v>
      </c>
      <c r="BP11" s="263">
        <v>16</v>
      </c>
      <c r="BQ11" s="257">
        <v>0</v>
      </c>
      <c r="BR11" s="261">
        <v>0</v>
      </c>
      <c r="BS11" s="258">
        <v>0</v>
      </c>
      <c r="BT11" s="260">
        <v>0</v>
      </c>
      <c r="BU11" s="261">
        <v>0</v>
      </c>
      <c r="BV11" s="261">
        <v>0</v>
      </c>
      <c r="BW11" s="261">
        <v>3</v>
      </c>
      <c r="BX11" s="261">
        <v>0</v>
      </c>
      <c r="BY11" s="261">
        <v>1</v>
      </c>
      <c r="BZ11" s="258">
        <v>4</v>
      </c>
      <c r="CA11" s="263">
        <v>4</v>
      </c>
      <c r="CB11" s="257">
        <v>0</v>
      </c>
      <c r="CC11" s="261">
        <v>0</v>
      </c>
      <c r="CD11" s="258">
        <v>0</v>
      </c>
      <c r="CE11" s="260">
        <v>0</v>
      </c>
      <c r="CF11" s="261">
        <v>0</v>
      </c>
      <c r="CG11" s="261">
        <v>0</v>
      </c>
      <c r="CH11" s="261">
        <v>1</v>
      </c>
      <c r="CI11" s="261">
        <v>1</v>
      </c>
      <c r="CJ11" s="261">
        <v>0</v>
      </c>
      <c r="CK11" s="258">
        <v>2</v>
      </c>
      <c r="CL11" s="263">
        <v>2</v>
      </c>
      <c r="CM11" s="257">
        <v>0</v>
      </c>
      <c r="CN11" s="261">
        <v>0</v>
      </c>
      <c r="CO11" s="258">
        <v>0</v>
      </c>
      <c r="CP11" s="260">
        <v>0</v>
      </c>
      <c r="CQ11" s="261">
        <v>3</v>
      </c>
      <c r="CR11" s="261">
        <v>1</v>
      </c>
      <c r="CS11" s="261">
        <v>1</v>
      </c>
      <c r="CT11" s="261">
        <v>1</v>
      </c>
      <c r="CU11" s="261">
        <v>0</v>
      </c>
      <c r="CV11" s="258">
        <v>6</v>
      </c>
      <c r="CW11" s="263">
        <v>6</v>
      </c>
    </row>
    <row r="12" spans="1:101" ht="21" customHeight="1" x14ac:dyDescent="0.2">
      <c r="B12" s="472" t="s">
        <v>9</v>
      </c>
      <c r="C12" s="257">
        <v>0</v>
      </c>
      <c r="D12" s="258">
        <v>0</v>
      </c>
      <c r="E12" s="259">
        <v>0</v>
      </c>
      <c r="F12" s="260">
        <v>0</v>
      </c>
      <c r="G12" s="261">
        <v>0</v>
      </c>
      <c r="H12" s="261">
        <v>1</v>
      </c>
      <c r="I12" s="261">
        <v>0</v>
      </c>
      <c r="J12" s="261">
        <v>0</v>
      </c>
      <c r="K12" s="261">
        <v>0</v>
      </c>
      <c r="L12" s="262">
        <v>1</v>
      </c>
      <c r="M12" s="263">
        <v>1</v>
      </c>
      <c r="N12" s="257">
        <v>0</v>
      </c>
      <c r="O12" s="261">
        <v>0</v>
      </c>
      <c r="P12" s="258">
        <v>0</v>
      </c>
      <c r="Q12" s="260">
        <v>0</v>
      </c>
      <c r="R12" s="261">
        <v>0</v>
      </c>
      <c r="S12" s="261">
        <v>0</v>
      </c>
      <c r="T12" s="261">
        <v>0</v>
      </c>
      <c r="U12" s="261">
        <v>0</v>
      </c>
      <c r="V12" s="261">
        <v>0</v>
      </c>
      <c r="W12" s="258">
        <v>0</v>
      </c>
      <c r="X12" s="263">
        <v>0</v>
      </c>
      <c r="Y12" s="257">
        <v>0</v>
      </c>
      <c r="Z12" s="261">
        <v>0</v>
      </c>
      <c r="AA12" s="258">
        <v>0</v>
      </c>
      <c r="AB12" s="260">
        <v>0</v>
      </c>
      <c r="AC12" s="261">
        <v>44</v>
      </c>
      <c r="AD12" s="261">
        <v>19</v>
      </c>
      <c r="AE12" s="261">
        <v>12</v>
      </c>
      <c r="AF12" s="261">
        <v>8</v>
      </c>
      <c r="AG12" s="261">
        <v>3</v>
      </c>
      <c r="AH12" s="258">
        <v>86</v>
      </c>
      <c r="AI12" s="263">
        <v>86</v>
      </c>
      <c r="AJ12" s="257">
        <v>0</v>
      </c>
      <c r="AK12" s="261">
        <v>0</v>
      </c>
      <c r="AL12" s="258">
        <v>0</v>
      </c>
      <c r="AM12" s="260">
        <v>0</v>
      </c>
      <c r="AN12" s="261">
        <v>0</v>
      </c>
      <c r="AO12" s="261">
        <v>0</v>
      </c>
      <c r="AP12" s="261">
        <v>0</v>
      </c>
      <c r="AQ12" s="261">
        <v>0</v>
      </c>
      <c r="AR12" s="261">
        <v>1</v>
      </c>
      <c r="AS12" s="258">
        <v>1</v>
      </c>
      <c r="AT12" s="263">
        <v>1</v>
      </c>
      <c r="AU12" s="257">
        <v>1</v>
      </c>
      <c r="AV12" s="261">
        <v>0</v>
      </c>
      <c r="AW12" s="258">
        <v>1</v>
      </c>
      <c r="AX12" s="260">
        <v>0</v>
      </c>
      <c r="AY12" s="261">
        <v>1</v>
      </c>
      <c r="AZ12" s="261">
        <v>3</v>
      </c>
      <c r="BA12" s="261">
        <v>2</v>
      </c>
      <c r="BB12" s="261">
        <v>0</v>
      </c>
      <c r="BC12" s="261">
        <v>0</v>
      </c>
      <c r="BD12" s="258">
        <v>6</v>
      </c>
      <c r="BE12" s="263">
        <v>7</v>
      </c>
      <c r="BF12" s="257">
        <v>0</v>
      </c>
      <c r="BG12" s="261">
        <v>0</v>
      </c>
      <c r="BH12" s="258">
        <v>0</v>
      </c>
      <c r="BI12" s="260">
        <v>0</v>
      </c>
      <c r="BJ12" s="261">
        <v>4</v>
      </c>
      <c r="BK12" s="261">
        <v>4</v>
      </c>
      <c r="BL12" s="261">
        <v>8</v>
      </c>
      <c r="BM12" s="261">
        <v>2</v>
      </c>
      <c r="BN12" s="261">
        <v>1</v>
      </c>
      <c r="BO12" s="262">
        <v>19</v>
      </c>
      <c r="BP12" s="263">
        <v>19</v>
      </c>
      <c r="BQ12" s="257">
        <v>0</v>
      </c>
      <c r="BR12" s="261">
        <v>0</v>
      </c>
      <c r="BS12" s="258">
        <v>0</v>
      </c>
      <c r="BT12" s="260">
        <v>0</v>
      </c>
      <c r="BU12" s="261">
        <v>0</v>
      </c>
      <c r="BV12" s="261">
        <v>1</v>
      </c>
      <c r="BW12" s="261">
        <v>0</v>
      </c>
      <c r="BX12" s="261">
        <v>0</v>
      </c>
      <c r="BY12" s="261">
        <v>0</v>
      </c>
      <c r="BZ12" s="258">
        <v>1</v>
      </c>
      <c r="CA12" s="263">
        <v>1</v>
      </c>
      <c r="CB12" s="257">
        <v>0</v>
      </c>
      <c r="CC12" s="261">
        <v>0</v>
      </c>
      <c r="CD12" s="258">
        <v>0</v>
      </c>
      <c r="CE12" s="260">
        <v>0</v>
      </c>
      <c r="CF12" s="261">
        <v>0</v>
      </c>
      <c r="CG12" s="261">
        <v>0</v>
      </c>
      <c r="CH12" s="261">
        <v>0</v>
      </c>
      <c r="CI12" s="261">
        <v>0</v>
      </c>
      <c r="CJ12" s="261">
        <v>0</v>
      </c>
      <c r="CK12" s="258">
        <v>0</v>
      </c>
      <c r="CL12" s="263">
        <v>0</v>
      </c>
      <c r="CM12" s="257">
        <v>0</v>
      </c>
      <c r="CN12" s="261">
        <v>0</v>
      </c>
      <c r="CO12" s="258">
        <v>0</v>
      </c>
      <c r="CP12" s="260">
        <v>0</v>
      </c>
      <c r="CQ12" s="261">
        <v>0</v>
      </c>
      <c r="CR12" s="261">
        <v>1</v>
      </c>
      <c r="CS12" s="261">
        <v>0</v>
      </c>
      <c r="CT12" s="261">
        <v>0</v>
      </c>
      <c r="CU12" s="261">
        <v>2</v>
      </c>
      <c r="CV12" s="258">
        <v>3</v>
      </c>
      <c r="CW12" s="263">
        <v>3</v>
      </c>
    </row>
    <row r="13" spans="1:101" ht="21" customHeight="1" x14ac:dyDescent="0.2">
      <c r="B13" s="472" t="s">
        <v>10</v>
      </c>
      <c r="C13" s="257">
        <v>0</v>
      </c>
      <c r="D13" s="258">
        <v>0</v>
      </c>
      <c r="E13" s="259">
        <v>0</v>
      </c>
      <c r="F13" s="260">
        <v>0</v>
      </c>
      <c r="G13" s="261">
        <v>2</v>
      </c>
      <c r="H13" s="261">
        <v>1</v>
      </c>
      <c r="I13" s="261">
        <v>1</v>
      </c>
      <c r="J13" s="261">
        <v>0</v>
      </c>
      <c r="K13" s="261">
        <v>0</v>
      </c>
      <c r="L13" s="262">
        <v>4</v>
      </c>
      <c r="M13" s="263">
        <v>4</v>
      </c>
      <c r="N13" s="257">
        <v>0</v>
      </c>
      <c r="O13" s="261">
        <v>0</v>
      </c>
      <c r="P13" s="258">
        <v>0</v>
      </c>
      <c r="Q13" s="260">
        <v>0</v>
      </c>
      <c r="R13" s="261">
        <v>1</v>
      </c>
      <c r="S13" s="261">
        <v>0</v>
      </c>
      <c r="T13" s="261">
        <v>2</v>
      </c>
      <c r="U13" s="261">
        <v>0</v>
      </c>
      <c r="V13" s="261">
        <v>0</v>
      </c>
      <c r="W13" s="258">
        <v>3</v>
      </c>
      <c r="X13" s="263">
        <v>3</v>
      </c>
      <c r="Y13" s="257">
        <v>0</v>
      </c>
      <c r="Z13" s="261">
        <v>0</v>
      </c>
      <c r="AA13" s="258">
        <v>0</v>
      </c>
      <c r="AB13" s="260">
        <v>0</v>
      </c>
      <c r="AC13" s="261">
        <v>30</v>
      </c>
      <c r="AD13" s="261">
        <v>20</v>
      </c>
      <c r="AE13" s="261">
        <v>5</v>
      </c>
      <c r="AF13" s="261">
        <v>5</v>
      </c>
      <c r="AG13" s="261">
        <v>2</v>
      </c>
      <c r="AH13" s="258">
        <v>62</v>
      </c>
      <c r="AI13" s="263">
        <v>62</v>
      </c>
      <c r="AJ13" s="257">
        <v>0</v>
      </c>
      <c r="AK13" s="261">
        <v>0</v>
      </c>
      <c r="AL13" s="258">
        <v>0</v>
      </c>
      <c r="AM13" s="260">
        <v>0</v>
      </c>
      <c r="AN13" s="261">
        <v>2</v>
      </c>
      <c r="AO13" s="261">
        <v>1</v>
      </c>
      <c r="AP13" s="261">
        <v>4</v>
      </c>
      <c r="AQ13" s="261">
        <v>0</v>
      </c>
      <c r="AR13" s="261">
        <v>1</v>
      </c>
      <c r="AS13" s="258">
        <v>8</v>
      </c>
      <c r="AT13" s="263">
        <v>8</v>
      </c>
      <c r="AU13" s="257">
        <v>0</v>
      </c>
      <c r="AV13" s="261">
        <v>0</v>
      </c>
      <c r="AW13" s="258">
        <v>0</v>
      </c>
      <c r="AX13" s="260">
        <v>0</v>
      </c>
      <c r="AY13" s="261">
        <v>4</v>
      </c>
      <c r="AZ13" s="261">
        <v>4</v>
      </c>
      <c r="BA13" s="261">
        <v>4</v>
      </c>
      <c r="BB13" s="261">
        <v>3</v>
      </c>
      <c r="BC13" s="261">
        <v>1</v>
      </c>
      <c r="BD13" s="258">
        <v>16</v>
      </c>
      <c r="BE13" s="263">
        <v>16</v>
      </c>
      <c r="BF13" s="257">
        <v>0</v>
      </c>
      <c r="BG13" s="261">
        <v>0</v>
      </c>
      <c r="BH13" s="258">
        <v>0</v>
      </c>
      <c r="BI13" s="260">
        <v>0</v>
      </c>
      <c r="BJ13" s="261">
        <v>2</v>
      </c>
      <c r="BK13" s="261">
        <v>11</v>
      </c>
      <c r="BL13" s="261">
        <v>12</v>
      </c>
      <c r="BM13" s="261">
        <v>1</v>
      </c>
      <c r="BN13" s="261">
        <v>5</v>
      </c>
      <c r="BO13" s="262">
        <v>31</v>
      </c>
      <c r="BP13" s="263">
        <v>31</v>
      </c>
      <c r="BQ13" s="257">
        <v>0</v>
      </c>
      <c r="BR13" s="261">
        <v>0</v>
      </c>
      <c r="BS13" s="258">
        <v>0</v>
      </c>
      <c r="BT13" s="260">
        <v>0</v>
      </c>
      <c r="BU13" s="261">
        <v>4</v>
      </c>
      <c r="BV13" s="261">
        <v>2</v>
      </c>
      <c r="BW13" s="261">
        <v>3</v>
      </c>
      <c r="BX13" s="261">
        <v>1</v>
      </c>
      <c r="BY13" s="261">
        <v>1</v>
      </c>
      <c r="BZ13" s="258">
        <v>11</v>
      </c>
      <c r="CA13" s="263">
        <v>11</v>
      </c>
      <c r="CB13" s="257">
        <v>0</v>
      </c>
      <c r="CC13" s="261">
        <v>0</v>
      </c>
      <c r="CD13" s="258">
        <v>0</v>
      </c>
      <c r="CE13" s="260">
        <v>0</v>
      </c>
      <c r="CF13" s="261">
        <v>0</v>
      </c>
      <c r="CG13" s="261">
        <v>1</v>
      </c>
      <c r="CH13" s="261">
        <v>2</v>
      </c>
      <c r="CI13" s="261">
        <v>2</v>
      </c>
      <c r="CJ13" s="261">
        <v>4</v>
      </c>
      <c r="CK13" s="258">
        <v>9</v>
      </c>
      <c r="CL13" s="263">
        <v>9</v>
      </c>
      <c r="CM13" s="257">
        <v>0</v>
      </c>
      <c r="CN13" s="261">
        <v>0</v>
      </c>
      <c r="CO13" s="258">
        <v>0</v>
      </c>
      <c r="CP13" s="260">
        <v>0</v>
      </c>
      <c r="CQ13" s="261">
        <v>0</v>
      </c>
      <c r="CR13" s="261">
        <v>1</v>
      </c>
      <c r="CS13" s="261">
        <v>2</v>
      </c>
      <c r="CT13" s="261">
        <v>2</v>
      </c>
      <c r="CU13" s="261">
        <v>1</v>
      </c>
      <c r="CV13" s="258">
        <v>6</v>
      </c>
      <c r="CW13" s="263">
        <v>6</v>
      </c>
    </row>
    <row r="14" spans="1:101" ht="21" customHeight="1" x14ac:dyDescent="0.2">
      <c r="B14" s="472" t="s">
        <v>11</v>
      </c>
      <c r="C14" s="257">
        <v>0</v>
      </c>
      <c r="D14" s="258">
        <v>0</v>
      </c>
      <c r="E14" s="259">
        <v>0</v>
      </c>
      <c r="F14" s="260">
        <v>0</v>
      </c>
      <c r="G14" s="261">
        <v>0</v>
      </c>
      <c r="H14" s="261">
        <v>0</v>
      </c>
      <c r="I14" s="261">
        <v>3</v>
      </c>
      <c r="J14" s="261">
        <v>0</v>
      </c>
      <c r="K14" s="261">
        <v>0</v>
      </c>
      <c r="L14" s="262">
        <v>3</v>
      </c>
      <c r="M14" s="263">
        <v>3</v>
      </c>
      <c r="N14" s="257">
        <v>0</v>
      </c>
      <c r="O14" s="261">
        <v>0</v>
      </c>
      <c r="P14" s="258">
        <v>0</v>
      </c>
      <c r="Q14" s="260">
        <v>0</v>
      </c>
      <c r="R14" s="261">
        <v>0</v>
      </c>
      <c r="S14" s="261">
        <v>0</v>
      </c>
      <c r="T14" s="261">
        <v>0</v>
      </c>
      <c r="U14" s="261">
        <v>0</v>
      </c>
      <c r="V14" s="261">
        <v>0</v>
      </c>
      <c r="W14" s="258">
        <v>0</v>
      </c>
      <c r="X14" s="263">
        <v>0</v>
      </c>
      <c r="Y14" s="257">
        <v>0</v>
      </c>
      <c r="Z14" s="261">
        <v>0</v>
      </c>
      <c r="AA14" s="258">
        <v>0</v>
      </c>
      <c r="AB14" s="260">
        <v>0</v>
      </c>
      <c r="AC14" s="261">
        <v>11</v>
      </c>
      <c r="AD14" s="261">
        <v>8</v>
      </c>
      <c r="AE14" s="261">
        <v>5</v>
      </c>
      <c r="AF14" s="261">
        <v>2</v>
      </c>
      <c r="AG14" s="261">
        <v>1</v>
      </c>
      <c r="AH14" s="258">
        <v>27</v>
      </c>
      <c r="AI14" s="263">
        <v>27</v>
      </c>
      <c r="AJ14" s="257">
        <v>0</v>
      </c>
      <c r="AK14" s="261">
        <v>0</v>
      </c>
      <c r="AL14" s="258">
        <v>0</v>
      </c>
      <c r="AM14" s="260">
        <v>0</v>
      </c>
      <c r="AN14" s="261">
        <v>1</v>
      </c>
      <c r="AO14" s="261">
        <v>3</v>
      </c>
      <c r="AP14" s="261">
        <v>1</v>
      </c>
      <c r="AQ14" s="261">
        <v>0</v>
      </c>
      <c r="AR14" s="261">
        <v>0</v>
      </c>
      <c r="AS14" s="258">
        <v>5</v>
      </c>
      <c r="AT14" s="263">
        <v>5</v>
      </c>
      <c r="AU14" s="257">
        <v>0</v>
      </c>
      <c r="AV14" s="261">
        <v>0</v>
      </c>
      <c r="AW14" s="258">
        <v>0</v>
      </c>
      <c r="AX14" s="260">
        <v>0</v>
      </c>
      <c r="AY14" s="261">
        <v>2</v>
      </c>
      <c r="AZ14" s="261">
        <v>2</v>
      </c>
      <c r="BA14" s="261">
        <v>4</v>
      </c>
      <c r="BB14" s="261">
        <v>0</v>
      </c>
      <c r="BC14" s="261">
        <v>0</v>
      </c>
      <c r="BD14" s="258">
        <v>8</v>
      </c>
      <c r="BE14" s="263">
        <v>8</v>
      </c>
      <c r="BF14" s="257">
        <v>0</v>
      </c>
      <c r="BG14" s="261">
        <v>0</v>
      </c>
      <c r="BH14" s="258">
        <v>0</v>
      </c>
      <c r="BI14" s="260">
        <v>0</v>
      </c>
      <c r="BJ14" s="261">
        <v>2</v>
      </c>
      <c r="BK14" s="261">
        <v>2</v>
      </c>
      <c r="BL14" s="261">
        <v>2</v>
      </c>
      <c r="BM14" s="261">
        <v>2</v>
      </c>
      <c r="BN14" s="261">
        <v>0</v>
      </c>
      <c r="BO14" s="262">
        <v>8</v>
      </c>
      <c r="BP14" s="263">
        <v>8</v>
      </c>
      <c r="BQ14" s="257">
        <v>0</v>
      </c>
      <c r="BR14" s="261">
        <v>0</v>
      </c>
      <c r="BS14" s="258">
        <v>0</v>
      </c>
      <c r="BT14" s="260">
        <v>0</v>
      </c>
      <c r="BU14" s="261">
        <v>0</v>
      </c>
      <c r="BV14" s="261">
        <v>0</v>
      </c>
      <c r="BW14" s="261">
        <v>0</v>
      </c>
      <c r="BX14" s="261">
        <v>0</v>
      </c>
      <c r="BY14" s="261">
        <v>0</v>
      </c>
      <c r="BZ14" s="258">
        <v>0</v>
      </c>
      <c r="CA14" s="263">
        <v>0</v>
      </c>
      <c r="CB14" s="257">
        <v>0</v>
      </c>
      <c r="CC14" s="261">
        <v>0</v>
      </c>
      <c r="CD14" s="258">
        <v>0</v>
      </c>
      <c r="CE14" s="260">
        <v>0</v>
      </c>
      <c r="CF14" s="261">
        <v>0</v>
      </c>
      <c r="CG14" s="261">
        <v>0</v>
      </c>
      <c r="CH14" s="261">
        <v>0</v>
      </c>
      <c r="CI14" s="261">
        <v>0</v>
      </c>
      <c r="CJ14" s="261">
        <v>0</v>
      </c>
      <c r="CK14" s="258">
        <v>0</v>
      </c>
      <c r="CL14" s="263">
        <v>0</v>
      </c>
      <c r="CM14" s="257">
        <v>0</v>
      </c>
      <c r="CN14" s="261">
        <v>0</v>
      </c>
      <c r="CO14" s="258">
        <v>0</v>
      </c>
      <c r="CP14" s="260">
        <v>0</v>
      </c>
      <c r="CQ14" s="261">
        <v>1</v>
      </c>
      <c r="CR14" s="261">
        <v>1</v>
      </c>
      <c r="CS14" s="261">
        <v>0</v>
      </c>
      <c r="CT14" s="261">
        <v>1</v>
      </c>
      <c r="CU14" s="261">
        <v>0</v>
      </c>
      <c r="CV14" s="258">
        <v>3</v>
      </c>
      <c r="CW14" s="263">
        <v>3</v>
      </c>
    </row>
    <row r="15" spans="1:101" ht="21" customHeight="1" x14ac:dyDescent="0.2">
      <c r="B15" s="472" t="s">
        <v>12</v>
      </c>
      <c r="C15" s="257">
        <v>0</v>
      </c>
      <c r="D15" s="258">
        <v>0</v>
      </c>
      <c r="E15" s="259">
        <v>0</v>
      </c>
      <c r="F15" s="260">
        <v>0</v>
      </c>
      <c r="G15" s="261">
        <v>1</v>
      </c>
      <c r="H15" s="261">
        <v>1</v>
      </c>
      <c r="I15" s="261">
        <v>0</v>
      </c>
      <c r="J15" s="261">
        <v>0</v>
      </c>
      <c r="K15" s="261">
        <v>0</v>
      </c>
      <c r="L15" s="262">
        <v>2</v>
      </c>
      <c r="M15" s="263">
        <v>2</v>
      </c>
      <c r="N15" s="257">
        <v>0</v>
      </c>
      <c r="O15" s="261">
        <v>0</v>
      </c>
      <c r="P15" s="258">
        <v>0</v>
      </c>
      <c r="Q15" s="260">
        <v>0</v>
      </c>
      <c r="R15" s="261">
        <v>0</v>
      </c>
      <c r="S15" s="261">
        <v>0</v>
      </c>
      <c r="T15" s="261">
        <v>0</v>
      </c>
      <c r="U15" s="261">
        <v>0</v>
      </c>
      <c r="V15" s="261">
        <v>0</v>
      </c>
      <c r="W15" s="258">
        <v>0</v>
      </c>
      <c r="X15" s="263">
        <v>0</v>
      </c>
      <c r="Y15" s="257">
        <v>0</v>
      </c>
      <c r="Z15" s="261">
        <v>0</v>
      </c>
      <c r="AA15" s="258">
        <v>0</v>
      </c>
      <c r="AB15" s="260">
        <v>0</v>
      </c>
      <c r="AC15" s="261">
        <v>22</v>
      </c>
      <c r="AD15" s="261">
        <v>20</v>
      </c>
      <c r="AE15" s="261">
        <v>9</v>
      </c>
      <c r="AF15" s="261">
        <v>5</v>
      </c>
      <c r="AG15" s="261">
        <v>1</v>
      </c>
      <c r="AH15" s="258">
        <v>57</v>
      </c>
      <c r="AI15" s="263">
        <v>57</v>
      </c>
      <c r="AJ15" s="257">
        <v>0</v>
      </c>
      <c r="AK15" s="261">
        <v>0</v>
      </c>
      <c r="AL15" s="258">
        <v>0</v>
      </c>
      <c r="AM15" s="260">
        <v>0</v>
      </c>
      <c r="AN15" s="261">
        <v>0</v>
      </c>
      <c r="AO15" s="261">
        <v>0</v>
      </c>
      <c r="AP15" s="261">
        <v>0</v>
      </c>
      <c r="AQ15" s="261">
        <v>0</v>
      </c>
      <c r="AR15" s="261">
        <v>0</v>
      </c>
      <c r="AS15" s="258">
        <v>0</v>
      </c>
      <c r="AT15" s="263">
        <v>0</v>
      </c>
      <c r="AU15" s="257">
        <v>0</v>
      </c>
      <c r="AV15" s="261">
        <v>0</v>
      </c>
      <c r="AW15" s="258">
        <v>0</v>
      </c>
      <c r="AX15" s="260">
        <v>0</v>
      </c>
      <c r="AY15" s="261">
        <v>1</v>
      </c>
      <c r="AZ15" s="261">
        <v>3</v>
      </c>
      <c r="BA15" s="261">
        <v>3</v>
      </c>
      <c r="BB15" s="261">
        <v>3</v>
      </c>
      <c r="BC15" s="261">
        <v>3</v>
      </c>
      <c r="BD15" s="258">
        <v>13</v>
      </c>
      <c r="BE15" s="263">
        <v>13</v>
      </c>
      <c r="BF15" s="257">
        <v>0</v>
      </c>
      <c r="BG15" s="261">
        <v>0</v>
      </c>
      <c r="BH15" s="258">
        <v>0</v>
      </c>
      <c r="BI15" s="260">
        <v>0</v>
      </c>
      <c r="BJ15" s="261">
        <v>3</v>
      </c>
      <c r="BK15" s="261">
        <v>2</v>
      </c>
      <c r="BL15" s="261">
        <v>1</v>
      </c>
      <c r="BM15" s="261">
        <v>3</v>
      </c>
      <c r="BN15" s="261">
        <v>2</v>
      </c>
      <c r="BO15" s="262">
        <v>11</v>
      </c>
      <c r="BP15" s="263">
        <v>11</v>
      </c>
      <c r="BQ15" s="257">
        <v>0</v>
      </c>
      <c r="BR15" s="261">
        <v>0</v>
      </c>
      <c r="BS15" s="258">
        <v>0</v>
      </c>
      <c r="BT15" s="260">
        <v>0</v>
      </c>
      <c r="BU15" s="261">
        <v>0</v>
      </c>
      <c r="BV15" s="261">
        <v>3</v>
      </c>
      <c r="BW15" s="261">
        <v>1</v>
      </c>
      <c r="BX15" s="261">
        <v>2</v>
      </c>
      <c r="BY15" s="261">
        <v>0</v>
      </c>
      <c r="BZ15" s="258">
        <v>6</v>
      </c>
      <c r="CA15" s="263">
        <v>6</v>
      </c>
      <c r="CB15" s="257">
        <v>0</v>
      </c>
      <c r="CC15" s="261">
        <v>0</v>
      </c>
      <c r="CD15" s="258">
        <v>0</v>
      </c>
      <c r="CE15" s="260">
        <v>0</v>
      </c>
      <c r="CF15" s="261">
        <v>0</v>
      </c>
      <c r="CG15" s="261">
        <v>0</v>
      </c>
      <c r="CH15" s="261">
        <v>1</v>
      </c>
      <c r="CI15" s="261">
        <v>0</v>
      </c>
      <c r="CJ15" s="261">
        <v>2</v>
      </c>
      <c r="CK15" s="258">
        <v>3</v>
      </c>
      <c r="CL15" s="263">
        <v>3</v>
      </c>
      <c r="CM15" s="257">
        <v>0</v>
      </c>
      <c r="CN15" s="261">
        <v>0</v>
      </c>
      <c r="CO15" s="258">
        <v>0</v>
      </c>
      <c r="CP15" s="260">
        <v>0</v>
      </c>
      <c r="CQ15" s="261">
        <v>0</v>
      </c>
      <c r="CR15" s="261">
        <v>2</v>
      </c>
      <c r="CS15" s="261">
        <v>0</v>
      </c>
      <c r="CT15" s="261">
        <v>2</v>
      </c>
      <c r="CU15" s="261">
        <v>0</v>
      </c>
      <c r="CV15" s="258">
        <v>4</v>
      </c>
      <c r="CW15" s="263">
        <v>4</v>
      </c>
    </row>
    <row r="16" spans="1:101" ht="21" customHeight="1" x14ac:dyDescent="0.2">
      <c r="B16" s="472" t="s">
        <v>13</v>
      </c>
      <c r="C16" s="257">
        <v>0</v>
      </c>
      <c r="D16" s="258">
        <v>0</v>
      </c>
      <c r="E16" s="259">
        <v>0</v>
      </c>
      <c r="F16" s="260">
        <v>0</v>
      </c>
      <c r="G16" s="261">
        <v>0</v>
      </c>
      <c r="H16" s="261">
        <v>0</v>
      </c>
      <c r="I16" s="261">
        <v>0</v>
      </c>
      <c r="J16" s="261">
        <v>0</v>
      </c>
      <c r="K16" s="261">
        <v>0</v>
      </c>
      <c r="L16" s="262">
        <v>0</v>
      </c>
      <c r="M16" s="263">
        <v>0</v>
      </c>
      <c r="N16" s="257">
        <v>0</v>
      </c>
      <c r="O16" s="261">
        <v>0</v>
      </c>
      <c r="P16" s="258">
        <v>0</v>
      </c>
      <c r="Q16" s="260">
        <v>0</v>
      </c>
      <c r="R16" s="261">
        <v>0</v>
      </c>
      <c r="S16" s="261">
        <v>0</v>
      </c>
      <c r="T16" s="261">
        <v>0</v>
      </c>
      <c r="U16" s="261">
        <v>0</v>
      </c>
      <c r="V16" s="261">
        <v>0</v>
      </c>
      <c r="W16" s="258">
        <v>0</v>
      </c>
      <c r="X16" s="263">
        <v>0</v>
      </c>
      <c r="Y16" s="257">
        <v>0</v>
      </c>
      <c r="Z16" s="261">
        <v>0</v>
      </c>
      <c r="AA16" s="258">
        <v>0</v>
      </c>
      <c r="AB16" s="260">
        <v>0</v>
      </c>
      <c r="AC16" s="261">
        <v>18</v>
      </c>
      <c r="AD16" s="261">
        <v>14</v>
      </c>
      <c r="AE16" s="261">
        <v>6</v>
      </c>
      <c r="AF16" s="261">
        <v>2</v>
      </c>
      <c r="AG16" s="261">
        <v>0</v>
      </c>
      <c r="AH16" s="258">
        <v>40</v>
      </c>
      <c r="AI16" s="263">
        <v>40</v>
      </c>
      <c r="AJ16" s="257">
        <v>0</v>
      </c>
      <c r="AK16" s="261">
        <v>0</v>
      </c>
      <c r="AL16" s="258">
        <v>0</v>
      </c>
      <c r="AM16" s="260">
        <v>0</v>
      </c>
      <c r="AN16" s="261">
        <v>0</v>
      </c>
      <c r="AO16" s="261">
        <v>3</v>
      </c>
      <c r="AP16" s="261">
        <v>1</v>
      </c>
      <c r="AQ16" s="261">
        <v>1</v>
      </c>
      <c r="AR16" s="261">
        <v>1</v>
      </c>
      <c r="AS16" s="258">
        <v>6</v>
      </c>
      <c r="AT16" s="263">
        <v>6</v>
      </c>
      <c r="AU16" s="257">
        <v>0</v>
      </c>
      <c r="AV16" s="261">
        <v>1</v>
      </c>
      <c r="AW16" s="258">
        <v>1</v>
      </c>
      <c r="AX16" s="260">
        <v>0</v>
      </c>
      <c r="AY16" s="261">
        <v>1</v>
      </c>
      <c r="AZ16" s="261">
        <v>1</v>
      </c>
      <c r="BA16" s="261">
        <v>2</v>
      </c>
      <c r="BB16" s="261">
        <v>0</v>
      </c>
      <c r="BC16" s="261">
        <v>0</v>
      </c>
      <c r="BD16" s="258">
        <v>4</v>
      </c>
      <c r="BE16" s="263">
        <v>5</v>
      </c>
      <c r="BF16" s="257">
        <v>0</v>
      </c>
      <c r="BG16" s="261">
        <v>0</v>
      </c>
      <c r="BH16" s="258">
        <v>0</v>
      </c>
      <c r="BI16" s="260">
        <v>0</v>
      </c>
      <c r="BJ16" s="261">
        <v>0</v>
      </c>
      <c r="BK16" s="261">
        <v>2</v>
      </c>
      <c r="BL16" s="261">
        <v>0</v>
      </c>
      <c r="BM16" s="261">
        <v>0</v>
      </c>
      <c r="BN16" s="261">
        <v>0</v>
      </c>
      <c r="BO16" s="262">
        <v>2</v>
      </c>
      <c r="BP16" s="263">
        <v>2</v>
      </c>
      <c r="BQ16" s="257">
        <v>0</v>
      </c>
      <c r="BR16" s="261">
        <v>0</v>
      </c>
      <c r="BS16" s="258">
        <v>0</v>
      </c>
      <c r="BT16" s="260">
        <v>0</v>
      </c>
      <c r="BU16" s="261">
        <v>0</v>
      </c>
      <c r="BV16" s="261">
        <v>0</v>
      </c>
      <c r="BW16" s="261">
        <v>0</v>
      </c>
      <c r="BX16" s="261">
        <v>0</v>
      </c>
      <c r="BY16" s="261">
        <v>0</v>
      </c>
      <c r="BZ16" s="258">
        <v>0</v>
      </c>
      <c r="CA16" s="263">
        <v>0</v>
      </c>
      <c r="CB16" s="257">
        <v>0</v>
      </c>
      <c r="CC16" s="261">
        <v>0</v>
      </c>
      <c r="CD16" s="258">
        <v>0</v>
      </c>
      <c r="CE16" s="260">
        <v>0</v>
      </c>
      <c r="CF16" s="261">
        <v>0</v>
      </c>
      <c r="CG16" s="261">
        <v>0</v>
      </c>
      <c r="CH16" s="261">
        <v>0</v>
      </c>
      <c r="CI16" s="261">
        <v>0</v>
      </c>
      <c r="CJ16" s="261">
        <v>0</v>
      </c>
      <c r="CK16" s="258">
        <v>0</v>
      </c>
      <c r="CL16" s="263">
        <v>0</v>
      </c>
      <c r="CM16" s="257">
        <v>0</v>
      </c>
      <c r="CN16" s="261">
        <v>0</v>
      </c>
      <c r="CO16" s="258">
        <v>0</v>
      </c>
      <c r="CP16" s="260">
        <v>0</v>
      </c>
      <c r="CQ16" s="261">
        <v>0</v>
      </c>
      <c r="CR16" s="261">
        <v>0</v>
      </c>
      <c r="CS16" s="261">
        <v>0</v>
      </c>
      <c r="CT16" s="261">
        <v>0</v>
      </c>
      <c r="CU16" s="261">
        <v>0</v>
      </c>
      <c r="CV16" s="258">
        <v>0</v>
      </c>
      <c r="CW16" s="263">
        <v>0</v>
      </c>
    </row>
    <row r="17" spans="2:101" ht="21" customHeight="1" x14ac:dyDescent="0.2">
      <c r="B17" s="472" t="s">
        <v>15</v>
      </c>
      <c r="C17" s="257">
        <v>0</v>
      </c>
      <c r="D17" s="258">
        <v>0</v>
      </c>
      <c r="E17" s="259">
        <v>0</v>
      </c>
      <c r="F17" s="260">
        <v>0</v>
      </c>
      <c r="G17" s="261">
        <v>2</v>
      </c>
      <c r="H17" s="261">
        <v>0</v>
      </c>
      <c r="I17" s="261">
        <v>0</v>
      </c>
      <c r="J17" s="261">
        <v>0</v>
      </c>
      <c r="K17" s="261">
        <v>0</v>
      </c>
      <c r="L17" s="262">
        <v>2</v>
      </c>
      <c r="M17" s="263">
        <v>2</v>
      </c>
      <c r="N17" s="257">
        <v>0</v>
      </c>
      <c r="O17" s="261">
        <v>0</v>
      </c>
      <c r="P17" s="258">
        <v>0</v>
      </c>
      <c r="Q17" s="260">
        <v>0</v>
      </c>
      <c r="R17" s="261">
        <v>0</v>
      </c>
      <c r="S17" s="261">
        <v>0</v>
      </c>
      <c r="T17" s="261">
        <v>0</v>
      </c>
      <c r="U17" s="261">
        <v>0</v>
      </c>
      <c r="V17" s="261">
        <v>0</v>
      </c>
      <c r="W17" s="258">
        <v>0</v>
      </c>
      <c r="X17" s="263">
        <v>0</v>
      </c>
      <c r="Y17" s="257">
        <v>0</v>
      </c>
      <c r="Z17" s="261">
        <v>0</v>
      </c>
      <c r="AA17" s="258">
        <v>0</v>
      </c>
      <c r="AB17" s="260">
        <v>0</v>
      </c>
      <c r="AC17" s="261">
        <v>5</v>
      </c>
      <c r="AD17" s="261">
        <v>5</v>
      </c>
      <c r="AE17" s="261">
        <v>3</v>
      </c>
      <c r="AF17" s="261">
        <v>2</v>
      </c>
      <c r="AG17" s="261">
        <v>0</v>
      </c>
      <c r="AH17" s="258">
        <v>15</v>
      </c>
      <c r="AI17" s="263">
        <v>15</v>
      </c>
      <c r="AJ17" s="257">
        <v>0</v>
      </c>
      <c r="AK17" s="261">
        <v>0</v>
      </c>
      <c r="AL17" s="258">
        <v>0</v>
      </c>
      <c r="AM17" s="260">
        <v>0</v>
      </c>
      <c r="AN17" s="261">
        <v>1</v>
      </c>
      <c r="AO17" s="261">
        <v>0</v>
      </c>
      <c r="AP17" s="261">
        <v>0</v>
      </c>
      <c r="AQ17" s="261">
        <v>1</v>
      </c>
      <c r="AR17" s="261">
        <v>0</v>
      </c>
      <c r="AS17" s="258">
        <v>2</v>
      </c>
      <c r="AT17" s="263">
        <v>2</v>
      </c>
      <c r="AU17" s="257">
        <v>0</v>
      </c>
      <c r="AV17" s="261">
        <v>0</v>
      </c>
      <c r="AW17" s="258">
        <v>0</v>
      </c>
      <c r="AX17" s="260">
        <v>0</v>
      </c>
      <c r="AY17" s="261">
        <v>1</v>
      </c>
      <c r="AZ17" s="261">
        <v>0</v>
      </c>
      <c r="BA17" s="261">
        <v>0</v>
      </c>
      <c r="BB17" s="261">
        <v>1</v>
      </c>
      <c r="BC17" s="261">
        <v>1</v>
      </c>
      <c r="BD17" s="258">
        <v>3</v>
      </c>
      <c r="BE17" s="263">
        <v>3</v>
      </c>
      <c r="BF17" s="257">
        <v>0</v>
      </c>
      <c r="BG17" s="261">
        <v>0</v>
      </c>
      <c r="BH17" s="258">
        <v>0</v>
      </c>
      <c r="BI17" s="260">
        <v>0</v>
      </c>
      <c r="BJ17" s="261">
        <v>1</v>
      </c>
      <c r="BK17" s="261">
        <v>3</v>
      </c>
      <c r="BL17" s="261">
        <v>0</v>
      </c>
      <c r="BM17" s="261">
        <v>0</v>
      </c>
      <c r="BN17" s="261">
        <v>0</v>
      </c>
      <c r="BO17" s="262">
        <v>4</v>
      </c>
      <c r="BP17" s="263">
        <v>4</v>
      </c>
      <c r="BQ17" s="257">
        <v>0</v>
      </c>
      <c r="BR17" s="261">
        <v>0</v>
      </c>
      <c r="BS17" s="258">
        <v>0</v>
      </c>
      <c r="BT17" s="260">
        <v>0</v>
      </c>
      <c r="BU17" s="261">
        <v>0</v>
      </c>
      <c r="BV17" s="261">
        <v>0</v>
      </c>
      <c r="BW17" s="261">
        <v>0</v>
      </c>
      <c r="BX17" s="261">
        <v>0</v>
      </c>
      <c r="BY17" s="261">
        <v>0</v>
      </c>
      <c r="BZ17" s="258">
        <v>0</v>
      </c>
      <c r="CA17" s="263">
        <v>0</v>
      </c>
      <c r="CB17" s="257">
        <v>0</v>
      </c>
      <c r="CC17" s="261">
        <v>0</v>
      </c>
      <c r="CD17" s="258">
        <v>0</v>
      </c>
      <c r="CE17" s="260">
        <v>0</v>
      </c>
      <c r="CF17" s="261">
        <v>0</v>
      </c>
      <c r="CG17" s="261">
        <v>0</v>
      </c>
      <c r="CH17" s="261">
        <v>0</v>
      </c>
      <c r="CI17" s="261">
        <v>0</v>
      </c>
      <c r="CJ17" s="261">
        <v>0</v>
      </c>
      <c r="CK17" s="258">
        <v>0</v>
      </c>
      <c r="CL17" s="263">
        <v>0</v>
      </c>
      <c r="CM17" s="257">
        <v>0</v>
      </c>
      <c r="CN17" s="261">
        <v>0</v>
      </c>
      <c r="CO17" s="258">
        <v>0</v>
      </c>
      <c r="CP17" s="260">
        <v>0</v>
      </c>
      <c r="CQ17" s="261">
        <v>1</v>
      </c>
      <c r="CR17" s="261">
        <v>1</v>
      </c>
      <c r="CS17" s="261">
        <v>0</v>
      </c>
      <c r="CT17" s="261">
        <v>0</v>
      </c>
      <c r="CU17" s="261">
        <v>0</v>
      </c>
      <c r="CV17" s="258">
        <v>2</v>
      </c>
      <c r="CW17" s="263">
        <v>2</v>
      </c>
    </row>
    <row r="18" spans="2:101" ht="21" customHeight="1" x14ac:dyDescent="0.2">
      <c r="B18" s="472" t="s">
        <v>16</v>
      </c>
      <c r="C18" s="257">
        <v>0</v>
      </c>
      <c r="D18" s="258">
        <v>0</v>
      </c>
      <c r="E18" s="259">
        <v>0</v>
      </c>
      <c r="F18" s="260">
        <v>0</v>
      </c>
      <c r="G18" s="261">
        <v>0</v>
      </c>
      <c r="H18" s="261">
        <v>0</v>
      </c>
      <c r="I18" s="261">
        <v>1</v>
      </c>
      <c r="J18" s="261">
        <v>0</v>
      </c>
      <c r="K18" s="261">
        <v>1</v>
      </c>
      <c r="L18" s="262">
        <v>2</v>
      </c>
      <c r="M18" s="263">
        <v>2</v>
      </c>
      <c r="N18" s="257">
        <v>0</v>
      </c>
      <c r="O18" s="261">
        <v>0</v>
      </c>
      <c r="P18" s="258">
        <v>0</v>
      </c>
      <c r="Q18" s="260">
        <v>0</v>
      </c>
      <c r="R18" s="261">
        <v>0</v>
      </c>
      <c r="S18" s="261">
        <v>0</v>
      </c>
      <c r="T18" s="261">
        <v>1</v>
      </c>
      <c r="U18" s="261">
        <v>0</v>
      </c>
      <c r="V18" s="261">
        <v>0</v>
      </c>
      <c r="W18" s="258">
        <v>1</v>
      </c>
      <c r="X18" s="263">
        <v>1</v>
      </c>
      <c r="Y18" s="257">
        <v>0</v>
      </c>
      <c r="Z18" s="261">
        <v>0</v>
      </c>
      <c r="AA18" s="258">
        <v>0</v>
      </c>
      <c r="AB18" s="260">
        <v>0</v>
      </c>
      <c r="AC18" s="261">
        <v>12</v>
      </c>
      <c r="AD18" s="261">
        <v>10</v>
      </c>
      <c r="AE18" s="261">
        <v>8</v>
      </c>
      <c r="AF18" s="261">
        <v>1</v>
      </c>
      <c r="AG18" s="261">
        <v>1</v>
      </c>
      <c r="AH18" s="258">
        <v>32</v>
      </c>
      <c r="AI18" s="263">
        <v>32</v>
      </c>
      <c r="AJ18" s="257">
        <v>0</v>
      </c>
      <c r="AK18" s="261">
        <v>0</v>
      </c>
      <c r="AL18" s="258">
        <v>0</v>
      </c>
      <c r="AM18" s="260">
        <v>0</v>
      </c>
      <c r="AN18" s="261">
        <v>1</v>
      </c>
      <c r="AO18" s="261">
        <v>1</v>
      </c>
      <c r="AP18" s="261">
        <v>1</v>
      </c>
      <c r="AQ18" s="261">
        <v>0</v>
      </c>
      <c r="AR18" s="261">
        <v>0</v>
      </c>
      <c r="AS18" s="258">
        <v>3</v>
      </c>
      <c r="AT18" s="263">
        <v>3</v>
      </c>
      <c r="AU18" s="257">
        <v>0</v>
      </c>
      <c r="AV18" s="261">
        <v>0</v>
      </c>
      <c r="AW18" s="258">
        <v>0</v>
      </c>
      <c r="AX18" s="260">
        <v>0</v>
      </c>
      <c r="AY18" s="261">
        <v>0</v>
      </c>
      <c r="AZ18" s="261">
        <v>0</v>
      </c>
      <c r="BA18" s="261">
        <v>2</v>
      </c>
      <c r="BB18" s="261">
        <v>2</v>
      </c>
      <c r="BC18" s="261">
        <v>0</v>
      </c>
      <c r="BD18" s="258">
        <v>4</v>
      </c>
      <c r="BE18" s="263">
        <v>4</v>
      </c>
      <c r="BF18" s="257">
        <v>0</v>
      </c>
      <c r="BG18" s="261">
        <v>0</v>
      </c>
      <c r="BH18" s="258">
        <v>0</v>
      </c>
      <c r="BI18" s="260">
        <v>0</v>
      </c>
      <c r="BJ18" s="261">
        <v>0</v>
      </c>
      <c r="BK18" s="261">
        <v>2</v>
      </c>
      <c r="BL18" s="261">
        <v>1</v>
      </c>
      <c r="BM18" s="261">
        <v>1</v>
      </c>
      <c r="BN18" s="261">
        <v>3</v>
      </c>
      <c r="BO18" s="262">
        <v>7</v>
      </c>
      <c r="BP18" s="263">
        <v>7</v>
      </c>
      <c r="BQ18" s="257">
        <v>0</v>
      </c>
      <c r="BR18" s="261">
        <v>0</v>
      </c>
      <c r="BS18" s="258">
        <v>0</v>
      </c>
      <c r="BT18" s="260">
        <v>0</v>
      </c>
      <c r="BU18" s="261">
        <v>0</v>
      </c>
      <c r="BV18" s="261">
        <v>0</v>
      </c>
      <c r="BW18" s="261">
        <v>0</v>
      </c>
      <c r="BX18" s="261">
        <v>0</v>
      </c>
      <c r="BY18" s="261">
        <v>0</v>
      </c>
      <c r="BZ18" s="258">
        <v>0</v>
      </c>
      <c r="CA18" s="263">
        <v>0</v>
      </c>
      <c r="CB18" s="257">
        <v>0</v>
      </c>
      <c r="CC18" s="261">
        <v>0</v>
      </c>
      <c r="CD18" s="258">
        <v>0</v>
      </c>
      <c r="CE18" s="260">
        <v>0</v>
      </c>
      <c r="CF18" s="261">
        <v>0</v>
      </c>
      <c r="CG18" s="261">
        <v>0</v>
      </c>
      <c r="CH18" s="261">
        <v>0</v>
      </c>
      <c r="CI18" s="261">
        <v>0</v>
      </c>
      <c r="CJ18" s="261">
        <v>0</v>
      </c>
      <c r="CK18" s="258">
        <v>0</v>
      </c>
      <c r="CL18" s="263">
        <v>0</v>
      </c>
      <c r="CM18" s="257">
        <v>0</v>
      </c>
      <c r="CN18" s="261">
        <v>0</v>
      </c>
      <c r="CO18" s="258">
        <v>0</v>
      </c>
      <c r="CP18" s="260">
        <v>0</v>
      </c>
      <c r="CQ18" s="261">
        <v>0</v>
      </c>
      <c r="CR18" s="261">
        <v>1</v>
      </c>
      <c r="CS18" s="261">
        <v>0</v>
      </c>
      <c r="CT18" s="261">
        <v>0</v>
      </c>
      <c r="CU18" s="261">
        <v>0</v>
      </c>
      <c r="CV18" s="258">
        <v>1</v>
      </c>
      <c r="CW18" s="263">
        <v>1</v>
      </c>
    </row>
    <row r="19" spans="2:101" ht="21" customHeight="1" x14ac:dyDescent="0.2">
      <c r="B19" s="472" t="s">
        <v>17</v>
      </c>
      <c r="C19" s="257">
        <v>0</v>
      </c>
      <c r="D19" s="258">
        <v>0</v>
      </c>
      <c r="E19" s="259">
        <v>0</v>
      </c>
      <c r="F19" s="260">
        <v>0</v>
      </c>
      <c r="G19" s="261">
        <v>0</v>
      </c>
      <c r="H19" s="261">
        <v>0</v>
      </c>
      <c r="I19" s="261">
        <v>0</v>
      </c>
      <c r="J19" s="261">
        <v>0</v>
      </c>
      <c r="K19" s="261">
        <v>1</v>
      </c>
      <c r="L19" s="262">
        <v>1</v>
      </c>
      <c r="M19" s="263">
        <v>1</v>
      </c>
      <c r="N19" s="257">
        <v>0</v>
      </c>
      <c r="O19" s="261">
        <v>0</v>
      </c>
      <c r="P19" s="258">
        <v>0</v>
      </c>
      <c r="Q19" s="260">
        <v>0</v>
      </c>
      <c r="R19" s="261">
        <v>0</v>
      </c>
      <c r="S19" s="261">
        <v>0</v>
      </c>
      <c r="T19" s="261">
        <v>0</v>
      </c>
      <c r="U19" s="261">
        <v>0</v>
      </c>
      <c r="V19" s="261">
        <v>0</v>
      </c>
      <c r="W19" s="258">
        <v>0</v>
      </c>
      <c r="X19" s="263">
        <v>0</v>
      </c>
      <c r="Y19" s="257">
        <v>0</v>
      </c>
      <c r="Z19" s="261">
        <v>0</v>
      </c>
      <c r="AA19" s="258">
        <v>0</v>
      </c>
      <c r="AB19" s="260">
        <v>0</v>
      </c>
      <c r="AC19" s="261">
        <v>24</v>
      </c>
      <c r="AD19" s="261">
        <v>23</v>
      </c>
      <c r="AE19" s="261">
        <v>9</v>
      </c>
      <c r="AF19" s="261">
        <v>1</v>
      </c>
      <c r="AG19" s="261">
        <v>2</v>
      </c>
      <c r="AH19" s="258">
        <v>59</v>
      </c>
      <c r="AI19" s="263">
        <v>59</v>
      </c>
      <c r="AJ19" s="257">
        <v>0</v>
      </c>
      <c r="AK19" s="261">
        <v>0</v>
      </c>
      <c r="AL19" s="258">
        <v>0</v>
      </c>
      <c r="AM19" s="260">
        <v>0</v>
      </c>
      <c r="AN19" s="261">
        <v>1</v>
      </c>
      <c r="AO19" s="261">
        <v>1</v>
      </c>
      <c r="AP19" s="261">
        <v>0</v>
      </c>
      <c r="AQ19" s="261">
        <v>0</v>
      </c>
      <c r="AR19" s="261">
        <v>0</v>
      </c>
      <c r="AS19" s="258">
        <v>2</v>
      </c>
      <c r="AT19" s="263">
        <v>2</v>
      </c>
      <c r="AU19" s="257">
        <v>0</v>
      </c>
      <c r="AV19" s="261">
        <v>0</v>
      </c>
      <c r="AW19" s="258">
        <v>0</v>
      </c>
      <c r="AX19" s="260">
        <v>0</v>
      </c>
      <c r="AY19" s="261">
        <v>1</v>
      </c>
      <c r="AZ19" s="261">
        <v>1</v>
      </c>
      <c r="BA19" s="261">
        <v>2</v>
      </c>
      <c r="BB19" s="261">
        <v>2</v>
      </c>
      <c r="BC19" s="261">
        <v>0</v>
      </c>
      <c r="BD19" s="258">
        <v>6</v>
      </c>
      <c r="BE19" s="263">
        <v>6</v>
      </c>
      <c r="BF19" s="257">
        <v>0</v>
      </c>
      <c r="BG19" s="261">
        <v>0</v>
      </c>
      <c r="BH19" s="258">
        <v>0</v>
      </c>
      <c r="BI19" s="260">
        <v>0</v>
      </c>
      <c r="BJ19" s="261">
        <v>3</v>
      </c>
      <c r="BK19" s="261">
        <v>3</v>
      </c>
      <c r="BL19" s="261">
        <v>6</v>
      </c>
      <c r="BM19" s="261">
        <v>1</v>
      </c>
      <c r="BN19" s="261">
        <v>0</v>
      </c>
      <c r="BO19" s="262">
        <v>13</v>
      </c>
      <c r="BP19" s="263">
        <v>13</v>
      </c>
      <c r="BQ19" s="257">
        <v>0</v>
      </c>
      <c r="BR19" s="261">
        <v>0</v>
      </c>
      <c r="BS19" s="258">
        <v>0</v>
      </c>
      <c r="BT19" s="260">
        <v>0</v>
      </c>
      <c r="BU19" s="261">
        <v>0</v>
      </c>
      <c r="BV19" s="261">
        <v>0</v>
      </c>
      <c r="BW19" s="261">
        <v>0</v>
      </c>
      <c r="BX19" s="261">
        <v>0</v>
      </c>
      <c r="BY19" s="261">
        <v>0</v>
      </c>
      <c r="BZ19" s="258">
        <v>0</v>
      </c>
      <c r="CA19" s="263">
        <v>0</v>
      </c>
      <c r="CB19" s="257">
        <v>0</v>
      </c>
      <c r="CC19" s="261">
        <v>0</v>
      </c>
      <c r="CD19" s="258">
        <v>0</v>
      </c>
      <c r="CE19" s="260">
        <v>0</v>
      </c>
      <c r="CF19" s="261">
        <v>0</v>
      </c>
      <c r="CG19" s="261">
        <v>0</v>
      </c>
      <c r="CH19" s="261">
        <v>3</v>
      </c>
      <c r="CI19" s="261">
        <v>2</v>
      </c>
      <c r="CJ19" s="261">
        <v>0</v>
      </c>
      <c r="CK19" s="258">
        <v>5</v>
      </c>
      <c r="CL19" s="263">
        <v>5</v>
      </c>
      <c r="CM19" s="257">
        <v>0</v>
      </c>
      <c r="CN19" s="261">
        <v>0</v>
      </c>
      <c r="CO19" s="258">
        <v>0</v>
      </c>
      <c r="CP19" s="260">
        <v>0</v>
      </c>
      <c r="CQ19" s="261">
        <v>0</v>
      </c>
      <c r="CR19" s="261">
        <v>0</v>
      </c>
      <c r="CS19" s="261">
        <v>1</v>
      </c>
      <c r="CT19" s="261">
        <v>0</v>
      </c>
      <c r="CU19" s="261">
        <v>1</v>
      </c>
      <c r="CV19" s="258">
        <v>2</v>
      </c>
      <c r="CW19" s="263">
        <v>2</v>
      </c>
    </row>
    <row r="20" spans="2:101" ht="21" customHeight="1" x14ac:dyDescent="0.2">
      <c r="B20" s="472" t="s">
        <v>18</v>
      </c>
      <c r="C20" s="257">
        <v>0</v>
      </c>
      <c r="D20" s="258">
        <v>0</v>
      </c>
      <c r="E20" s="259">
        <v>0</v>
      </c>
      <c r="F20" s="260">
        <v>0</v>
      </c>
      <c r="G20" s="261">
        <v>0</v>
      </c>
      <c r="H20" s="261">
        <v>0</v>
      </c>
      <c r="I20" s="261">
        <v>0</v>
      </c>
      <c r="J20" s="261">
        <v>0</v>
      </c>
      <c r="K20" s="261">
        <v>1</v>
      </c>
      <c r="L20" s="262">
        <v>1</v>
      </c>
      <c r="M20" s="263">
        <v>1</v>
      </c>
      <c r="N20" s="257">
        <v>0</v>
      </c>
      <c r="O20" s="261">
        <v>0</v>
      </c>
      <c r="P20" s="258">
        <v>0</v>
      </c>
      <c r="Q20" s="260">
        <v>0</v>
      </c>
      <c r="R20" s="261">
        <v>0</v>
      </c>
      <c r="S20" s="261">
        <v>0</v>
      </c>
      <c r="T20" s="261">
        <v>0</v>
      </c>
      <c r="U20" s="261">
        <v>0</v>
      </c>
      <c r="V20" s="261">
        <v>0</v>
      </c>
      <c r="W20" s="258">
        <v>0</v>
      </c>
      <c r="X20" s="263">
        <v>0</v>
      </c>
      <c r="Y20" s="257">
        <v>0</v>
      </c>
      <c r="Z20" s="261">
        <v>0</v>
      </c>
      <c r="AA20" s="258">
        <v>0</v>
      </c>
      <c r="AB20" s="260">
        <v>0</v>
      </c>
      <c r="AC20" s="261">
        <v>23</v>
      </c>
      <c r="AD20" s="261">
        <v>16</v>
      </c>
      <c r="AE20" s="261">
        <v>7</v>
      </c>
      <c r="AF20" s="261">
        <v>0</v>
      </c>
      <c r="AG20" s="261">
        <v>0</v>
      </c>
      <c r="AH20" s="258">
        <v>46</v>
      </c>
      <c r="AI20" s="263">
        <v>46</v>
      </c>
      <c r="AJ20" s="257">
        <v>0</v>
      </c>
      <c r="AK20" s="261">
        <v>0</v>
      </c>
      <c r="AL20" s="258">
        <v>0</v>
      </c>
      <c r="AM20" s="260">
        <v>0</v>
      </c>
      <c r="AN20" s="261">
        <v>0</v>
      </c>
      <c r="AO20" s="261">
        <v>2</v>
      </c>
      <c r="AP20" s="261">
        <v>4</v>
      </c>
      <c r="AQ20" s="261">
        <v>1</v>
      </c>
      <c r="AR20" s="261">
        <v>0</v>
      </c>
      <c r="AS20" s="258">
        <v>7</v>
      </c>
      <c r="AT20" s="263">
        <v>7</v>
      </c>
      <c r="AU20" s="257">
        <v>1</v>
      </c>
      <c r="AV20" s="261">
        <v>0</v>
      </c>
      <c r="AW20" s="258">
        <v>1</v>
      </c>
      <c r="AX20" s="260">
        <v>0</v>
      </c>
      <c r="AY20" s="261">
        <v>5</v>
      </c>
      <c r="AZ20" s="261">
        <v>2</v>
      </c>
      <c r="BA20" s="261">
        <v>6</v>
      </c>
      <c r="BB20" s="261">
        <v>4</v>
      </c>
      <c r="BC20" s="261">
        <v>0</v>
      </c>
      <c r="BD20" s="258">
        <v>17</v>
      </c>
      <c r="BE20" s="263">
        <v>18</v>
      </c>
      <c r="BF20" s="257">
        <v>0</v>
      </c>
      <c r="BG20" s="261">
        <v>0</v>
      </c>
      <c r="BH20" s="258">
        <v>0</v>
      </c>
      <c r="BI20" s="260">
        <v>0</v>
      </c>
      <c r="BJ20" s="261">
        <v>3</v>
      </c>
      <c r="BK20" s="261">
        <v>4</v>
      </c>
      <c r="BL20" s="261">
        <v>5</v>
      </c>
      <c r="BM20" s="261">
        <v>3</v>
      </c>
      <c r="BN20" s="261">
        <v>2</v>
      </c>
      <c r="BO20" s="262">
        <v>17</v>
      </c>
      <c r="BP20" s="263">
        <v>17</v>
      </c>
      <c r="BQ20" s="257">
        <v>0</v>
      </c>
      <c r="BR20" s="261">
        <v>0</v>
      </c>
      <c r="BS20" s="258">
        <v>0</v>
      </c>
      <c r="BT20" s="260">
        <v>0</v>
      </c>
      <c r="BU20" s="261">
        <v>0</v>
      </c>
      <c r="BV20" s="261">
        <v>0</v>
      </c>
      <c r="BW20" s="261">
        <v>0</v>
      </c>
      <c r="BX20" s="261">
        <v>0</v>
      </c>
      <c r="BY20" s="261">
        <v>0</v>
      </c>
      <c r="BZ20" s="258">
        <v>0</v>
      </c>
      <c r="CA20" s="263">
        <v>0</v>
      </c>
      <c r="CB20" s="257">
        <v>0</v>
      </c>
      <c r="CC20" s="261">
        <v>0</v>
      </c>
      <c r="CD20" s="258">
        <v>0</v>
      </c>
      <c r="CE20" s="260">
        <v>0</v>
      </c>
      <c r="CF20" s="261">
        <v>0</v>
      </c>
      <c r="CG20" s="261">
        <v>0</v>
      </c>
      <c r="CH20" s="261">
        <v>1</v>
      </c>
      <c r="CI20" s="261">
        <v>1</v>
      </c>
      <c r="CJ20" s="261">
        <v>0</v>
      </c>
      <c r="CK20" s="258">
        <v>2</v>
      </c>
      <c r="CL20" s="263">
        <v>2</v>
      </c>
      <c r="CM20" s="257">
        <v>0</v>
      </c>
      <c r="CN20" s="261">
        <v>0</v>
      </c>
      <c r="CO20" s="258">
        <v>0</v>
      </c>
      <c r="CP20" s="260">
        <v>0</v>
      </c>
      <c r="CQ20" s="261">
        <v>0</v>
      </c>
      <c r="CR20" s="261">
        <v>0</v>
      </c>
      <c r="CS20" s="261">
        <v>2</v>
      </c>
      <c r="CT20" s="261">
        <v>0</v>
      </c>
      <c r="CU20" s="261">
        <v>0</v>
      </c>
      <c r="CV20" s="258">
        <v>2</v>
      </c>
      <c r="CW20" s="263">
        <v>2</v>
      </c>
    </row>
    <row r="21" spans="2:101" ht="21" customHeight="1" x14ac:dyDescent="0.2">
      <c r="B21" s="472" t="s">
        <v>19</v>
      </c>
      <c r="C21" s="257">
        <v>0</v>
      </c>
      <c r="D21" s="258">
        <v>0</v>
      </c>
      <c r="E21" s="259">
        <v>0</v>
      </c>
      <c r="F21" s="260">
        <v>0</v>
      </c>
      <c r="G21" s="261">
        <v>2</v>
      </c>
      <c r="H21" s="261">
        <v>0</v>
      </c>
      <c r="I21" s="261">
        <v>0</v>
      </c>
      <c r="J21" s="261">
        <v>1</v>
      </c>
      <c r="K21" s="261">
        <v>2</v>
      </c>
      <c r="L21" s="262">
        <v>5</v>
      </c>
      <c r="M21" s="263">
        <v>5</v>
      </c>
      <c r="N21" s="257">
        <v>0</v>
      </c>
      <c r="O21" s="261">
        <v>0</v>
      </c>
      <c r="P21" s="258">
        <v>0</v>
      </c>
      <c r="Q21" s="260">
        <v>0</v>
      </c>
      <c r="R21" s="261">
        <v>0</v>
      </c>
      <c r="S21" s="261">
        <v>0</v>
      </c>
      <c r="T21" s="261">
        <v>0</v>
      </c>
      <c r="U21" s="261">
        <v>0</v>
      </c>
      <c r="V21" s="261">
        <v>0</v>
      </c>
      <c r="W21" s="258">
        <v>0</v>
      </c>
      <c r="X21" s="263">
        <v>0</v>
      </c>
      <c r="Y21" s="257">
        <v>0</v>
      </c>
      <c r="Z21" s="261">
        <v>0</v>
      </c>
      <c r="AA21" s="258">
        <v>0</v>
      </c>
      <c r="AB21" s="260">
        <v>0</v>
      </c>
      <c r="AC21" s="261">
        <v>6</v>
      </c>
      <c r="AD21" s="261">
        <v>4</v>
      </c>
      <c r="AE21" s="261">
        <v>2</v>
      </c>
      <c r="AF21" s="261">
        <v>0</v>
      </c>
      <c r="AG21" s="261">
        <v>0</v>
      </c>
      <c r="AH21" s="258">
        <v>12</v>
      </c>
      <c r="AI21" s="263">
        <v>12</v>
      </c>
      <c r="AJ21" s="257">
        <v>0</v>
      </c>
      <c r="AK21" s="261">
        <v>0</v>
      </c>
      <c r="AL21" s="258">
        <v>0</v>
      </c>
      <c r="AM21" s="260">
        <v>0</v>
      </c>
      <c r="AN21" s="261">
        <v>2</v>
      </c>
      <c r="AO21" s="261">
        <v>2</v>
      </c>
      <c r="AP21" s="261">
        <v>3</v>
      </c>
      <c r="AQ21" s="261">
        <v>0</v>
      </c>
      <c r="AR21" s="261">
        <v>0</v>
      </c>
      <c r="AS21" s="258">
        <v>7</v>
      </c>
      <c r="AT21" s="263">
        <v>7</v>
      </c>
      <c r="AU21" s="257">
        <v>0</v>
      </c>
      <c r="AV21" s="261">
        <v>0</v>
      </c>
      <c r="AW21" s="258">
        <v>0</v>
      </c>
      <c r="AX21" s="260">
        <v>0</v>
      </c>
      <c r="AY21" s="261">
        <v>4</v>
      </c>
      <c r="AZ21" s="261">
        <v>1</v>
      </c>
      <c r="BA21" s="261">
        <v>2</v>
      </c>
      <c r="BB21" s="261">
        <v>0</v>
      </c>
      <c r="BC21" s="261">
        <v>0</v>
      </c>
      <c r="BD21" s="258">
        <v>7</v>
      </c>
      <c r="BE21" s="263">
        <v>7</v>
      </c>
      <c r="BF21" s="257">
        <v>0</v>
      </c>
      <c r="BG21" s="261">
        <v>0</v>
      </c>
      <c r="BH21" s="258">
        <v>0</v>
      </c>
      <c r="BI21" s="260">
        <v>0</v>
      </c>
      <c r="BJ21" s="261">
        <v>1</v>
      </c>
      <c r="BK21" s="261">
        <v>2</v>
      </c>
      <c r="BL21" s="261">
        <v>1</v>
      </c>
      <c r="BM21" s="261">
        <v>0</v>
      </c>
      <c r="BN21" s="261">
        <v>0</v>
      </c>
      <c r="BO21" s="262">
        <v>4</v>
      </c>
      <c r="BP21" s="263">
        <v>4</v>
      </c>
      <c r="BQ21" s="257">
        <v>0</v>
      </c>
      <c r="BR21" s="261">
        <v>0</v>
      </c>
      <c r="BS21" s="258">
        <v>0</v>
      </c>
      <c r="BT21" s="260">
        <v>0</v>
      </c>
      <c r="BU21" s="261">
        <v>0</v>
      </c>
      <c r="BV21" s="261">
        <v>0</v>
      </c>
      <c r="BW21" s="261">
        <v>0</v>
      </c>
      <c r="BX21" s="261">
        <v>0</v>
      </c>
      <c r="BY21" s="261">
        <v>0</v>
      </c>
      <c r="BZ21" s="258">
        <v>0</v>
      </c>
      <c r="CA21" s="263">
        <v>0</v>
      </c>
      <c r="CB21" s="257">
        <v>0</v>
      </c>
      <c r="CC21" s="261">
        <v>0</v>
      </c>
      <c r="CD21" s="258">
        <v>0</v>
      </c>
      <c r="CE21" s="260">
        <v>0</v>
      </c>
      <c r="CF21" s="261">
        <v>0</v>
      </c>
      <c r="CG21" s="261">
        <v>0</v>
      </c>
      <c r="CH21" s="261">
        <v>0</v>
      </c>
      <c r="CI21" s="261">
        <v>0</v>
      </c>
      <c r="CJ21" s="261">
        <v>0</v>
      </c>
      <c r="CK21" s="258">
        <v>0</v>
      </c>
      <c r="CL21" s="263">
        <v>0</v>
      </c>
      <c r="CM21" s="257">
        <v>0</v>
      </c>
      <c r="CN21" s="261">
        <v>0</v>
      </c>
      <c r="CO21" s="258">
        <v>0</v>
      </c>
      <c r="CP21" s="260">
        <v>0</v>
      </c>
      <c r="CQ21" s="261">
        <v>1</v>
      </c>
      <c r="CR21" s="261">
        <v>0</v>
      </c>
      <c r="CS21" s="261">
        <v>0</v>
      </c>
      <c r="CT21" s="261">
        <v>0</v>
      </c>
      <c r="CU21" s="261">
        <v>3</v>
      </c>
      <c r="CV21" s="258">
        <v>4</v>
      </c>
      <c r="CW21" s="263">
        <v>4</v>
      </c>
    </row>
    <row r="22" spans="2:101" ht="21" customHeight="1" x14ac:dyDescent="0.2">
      <c r="B22" s="472" t="s">
        <v>20</v>
      </c>
      <c r="C22" s="257">
        <v>0</v>
      </c>
      <c r="D22" s="258">
        <v>0</v>
      </c>
      <c r="E22" s="259">
        <v>0</v>
      </c>
      <c r="F22" s="260">
        <v>0</v>
      </c>
      <c r="G22" s="261">
        <v>0</v>
      </c>
      <c r="H22" s="261">
        <v>0</v>
      </c>
      <c r="I22" s="261">
        <v>0</v>
      </c>
      <c r="J22" s="261">
        <v>0</v>
      </c>
      <c r="K22" s="261">
        <v>0</v>
      </c>
      <c r="L22" s="262">
        <v>0</v>
      </c>
      <c r="M22" s="263">
        <v>0</v>
      </c>
      <c r="N22" s="257">
        <v>0</v>
      </c>
      <c r="O22" s="261">
        <v>0</v>
      </c>
      <c r="P22" s="258">
        <v>0</v>
      </c>
      <c r="Q22" s="260">
        <v>0</v>
      </c>
      <c r="R22" s="261">
        <v>0</v>
      </c>
      <c r="S22" s="261">
        <v>0</v>
      </c>
      <c r="T22" s="261">
        <v>0</v>
      </c>
      <c r="U22" s="261">
        <v>0</v>
      </c>
      <c r="V22" s="261">
        <v>0</v>
      </c>
      <c r="W22" s="258">
        <v>0</v>
      </c>
      <c r="X22" s="263">
        <v>0</v>
      </c>
      <c r="Y22" s="257">
        <v>0</v>
      </c>
      <c r="Z22" s="261">
        <v>0</v>
      </c>
      <c r="AA22" s="258">
        <v>0</v>
      </c>
      <c r="AB22" s="260">
        <v>0</v>
      </c>
      <c r="AC22" s="261">
        <v>13</v>
      </c>
      <c r="AD22" s="261">
        <v>9</v>
      </c>
      <c r="AE22" s="261">
        <v>3</v>
      </c>
      <c r="AF22" s="261">
        <v>1</v>
      </c>
      <c r="AG22" s="261">
        <v>1</v>
      </c>
      <c r="AH22" s="258">
        <v>27</v>
      </c>
      <c r="AI22" s="263">
        <v>27</v>
      </c>
      <c r="AJ22" s="257">
        <v>0</v>
      </c>
      <c r="AK22" s="261">
        <v>0</v>
      </c>
      <c r="AL22" s="258">
        <v>0</v>
      </c>
      <c r="AM22" s="260">
        <v>0</v>
      </c>
      <c r="AN22" s="261">
        <v>0</v>
      </c>
      <c r="AO22" s="261">
        <v>0</v>
      </c>
      <c r="AP22" s="261">
        <v>0</v>
      </c>
      <c r="AQ22" s="261">
        <v>0</v>
      </c>
      <c r="AR22" s="261">
        <v>0</v>
      </c>
      <c r="AS22" s="258">
        <v>0</v>
      </c>
      <c r="AT22" s="263">
        <v>0</v>
      </c>
      <c r="AU22" s="257">
        <v>0</v>
      </c>
      <c r="AV22" s="261">
        <v>0</v>
      </c>
      <c r="AW22" s="258">
        <v>0</v>
      </c>
      <c r="AX22" s="260">
        <v>0</v>
      </c>
      <c r="AY22" s="261">
        <v>0</v>
      </c>
      <c r="AZ22" s="261">
        <v>0</v>
      </c>
      <c r="BA22" s="261">
        <v>1</v>
      </c>
      <c r="BB22" s="261">
        <v>0</v>
      </c>
      <c r="BC22" s="261">
        <v>0</v>
      </c>
      <c r="BD22" s="258">
        <v>1</v>
      </c>
      <c r="BE22" s="263">
        <v>1</v>
      </c>
      <c r="BF22" s="257">
        <v>0</v>
      </c>
      <c r="BG22" s="261">
        <v>0</v>
      </c>
      <c r="BH22" s="258">
        <v>0</v>
      </c>
      <c r="BI22" s="260">
        <v>0</v>
      </c>
      <c r="BJ22" s="261">
        <v>1</v>
      </c>
      <c r="BK22" s="261">
        <v>2</v>
      </c>
      <c r="BL22" s="261">
        <v>2</v>
      </c>
      <c r="BM22" s="261">
        <v>0</v>
      </c>
      <c r="BN22" s="261">
        <v>1</v>
      </c>
      <c r="BO22" s="262">
        <v>6</v>
      </c>
      <c r="BP22" s="263">
        <v>6</v>
      </c>
      <c r="BQ22" s="257">
        <v>0</v>
      </c>
      <c r="BR22" s="261">
        <v>0</v>
      </c>
      <c r="BS22" s="258">
        <v>0</v>
      </c>
      <c r="BT22" s="260">
        <v>0</v>
      </c>
      <c r="BU22" s="261">
        <v>0</v>
      </c>
      <c r="BV22" s="261">
        <v>0</v>
      </c>
      <c r="BW22" s="261">
        <v>0</v>
      </c>
      <c r="BX22" s="261">
        <v>0</v>
      </c>
      <c r="BY22" s="261">
        <v>0</v>
      </c>
      <c r="BZ22" s="258">
        <v>0</v>
      </c>
      <c r="CA22" s="263">
        <v>0</v>
      </c>
      <c r="CB22" s="257">
        <v>0</v>
      </c>
      <c r="CC22" s="261">
        <v>0</v>
      </c>
      <c r="CD22" s="258">
        <v>0</v>
      </c>
      <c r="CE22" s="260">
        <v>0</v>
      </c>
      <c r="CF22" s="261">
        <v>0</v>
      </c>
      <c r="CG22" s="261">
        <v>0</v>
      </c>
      <c r="CH22" s="261">
        <v>0</v>
      </c>
      <c r="CI22" s="261">
        <v>0</v>
      </c>
      <c r="CJ22" s="261">
        <v>0</v>
      </c>
      <c r="CK22" s="258">
        <v>0</v>
      </c>
      <c r="CL22" s="263">
        <v>0</v>
      </c>
      <c r="CM22" s="257">
        <v>0</v>
      </c>
      <c r="CN22" s="261">
        <v>0</v>
      </c>
      <c r="CO22" s="258">
        <v>0</v>
      </c>
      <c r="CP22" s="260">
        <v>0</v>
      </c>
      <c r="CQ22" s="261">
        <v>0</v>
      </c>
      <c r="CR22" s="261">
        <v>0</v>
      </c>
      <c r="CS22" s="261">
        <v>0</v>
      </c>
      <c r="CT22" s="261">
        <v>0</v>
      </c>
      <c r="CU22" s="261">
        <v>0</v>
      </c>
      <c r="CV22" s="258">
        <v>0</v>
      </c>
      <c r="CW22" s="263">
        <v>0</v>
      </c>
    </row>
    <row r="23" spans="2:101" ht="21" customHeight="1" x14ac:dyDescent="0.2">
      <c r="B23" s="472" t="s">
        <v>21</v>
      </c>
      <c r="C23" s="257">
        <v>0</v>
      </c>
      <c r="D23" s="258">
        <v>0</v>
      </c>
      <c r="E23" s="259">
        <v>0</v>
      </c>
      <c r="F23" s="260">
        <v>0</v>
      </c>
      <c r="G23" s="261">
        <v>0</v>
      </c>
      <c r="H23" s="261">
        <v>0</v>
      </c>
      <c r="I23" s="261">
        <v>0</v>
      </c>
      <c r="J23" s="261">
        <v>0</v>
      </c>
      <c r="K23" s="261">
        <v>0</v>
      </c>
      <c r="L23" s="262">
        <v>0</v>
      </c>
      <c r="M23" s="263">
        <v>0</v>
      </c>
      <c r="N23" s="257">
        <v>0</v>
      </c>
      <c r="O23" s="261">
        <v>0</v>
      </c>
      <c r="P23" s="258">
        <v>0</v>
      </c>
      <c r="Q23" s="260">
        <v>0</v>
      </c>
      <c r="R23" s="261">
        <v>0</v>
      </c>
      <c r="S23" s="261">
        <v>0</v>
      </c>
      <c r="T23" s="261">
        <v>0</v>
      </c>
      <c r="U23" s="261">
        <v>0</v>
      </c>
      <c r="V23" s="261">
        <v>0</v>
      </c>
      <c r="W23" s="258">
        <v>0</v>
      </c>
      <c r="X23" s="263">
        <v>0</v>
      </c>
      <c r="Y23" s="257">
        <v>0</v>
      </c>
      <c r="Z23" s="261">
        <v>0</v>
      </c>
      <c r="AA23" s="258">
        <v>0</v>
      </c>
      <c r="AB23" s="260">
        <v>0</v>
      </c>
      <c r="AC23" s="261">
        <v>12</v>
      </c>
      <c r="AD23" s="261">
        <v>10</v>
      </c>
      <c r="AE23" s="261">
        <v>2</v>
      </c>
      <c r="AF23" s="261">
        <v>3</v>
      </c>
      <c r="AG23" s="261">
        <v>0</v>
      </c>
      <c r="AH23" s="258">
        <v>27</v>
      </c>
      <c r="AI23" s="263">
        <v>27</v>
      </c>
      <c r="AJ23" s="257">
        <v>0</v>
      </c>
      <c r="AK23" s="261">
        <v>0</v>
      </c>
      <c r="AL23" s="258">
        <v>0</v>
      </c>
      <c r="AM23" s="260">
        <v>0</v>
      </c>
      <c r="AN23" s="261">
        <v>0</v>
      </c>
      <c r="AO23" s="261">
        <v>0</v>
      </c>
      <c r="AP23" s="261">
        <v>0</v>
      </c>
      <c r="AQ23" s="261">
        <v>0</v>
      </c>
      <c r="AR23" s="261">
        <v>0</v>
      </c>
      <c r="AS23" s="258">
        <v>0</v>
      </c>
      <c r="AT23" s="263">
        <v>0</v>
      </c>
      <c r="AU23" s="257">
        <v>0</v>
      </c>
      <c r="AV23" s="261">
        <v>0</v>
      </c>
      <c r="AW23" s="258">
        <v>0</v>
      </c>
      <c r="AX23" s="260">
        <v>0</v>
      </c>
      <c r="AY23" s="261">
        <v>0</v>
      </c>
      <c r="AZ23" s="261">
        <v>0</v>
      </c>
      <c r="BA23" s="261">
        <v>1</v>
      </c>
      <c r="BB23" s="261">
        <v>0</v>
      </c>
      <c r="BC23" s="261">
        <v>0</v>
      </c>
      <c r="BD23" s="258">
        <v>1</v>
      </c>
      <c r="BE23" s="263">
        <v>1</v>
      </c>
      <c r="BF23" s="257">
        <v>0</v>
      </c>
      <c r="BG23" s="261">
        <v>0</v>
      </c>
      <c r="BH23" s="258">
        <v>0</v>
      </c>
      <c r="BI23" s="260">
        <v>0</v>
      </c>
      <c r="BJ23" s="261">
        <v>2</v>
      </c>
      <c r="BK23" s="261">
        <v>2</v>
      </c>
      <c r="BL23" s="261">
        <v>2</v>
      </c>
      <c r="BM23" s="261">
        <v>0</v>
      </c>
      <c r="BN23" s="261">
        <v>0</v>
      </c>
      <c r="BO23" s="262">
        <v>6</v>
      </c>
      <c r="BP23" s="263">
        <v>6</v>
      </c>
      <c r="BQ23" s="257">
        <v>0</v>
      </c>
      <c r="BR23" s="261">
        <v>0</v>
      </c>
      <c r="BS23" s="258">
        <v>0</v>
      </c>
      <c r="BT23" s="260">
        <v>0</v>
      </c>
      <c r="BU23" s="261">
        <v>0</v>
      </c>
      <c r="BV23" s="261">
        <v>0</v>
      </c>
      <c r="BW23" s="261">
        <v>0</v>
      </c>
      <c r="BX23" s="261">
        <v>0</v>
      </c>
      <c r="BY23" s="261">
        <v>0</v>
      </c>
      <c r="BZ23" s="258">
        <v>0</v>
      </c>
      <c r="CA23" s="263">
        <v>0</v>
      </c>
      <c r="CB23" s="257">
        <v>0</v>
      </c>
      <c r="CC23" s="261">
        <v>0</v>
      </c>
      <c r="CD23" s="258">
        <v>0</v>
      </c>
      <c r="CE23" s="260">
        <v>0</v>
      </c>
      <c r="CF23" s="261">
        <v>0</v>
      </c>
      <c r="CG23" s="261">
        <v>0</v>
      </c>
      <c r="CH23" s="261">
        <v>0</v>
      </c>
      <c r="CI23" s="261">
        <v>0</v>
      </c>
      <c r="CJ23" s="261">
        <v>0</v>
      </c>
      <c r="CK23" s="258">
        <v>0</v>
      </c>
      <c r="CL23" s="263">
        <v>0</v>
      </c>
      <c r="CM23" s="257">
        <v>0</v>
      </c>
      <c r="CN23" s="261">
        <v>0</v>
      </c>
      <c r="CO23" s="258">
        <v>0</v>
      </c>
      <c r="CP23" s="260">
        <v>0</v>
      </c>
      <c r="CQ23" s="261">
        <v>0</v>
      </c>
      <c r="CR23" s="261">
        <v>0</v>
      </c>
      <c r="CS23" s="261">
        <v>0</v>
      </c>
      <c r="CT23" s="261">
        <v>0</v>
      </c>
      <c r="CU23" s="261">
        <v>0</v>
      </c>
      <c r="CV23" s="258">
        <v>0</v>
      </c>
      <c r="CW23" s="263">
        <v>0</v>
      </c>
    </row>
    <row r="24" spans="2:101" ht="21" customHeight="1" x14ac:dyDescent="0.2">
      <c r="B24" s="472" t="s">
        <v>22</v>
      </c>
      <c r="C24" s="257">
        <v>0</v>
      </c>
      <c r="D24" s="258">
        <v>0</v>
      </c>
      <c r="E24" s="259">
        <v>0</v>
      </c>
      <c r="F24" s="260">
        <v>0</v>
      </c>
      <c r="G24" s="261">
        <v>0</v>
      </c>
      <c r="H24" s="261">
        <v>2</v>
      </c>
      <c r="I24" s="261">
        <v>0</v>
      </c>
      <c r="J24" s="261">
        <v>0</v>
      </c>
      <c r="K24" s="261">
        <v>0</v>
      </c>
      <c r="L24" s="262">
        <v>2</v>
      </c>
      <c r="M24" s="263">
        <v>2</v>
      </c>
      <c r="N24" s="257">
        <v>0</v>
      </c>
      <c r="O24" s="261">
        <v>0</v>
      </c>
      <c r="P24" s="258">
        <v>0</v>
      </c>
      <c r="Q24" s="260">
        <v>0</v>
      </c>
      <c r="R24" s="261">
        <v>0</v>
      </c>
      <c r="S24" s="261">
        <v>0</v>
      </c>
      <c r="T24" s="261">
        <v>0</v>
      </c>
      <c r="U24" s="261">
        <v>0</v>
      </c>
      <c r="V24" s="261">
        <v>0</v>
      </c>
      <c r="W24" s="258">
        <v>0</v>
      </c>
      <c r="X24" s="263">
        <v>0</v>
      </c>
      <c r="Y24" s="257">
        <v>0</v>
      </c>
      <c r="Z24" s="261">
        <v>0</v>
      </c>
      <c r="AA24" s="258">
        <v>0</v>
      </c>
      <c r="AB24" s="260">
        <v>0</v>
      </c>
      <c r="AC24" s="261">
        <v>5</v>
      </c>
      <c r="AD24" s="261">
        <v>2</v>
      </c>
      <c r="AE24" s="261">
        <v>2</v>
      </c>
      <c r="AF24" s="261">
        <v>2</v>
      </c>
      <c r="AG24" s="261">
        <v>0</v>
      </c>
      <c r="AH24" s="258">
        <v>11</v>
      </c>
      <c r="AI24" s="263">
        <v>11</v>
      </c>
      <c r="AJ24" s="257">
        <v>0</v>
      </c>
      <c r="AK24" s="261">
        <v>0</v>
      </c>
      <c r="AL24" s="258">
        <v>0</v>
      </c>
      <c r="AM24" s="260">
        <v>0</v>
      </c>
      <c r="AN24" s="261">
        <v>0</v>
      </c>
      <c r="AO24" s="261">
        <v>0</v>
      </c>
      <c r="AP24" s="261">
        <v>1</v>
      </c>
      <c r="AQ24" s="261">
        <v>0</v>
      </c>
      <c r="AR24" s="261">
        <v>0</v>
      </c>
      <c r="AS24" s="258">
        <v>1</v>
      </c>
      <c r="AT24" s="263">
        <v>1</v>
      </c>
      <c r="AU24" s="257">
        <v>0</v>
      </c>
      <c r="AV24" s="261">
        <v>0</v>
      </c>
      <c r="AW24" s="258">
        <v>0</v>
      </c>
      <c r="AX24" s="260">
        <v>0</v>
      </c>
      <c r="AY24" s="261">
        <v>2</v>
      </c>
      <c r="AZ24" s="261">
        <v>2</v>
      </c>
      <c r="BA24" s="261">
        <v>0</v>
      </c>
      <c r="BB24" s="261">
        <v>0</v>
      </c>
      <c r="BC24" s="261">
        <v>0</v>
      </c>
      <c r="BD24" s="258">
        <v>4</v>
      </c>
      <c r="BE24" s="263">
        <v>4</v>
      </c>
      <c r="BF24" s="257">
        <v>0</v>
      </c>
      <c r="BG24" s="261">
        <v>0</v>
      </c>
      <c r="BH24" s="258">
        <v>0</v>
      </c>
      <c r="BI24" s="260">
        <v>0</v>
      </c>
      <c r="BJ24" s="261">
        <v>1</v>
      </c>
      <c r="BK24" s="261">
        <v>1</v>
      </c>
      <c r="BL24" s="261">
        <v>1</v>
      </c>
      <c r="BM24" s="261">
        <v>0</v>
      </c>
      <c r="BN24" s="261">
        <v>0</v>
      </c>
      <c r="BO24" s="262">
        <v>3</v>
      </c>
      <c r="BP24" s="263">
        <v>3</v>
      </c>
      <c r="BQ24" s="257">
        <v>0</v>
      </c>
      <c r="BR24" s="261">
        <v>0</v>
      </c>
      <c r="BS24" s="258">
        <v>0</v>
      </c>
      <c r="BT24" s="260">
        <v>0</v>
      </c>
      <c r="BU24" s="261">
        <v>0</v>
      </c>
      <c r="BV24" s="261">
        <v>0</v>
      </c>
      <c r="BW24" s="261">
        <v>0</v>
      </c>
      <c r="BX24" s="261">
        <v>0</v>
      </c>
      <c r="BY24" s="261">
        <v>0</v>
      </c>
      <c r="BZ24" s="258">
        <v>0</v>
      </c>
      <c r="CA24" s="263">
        <v>0</v>
      </c>
      <c r="CB24" s="257">
        <v>0</v>
      </c>
      <c r="CC24" s="261">
        <v>0</v>
      </c>
      <c r="CD24" s="258">
        <v>0</v>
      </c>
      <c r="CE24" s="260">
        <v>0</v>
      </c>
      <c r="CF24" s="261">
        <v>0</v>
      </c>
      <c r="CG24" s="261">
        <v>0</v>
      </c>
      <c r="CH24" s="261">
        <v>1</v>
      </c>
      <c r="CI24" s="261">
        <v>2</v>
      </c>
      <c r="CJ24" s="261">
        <v>0</v>
      </c>
      <c r="CK24" s="258">
        <v>3</v>
      </c>
      <c r="CL24" s="263">
        <v>3</v>
      </c>
      <c r="CM24" s="257">
        <v>0</v>
      </c>
      <c r="CN24" s="261">
        <v>0</v>
      </c>
      <c r="CO24" s="258">
        <v>0</v>
      </c>
      <c r="CP24" s="260">
        <v>0</v>
      </c>
      <c r="CQ24" s="261">
        <v>0</v>
      </c>
      <c r="CR24" s="261">
        <v>0</v>
      </c>
      <c r="CS24" s="261">
        <v>0</v>
      </c>
      <c r="CT24" s="261">
        <v>0</v>
      </c>
      <c r="CU24" s="261">
        <v>0</v>
      </c>
      <c r="CV24" s="258">
        <v>0</v>
      </c>
      <c r="CW24" s="263">
        <v>0</v>
      </c>
    </row>
    <row r="25" spans="2:101" ht="21" customHeight="1" x14ac:dyDescent="0.2">
      <c r="B25" s="472" t="s">
        <v>23</v>
      </c>
      <c r="C25" s="257">
        <v>0</v>
      </c>
      <c r="D25" s="258">
        <v>0</v>
      </c>
      <c r="E25" s="259">
        <v>0</v>
      </c>
      <c r="F25" s="260">
        <v>0</v>
      </c>
      <c r="G25" s="261">
        <v>0</v>
      </c>
      <c r="H25" s="261">
        <v>0</v>
      </c>
      <c r="I25" s="261">
        <v>0</v>
      </c>
      <c r="J25" s="261">
        <v>0</v>
      </c>
      <c r="K25" s="261">
        <v>0</v>
      </c>
      <c r="L25" s="262">
        <v>0</v>
      </c>
      <c r="M25" s="263">
        <v>0</v>
      </c>
      <c r="N25" s="257">
        <v>0</v>
      </c>
      <c r="O25" s="261">
        <v>0</v>
      </c>
      <c r="P25" s="258">
        <v>0</v>
      </c>
      <c r="Q25" s="260">
        <v>0</v>
      </c>
      <c r="R25" s="261">
        <v>0</v>
      </c>
      <c r="S25" s="261">
        <v>0</v>
      </c>
      <c r="T25" s="261">
        <v>0</v>
      </c>
      <c r="U25" s="261">
        <v>0</v>
      </c>
      <c r="V25" s="261">
        <v>0</v>
      </c>
      <c r="W25" s="258">
        <v>0</v>
      </c>
      <c r="X25" s="263">
        <v>0</v>
      </c>
      <c r="Y25" s="257">
        <v>0</v>
      </c>
      <c r="Z25" s="261">
        <v>0</v>
      </c>
      <c r="AA25" s="258">
        <v>0</v>
      </c>
      <c r="AB25" s="260">
        <v>0</v>
      </c>
      <c r="AC25" s="261">
        <v>5</v>
      </c>
      <c r="AD25" s="261">
        <v>2</v>
      </c>
      <c r="AE25" s="261">
        <v>3</v>
      </c>
      <c r="AF25" s="261">
        <v>0</v>
      </c>
      <c r="AG25" s="261">
        <v>0</v>
      </c>
      <c r="AH25" s="258">
        <v>10</v>
      </c>
      <c r="AI25" s="263">
        <v>10</v>
      </c>
      <c r="AJ25" s="257">
        <v>0</v>
      </c>
      <c r="AK25" s="261">
        <v>0</v>
      </c>
      <c r="AL25" s="258">
        <v>0</v>
      </c>
      <c r="AM25" s="260">
        <v>0</v>
      </c>
      <c r="AN25" s="261">
        <v>0</v>
      </c>
      <c r="AO25" s="261">
        <v>0</v>
      </c>
      <c r="AP25" s="261">
        <v>0</v>
      </c>
      <c r="AQ25" s="261">
        <v>0</v>
      </c>
      <c r="AR25" s="261">
        <v>0</v>
      </c>
      <c r="AS25" s="258">
        <v>0</v>
      </c>
      <c r="AT25" s="263">
        <v>0</v>
      </c>
      <c r="AU25" s="257">
        <v>0</v>
      </c>
      <c r="AV25" s="261">
        <v>0</v>
      </c>
      <c r="AW25" s="258">
        <v>0</v>
      </c>
      <c r="AX25" s="260">
        <v>0</v>
      </c>
      <c r="AY25" s="261">
        <v>0</v>
      </c>
      <c r="AZ25" s="261">
        <v>1</v>
      </c>
      <c r="BA25" s="261">
        <v>0</v>
      </c>
      <c r="BB25" s="261">
        <v>0</v>
      </c>
      <c r="BC25" s="261">
        <v>0</v>
      </c>
      <c r="BD25" s="258">
        <v>1</v>
      </c>
      <c r="BE25" s="263">
        <v>1</v>
      </c>
      <c r="BF25" s="257">
        <v>0</v>
      </c>
      <c r="BG25" s="261">
        <v>0</v>
      </c>
      <c r="BH25" s="258">
        <v>0</v>
      </c>
      <c r="BI25" s="260">
        <v>0</v>
      </c>
      <c r="BJ25" s="261">
        <v>2</v>
      </c>
      <c r="BK25" s="261">
        <v>1</v>
      </c>
      <c r="BL25" s="261">
        <v>3</v>
      </c>
      <c r="BM25" s="261">
        <v>2</v>
      </c>
      <c r="BN25" s="261">
        <v>0</v>
      </c>
      <c r="BO25" s="262">
        <v>8</v>
      </c>
      <c r="BP25" s="263">
        <v>8</v>
      </c>
      <c r="BQ25" s="257">
        <v>0</v>
      </c>
      <c r="BR25" s="261">
        <v>0</v>
      </c>
      <c r="BS25" s="258">
        <v>0</v>
      </c>
      <c r="BT25" s="260">
        <v>0</v>
      </c>
      <c r="BU25" s="261">
        <v>0</v>
      </c>
      <c r="BV25" s="261">
        <v>0</v>
      </c>
      <c r="BW25" s="261">
        <v>0</v>
      </c>
      <c r="BX25" s="261">
        <v>0</v>
      </c>
      <c r="BY25" s="261">
        <v>0</v>
      </c>
      <c r="BZ25" s="258">
        <v>0</v>
      </c>
      <c r="CA25" s="263">
        <v>0</v>
      </c>
      <c r="CB25" s="257">
        <v>0</v>
      </c>
      <c r="CC25" s="261">
        <v>0</v>
      </c>
      <c r="CD25" s="258">
        <v>0</v>
      </c>
      <c r="CE25" s="260">
        <v>0</v>
      </c>
      <c r="CF25" s="261">
        <v>0</v>
      </c>
      <c r="CG25" s="261">
        <v>0</v>
      </c>
      <c r="CH25" s="261">
        <v>0</v>
      </c>
      <c r="CI25" s="261">
        <v>0</v>
      </c>
      <c r="CJ25" s="261">
        <v>0</v>
      </c>
      <c r="CK25" s="258">
        <v>0</v>
      </c>
      <c r="CL25" s="263">
        <v>0</v>
      </c>
      <c r="CM25" s="257">
        <v>0</v>
      </c>
      <c r="CN25" s="261">
        <v>0</v>
      </c>
      <c r="CO25" s="258">
        <v>0</v>
      </c>
      <c r="CP25" s="260">
        <v>0</v>
      </c>
      <c r="CQ25" s="261">
        <v>0</v>
      </c>
      <c r="CR25" s="261">
        <v>0</v>
      </c>
      <c r="CS25" s="261">
        <v>0</v>
      </c>
      <c r="CT25" s="261">
        <v>0</v>
      </c>
      <c r="CU25" s="261">
        <v>0</v>
      </c>
      <c r="CV25" s="258">
        <v>0</v>
      </c>
      <c r="CW25" s="263">
        <v>0</v>
      </c>
    </row>
    <row r="26" spans="2:101" ht="21" customHeight="1" x14ac:dyDescent="0.2">
      <c r="B26" s="472" t="s">
        <v>24</v>
      </c>
      <c r="C26" s="257">
        <v>0</v>
      </c>
      <c r="D26" s="258">
        <v>0</v>
      </c>
      <c r="E26" s="259">
        <v>0</v>
      </c>
      <c r="F26" s="260">
        <v>0</v>
      </c>
      <c r="G26" s="261">
        <v>0</v>
      </c>
      <c r="H26" s="261">
        <v>0</v>
      </c>
      <c r="I26" s="261">
        <v>1</v>
      </c>
      <c r="J26" s="261">
        <v>1</v>
      </c>
      <c r="K26" s="261">
        <v>0</v>
      </c>
      <c r="L26" s="262">
        <v>2</v>
      </c>
      <c r="M26" s="263">
        <v>2</v>
      </c>
      <c r="N26" s="257">
        <v>0</v>
      </c>
      <c r="O26" s="261">
        <v>0</v>
      </c>
      <c r="P26" s="258">
        <v>0</v>
      </c>
      <c r="Q26" s="260">
        <v>0</v>
      </c>
      <c r="R26" s="261">
        <v>0</v>
      </c>
      <c r="S26" s="261">
        <v>0</v>
      </c>
      <c r="T26" s="261">
        <v>0</v>
      </c>
      <c r="U26" s="261">
        <v>0</v>
      </c>
      <c r="V26" s="261">
        <v>0</v>
      </c>
      <c r="W26" s="258">
        <v>0</v>
      </c>
      <c r="X26" s="263">
        <v>0</v>
      </c>
      <c r="Y26" s="257">
        <v>0</v>
      </c>
      <c r="Z26" s="261">
        <v>0</v>
      </c>
      <c r="AA26" s="258">
        <v>0</v>
      </c>
      <c r="AB26" s="260">
        <v>0</v>
      </c>
      <c r="AC26" s="261">
        <v>1</v>
      </c>
      <c r="AD26" s="261">
        <v>4</v>
      </c>
      <c r="AE26" s="261">
        <v>2</v>
      </c>
      <c r="AF26" s="261">
        <v>0</v>
      </c>
      <c r="AG26" s="261">
        <v>0</v>
      </c>
      <c r="AH26" s="258">
        <v>7</v>
      </c>
      <c r="AI26" s="263">
        <v>7</v>
      </c>
      <c r="AJ26" s="257">
        <v>0</v>
      </c>
      <c r="AK26" s="261">
        <v>0</v>
      </c>
      <c r="AL26" s="258">
        <v>0</v>
      </c>
      <c r="AM26" s="260">
        <v>0</v>
      </c>
      <c r="AN26" s="261">
        <v>0</v>
      </c>
      <c r="AO26" s="261">
        <v>0</v>
      </c>
      <c r="AP26" s="261">
        <v>1</v>
      </c>
      <c r="AQ26" s="261">
        <v>0</v>
      </c>
      <c r="AR26" s="261">
        <v>0</v>
      </c>
      <c r="AS26" s="258">
        <v>1</v>
      </c>
      <c r="AT26" s="263">
        <v>1</v>
      </c>
      <c r="AU26" s="257">
        <v>0</v>
      </c>
      <c r="AV26" s="261">
        <v>0</v>
      </c>
      <c r="AW26" s="258">
        <v>0</v>
      </c>
      <c r="AX26" s="260">
        <v>0</v>
      </c>
      <c r="AY26" s="261">
        <v>0</v>
      </c>
      <c r="AZ26" s="261">
        <v>0</v>
      </c>
      <c r="BA26" s="261">
        <v>0</v>
      </c>
      <c r="BB26" s="261">
        <v>0</v>
      </c>
      <c r="BC26" s="261">
        <v>0</v>
      </c>
      <c r="BD26" s="258">
        <v>0</v>
      </c>
      <c r="BE26" s="263">
        <v>0</v>
      </c>
      <c r="BF26" s="257">
        <v>0</v>
      </c>
      <c r="BG26" s="261">
        <v>0</v>
      </c>
      <c r="BH26" s="258">
        <v>0</v>
      </c>
      <c r="BI26" s="260">
        <v>0</v>
      </c>
      <c r="BJ26" s="261">
        <v>0</v>
      </c>
      <c r="BK26" s="261">
        <v>1</v>
      </c>
      <c r="BL26" s="261">
        <v>2</v>
      </c>
      <c r="BM26" s="261">
        <v>0</v>
      </c>
      <c r="BN26" s="261">
        <v>1</v>
      </c>
      <c r="BO26" s="262">
        <v>4</v>
      </c>
      <c r="BP26" s="263">
        <v>4</v>
      </c>
      <c r="BQ26" s="257">
        <v>0</v>
      </c>
      <c r="BR26" s="261">
        <v>0</v>
      </c>
      <c r="BS26" s="258">
        <v>0</v>
      </c>
      <c r="BT26" s="260">
        <v>0</v>
      </c>
      <c r="BU26" s="261">
        <v>0</v>
      </c>
      <c r="BV26" s="261">
        <v>0</v>
      </c>
      <c r="BW26" s="261">
        <v>0</v>
      </c>
      <c r="BX26" s="261">
        <v>0</v>
      </c>
      <c r="BY26" s="261">
        <v>0</v>
      </c>
      <c r="BZ26" s="258">
        <v>0</v>
      </c>
      <c r="CA26" s="263">
        <v>0</v>
      </c>
      <c r="CB26" s="257">
        <v>0</v>
      </c>
      <c r="CC26" s="261">
        <v>0</v>
      </c>
      <c r="CD26" s="258">
        <v>0</v>
      </c>
      <c r="CE26" s="260">
        <v>0</v>
      </c>
      <c r="CF26" s="261">
        <v>0</v>
      </c>
      <c r="CG26" s="261">
        <v>0</v>
      </c>
      <c r="CH26" s="261">
        <v>0</v>
      </c>
      <c r="CI26" s="261">
        <v>0</v>
      </c>
      <c r="CJ26" s="261">
        <v>0</v>
      </c>
      <c r="CK26" s="258">
        <v>0</v>
      </c>
      <c r="CL26" s="263">
        <v>0</v>
      </c>
      <c r="CM26" s="257">
        <v>0</v>
      </c>
      <c r="CN26" s="261">
        <v>0</v>
      </c>
      <c r="CO26" s="258">
        <v>0</v>
      </c>
      <c r="CP26" s="260">
        <v>0</v>
      </c>
      <c r="CQ26" s="261">
        <v>0</v>
      </c>
      <c r="CR26" s="261">
        <v>0</v>
      </c>
      <c r="CS26" s="261">
        <v>0</v>
      </c>
      <c r="CT26" s="261">
        <v>0</v>
      </c>
      <c r="CU26" s="261">
        <v>0</v>
      </c>
      <c r="CV26" s="258">
        <v>0</v>
      </c>
      <c r="CW26" s="263">
        <v>0</v>
      </c>
    </row>
    <row r="27" spans="2:101" ht="21" customHeight="1" x14ac:dyDescent="0.2">
      <c r="B27" s="472" t="s">
        <v>25</v>
      </c>
      <c r="C27" s="257">
        <v>0</v>
      </c>
      <c r="D27" s="258">
        <v>0</v>
      </c>
      <c r="E27" s="259">
        <v>0</v>
      </c>
      <c r="F27" s="260">
        <v>0</v>
      </c>
      <c r="G27" s="261">
        <v>0</v>
      </c>
      <c r="H27" s="261">
        <v>0</v>
      </c>
      <c r="I27" s="261">
        <v>0</v>
      </c>
      <c r="J27" s="261">
        <v>0</v>
      </c>
      <c r="K27" s="261">
        <v>0</v>
      </c>
      <c r="L27" s="262">
        <v>0</v>
      </c>
      <c r="M27" s="263">
        <v>0</v>
      </c>
      <c r="N27" s="257">
        <v>0</v>
      </c>
      <c r="O27" s="261">
        <v>0</v>
      </c>
      <c r="P27" s="258">
        <v>0</v>
      </c>
      <c r="Q27" s="260">
        <v>0</v>
      </c>
      <c r="R27" s="261">
        <v>0</v>
      </c>
      <c r="S27" s="261">
        <v>0</v>
      </c>
      <c r="T27" s="261">
        <v>0</v>
      </c>
      <c r="U27" s="261">
        <v>0</v>
      </c>
      <c r="V27" s="261">
        <v>0</v>
      </c>
      <c r="W27" s="258">
        <v>0</v>
      </c>
      <c r="X27" s="263">
        <v>0</v>
      </c>
      <c r="Y27" s="257">
        <v>0</v>
      </c>
      <c r="Z27" s="261">
        <v>0</v>
      </c>
      <c r="AA27" s="258">
        <v>0</v>
      </c>
      <c r="AB27" s="260">
        <v>0</v>
      </c>
      <c r="AC27" s="261">
        <v>4</v>
      </c>
      <c r="AD27" s="261">
        <v>2</v>
      </c>
      <c r="AE27" s="261">
        <v>1</v>
      </c>
      <c r="AF27" s="261">
        <v>0</v>
      </c>
      <c r="AG27" s="261">
        <v>0</v>
      </c>
      <c r="AH27" s="258">
        <v>7</v>
      </c>
      <c r="AI27" s="263">
        <v>7</v>
      </c>
      <c r="AJ27" s="257">
        <v>0</v>
      </c>
      <c r="AK27" s="261">
        <v>0</v>
      </c>
      <c r="AL27" s="258">
        <v>0</v>
      </c>
      <c r="AM27" s="260">
        <v>0</v>
      </c>
      <c r="AN27" s="261">
        <v>0</v>
      </c>
      <c r="AO27" s="261">
        <v>0</v>
      </c>
      <c r="AP27" s="261">
        <v>0</v>
      </c>
      <c r="AQ27" s="261">
        <v>0</v>
      </c>
      <c r="AR27" s="261">
        <v>0</v>
      </c>
      <c r="AS27" s="258">
        <v>0</v>
      </c>
      <c r="AT27" s="263">
        <v>0</v>
      </c>
      <c r="AU27" s="257">
        <v>1</v>
      </c>
      <c r="AV27" s="261">
        <v>0</v>
      </c>
      <c r="AW27" s="258">
        <v>1</v>
      </c>
      <c r="AX27" s="260">
        <v>0</v>
      </c>
      <c r="AY27" s="261">
        <v>0</v>
      </c>
      <c r="AZ27" s="261">
        <v>0</v>
      </c>
      <c r="BA27" s="261">
        <v>0</v>
      </c>
      <c r="BB27" s="261">
        <v>0</v>
      </c>
      <c r="BC27" s="261">
        <v>0</v>
      </c>
      <c r="BD27" s="258">
        <v>0</v>
      </c>
      <c r="BE27" s="263">
        <v>1</v>
      </c>
      <c r="BF27" s="257">
        <v>0</v>
      </c>
      <c r="BG27" s="261">
        <v>0</v>
      </c>
      <c r="BH27" s="258">
        <v>0</v>
      </c>
      <c r="BI27" s="260">
        <v>0</v>
      </c>
      <c r="BJ27" s="261">
        <v>0</v>
      </c>
      <c r="BK27" s="261">
        <v>0</v>
      </c>
      <c r="BL27" s="261">
        <v>0</v>
      </c>
      <c r="BM27" s="261">
        <v>0</v>
      </c>
      <c r="BN27" s="261">
        <v>0</v>
      </c>
      <c r="BO27" s="262">
        <v>0</v>
      </c>
      <c r="BP27" s="263">
        <v>0</v>
      </c>
      <c r="BQ27" s="257">
        <v>0</v>
      </c>
      <c r="BR27" s="261">
        <v>0</v>
      </c>
      <c r="BS27" s="258">
        <v>0</v>
      </c>
      <c r="BT27" s="260">
        <v>0</v>
      </c>
      <c r="BU27" s="261">
        <v>0</v>
      </c>
      <c r="BV27" s="261">
        <v>0</v>
      </c>
      <c r="BW27" s="261">
        <v>0</v>
      </c>
      <c r="BX27" s="261">
        <v>0</v>
      </c>
      <c r="BY27" s="261">
        <v>0</v>
      </c>
      <c r="BZ27" s="258">
        <v>0</v>
      </c>
      <c r="CA27" s="263">
        <v>0</v>
      </c>
      <c r="CB27" s="257">
        <v>0</v>
      </c>
      <c r="CC27" s="261">
        <v>0</v>
      </c>
      <c r="CD27" s="258">
        <v>0</v>
      </c>
      <c r="CE27" s="260">
        <v>0</v>
      </c>
      <c r="CF27" s="261">
        <v>0</v>
      </c>
      <c r="CG27" s="261">
        <v>0</v>
      </c>
      <c r="CH27" s="261">
        <v>0</v>
      </c>
      <c r="CI27" s="261">
        <v>0</v>
      </c>
      <c r="CJ27" s="261">
        <v>0</v>
      </c>
      <c r="CK27" s="258">
        <v>0</v>
      </c>
      <c r="CL27" s="263">
        <v>0</v>
      </c>
      <c r="CM27" s="257">
        <v>0</v>
      </c>
      <c r="CN27" s="261">
        <v>0</v>
      </c>
      <c r="CO27" s="258">
        <v>0</v>
      </c>
      <c r="CP27" s="260">
        <v>0</v>
      </c>
      <c r="CQ27" s="261">
        <v>0</v>
      </c>
      <c r="CR27" s="261">
        <v>0</v>
      </c>
      <c r="CS27" s="261">
        <v>0</v>
      </c>
      <c r="CT27" s="261">
        <v>0</v>
      </c>
      <c r="CU27" s="261">
        <v>0</v>
      </c>
      <c r="CV27" s="258">
        <v>0</v>
      </c>
      <c r="CW27" s="263">
        <v>0</v>
      </c>
    </row>
    <row r="28" spans="2:101" ht="21" customHeight="1" x14ac:dyDescent="0.2">
      <c r="B28" s="472" t="s">
        <v>26</v>
      </c>
      <c r="C28" s="257">
        <v>0</v>
      </c>
      <c r="D28" s="258">
        <v>0</v>
      </c>
      <c r="E28" s="259">
        <v>0</v>
      </c>
      <c r="F28" s="260">
        <v>0</v>
      </c>
      <c r="G28" s="261">
        <v>0</v>
      </c>
      <c r="H28" s="261">
        <v>0</v>
      </c>
      <c r="I28" s="261">
        <v>0</v>
      </c>
      <c r="J28" s="261">
        <v>0</v>
      </c>
      <c r="K28" s="261">
        <v>0</v>
      </c>
      <c r="L28" s="262">
        <v>0</v>
      </c>
      <c r="M28" s="263">
        <v>0</v>
      </c>
      <c r="N28" s="257">
        <v>0</v>
      </c>
      <c r="O28" s="261">
        <v>0</v>
      </c>
      <c r="P28" s="258">
        <v>0</v>
      </c>
      <c r="Q28" s="260">
        <v>0</v>
      </c>
      <c r="R28" s="261">
        <v>0</v>
      </c>
      <c r="S28" s="261">
        <v>0</v>
      </c>
      <c r="T28" s="261">
        <v>0</v>
      </c>
      <c r="U28" s="261">
        <v>0</v>
      </c>
      <c r="V28" s="261">
        <v>0</v>
      </c>
      <c r="W28" s="258">
        <v>0</v>
      </c>
      <c r="X28" s="263">
        <v>0</v>
      </c>
      <c r="Y28" s="257">
        <v>0</v>
      </c>
      <c r="Z28" s="261">
        <v>0</v>
      </c>
      <c r="AA28" s="258">
        <v>0</v>
      </c>
      <c r="AB28" s="260">
        <v>0</v>
      </c>
      <c r="AC28" s="261">
        <v>3</v>
      </c>
      <c r="AD28" s="261">
        <v>1</v>
      </c>
      <c r="AE28" s="261">
        <v>1</v>
      </c>
      <c r="AF28" s="261">
        <v>1</v>
      </c>
      <c r="AG28" s="261">
        <v>1</v>
      </c>
      <c r="AH28" s="258">
        <v>7</v>
      </c>
      <c r="AI28" s="263">
        <v>7</v>
      </c>
      <c r="AJ28" s="257">
        <v>0</v>
      </c>
      <c r="AK28" s="261">
        <v>0</v>
      </c>
      <c r="AL28" s="258">
        <v>0</v>
      </c>
      <c r="AM28" s="260">
        <v>0</v>
      </c>
      <c r="AN28" s="261">
        <v>0</v>
      </c>
      <c r="AO28" s="261">
        <v>1</v>
      </c>
      <c r="AP28" s="261">
        <v>1</v>
      </c>
      <c r="AQ28" s="261">
        <v>0</v>
      </c>
      <c r="AR28" s="261">
        <v>0</v>
      </c>
      <c r="AS28" s="258">
        <v>2</v>
      </c>
      <c r="AT28" s="263">
        <v>2</v>
      </c>
      <c r="AU28" s="257">
        <v>0</v>
      </c>
      <c r="AV28" s="261">
        <v>0</v>
      </c>
      <c r="AW28" s="258">
        <v>0</v>
      </c>
      <c r="AX28" s="260">
        <v>0</v>
      </c>
      <c r="AY28" s="261">
        <v>0</v>
      </c>
      <c r="AZ28" s="261">
        <v>0</v>
      </c>
      <c r="BA28" s="261">
        <v>0</v>
      </c>
      <c r="BB28" s="261">
        <v>0</v>
      </c>
      <c r="BC28" s="261">
        <v>0</v>
      </c>
      <c r="BD28" s="258">
        <v>0</v>
      </c>
      <c r="BE28" s="263">
        <v>0</v>
      </c>
      <c r="BF28" s="257">
        <v>0</v>
      </c>
      <c r="BG28" s="261">
        <v>0</v>
      </c>
      <c r="BH28" s="258">
        <v>0</v>
      </c>
      <c r="BI28" s="260">
        <v>0</v>
      </c>
      <c r="BJ28" s="261">
        <v>0</v>
      </c>
      <c r="BK28" s="261">
        <v>1</v>
      </c>
      <c r="BL28" s="261">
        <v>0</v>
      </c>
      <c r="BM28" s="261">
        <v>2</v>
      </c>
      <c r="BN28" s="261">
        <v>0</v>
      </c>
      <c r="BO28" s="262">
        <v>3</v>
      </c>
      <c r="BP28" s="263">
        <v>3</v>
      </c>
      <c r="BQ28" s="257">
        <v>0</v>
      </c>
      <c r="BR28" s="261">
        <v>0</v>
      </c>
      <c r="BS28" s="258">
        <v>0</v>
      </c>
      <c r="BT28" s="260">
        <v>0</v>
      </c>
      <c r="BU28" s="261">
        <v>0</v>
      </c>
      <c r="BV28" s="261">
        <v>0</v>
      </c>
      <c r="BW28" s="261">
        <v>0</v>
      </c>
      <c r="BX28" s="261">
        <v>0</v>
      </c>
      <c r="BY28" s="261">
        <v>0</v>
      </c>
      <c r="BZ28" s="258">
        <v>0</v>
      </c>
      <c r="CA28" s="263">
        <v>0</v>
      </c>
      <c r="CB28" s="257">
        <v>0</v>
      </c>
      <c r="CC28" s="261">
        <v>0</v>
      </c>
      <c r="CD28" s="258">
        <v>0</v>
      </c>
      <c r="CE28" s="260">
        <v>0</v>
      </c>
      <c r="CF28" s="261">
        <v>0</v>
      </c>
      <c r="CG28" s="261">
        <v>0</v>
      </c>
      <c r="CH28" s="261">
        <v>0</v>
      </c>
      <c r="CI28" s="261">
        <v>0</v>
      </c>
      <c r="CJ28" s="261">
        <v>0</v>
      </c>
      <c r="CK28" s="258">
        <v>0</v>
      </c>
      <c r="CL28" s="263">
        <v>0</v>
      </c>
      <c r="CM28" s="257">
        <v>0</v>
      </c>
      <c r="CN28" s="261">
        <v>0</v>
      </c>
      <c r="CO28" s="258">
        <v>0</v>
      </c>
      <c r="CP28" s="260">
        <v>0</v>
      </c>
      <c r="CQ28" s="261">
        <v>0</v>
      </c>
      <c r="CR28" s="261">
        <v>0</v>
      </c>
      <c r="CS28" s="261">
        <v>0</v>
      </c>
      <c r="CT28" s="261">
        <v>0</v>
      </c>
      <c r="CU28" s="261">
        <v>0</v>
      </c>
      <c r="CV28" s="258">
        <v>0</v>
      </c>
      <c r="CW28" s="263">
        <v>0</v>
      </c>
    </row>
    <row r="29" spans="2:101" ht="21" customHeight="1" x14ac:dyDescent="0.2">
      <c r="B29" s="472" t="s">
        <v>27</v>
      </c>
      <c r="C29" s="257">
        <v>0</v>
      </c>
      <c r="D29" s="258">
        <v>0</v>
      </c>
      <c r="E29" s="259">
        <v>0</v>
      </c>
      <c r="F29" s="260">
        <v>0</v>
      </c>
      <c r="G29" s="261">
        <v>0</v>
      </c>
      <c r="H29" s="261">
        <v>0</v>
      </c>
      <c r="I29" s="261">
        <v>1</v>
      </c>
      <c r="J29" s="261">
        <v>0</v>
      </c>
      <c r="K29" s="261">
        <v>0</v>
      </c>
      <c r="L29" s="262">
        <v>1</v>
      </c>
      <c r="M29" s="263">
        <v>1</v>
      </c>
      <c r="N29" s="257">
        <v>0</v>
      </c>
      <c r="O29" s="261">
        <v>0</v>
      </c>
      <c r="P29" s="258">
        <v>0</v>
      </c>
      <c r="Q29" s="260">
        <v>0</v>
      </c>
      <c r="R29" s="261">
        <v>0</v>
      </c>
      <c r="S29" s="261">
        <v>0</v>
      </c>
      <c r="T29" s="261">
        <v>0</v>
      </c>
      <c r="U29" s="261">
        <v>0</v>
      </c>
      <c r="V29" s="261">
        <v>0</v>
      </c>
      <c r="W29" s="258">
        <v>0</v>
      </c>
      <c r="X29" s="263">
        <v>0</v>
      </c>
      <c r="Y29" s="257">
        <v>0</v>
      </c>
      <c r="Z29" s="261">
        <v>0</v>
      </c>
      <c r="AA29" s="258">
        <v>0</v>
      </c>
      <c r="AB29" s="260">
        <v>0</v>
      </c>
      <c r="AC29" s="261">
        <v>0</v>
      </c>
      <c r="AD29" s="261">
        <v>1</v>
      </c>
      <c r="AE29" s="261">
        <v>0</v>
      </c>
      <c r="AF29" s="261">
        <v>0</v>
      </c>
      <c r="AG29" s="261">
        <v>0</v>
      </c>
      <c r="AH29" s="258">
        <v>1</v>
      </c>
      <c r="AI29" s="263">
        <v>1</v>
      </c>
      <c r="AJ29" s="257">
        <v>0</v>
      </c>
      <c r="AK29" s="261">
        <v>0</v>
      </c>
      <c r="AL29" s="258">
        <v>0</v>
      </c>
      <c r="AM29" s="260">
        <v>0</v>
      </c>
      <c r="AN29" s="261">
        <v>0</v>
      </c>
      <c r="AO29" s="261">
        <v>0</v>
      </c>
      <c r="AP29" s="261">
        <v>0</v>
      </c>
      <c r="AQ29" s="261">
        <v>1</v>
      </c>
      <c r="AR29" s="261">
        <v>0</v>
      </c>
      <c r="AS29" s="258">
        <v>1</v>
      </c>
      <c r="AT29" s="263">
        <v>1</v>
      </c>
      <c r="AU29" s="257">
        <v>0</v>
      </c>
      <c r="AV29" s="261">
        <v>0</v>
      </c>
      <c r="AW29" s="258">
        <v>0</v>
      </c>
      <c r="AX29" s="260">
        <v>0</v>
      </c>
      <c r="AY29" s="261">
        <v>0</v>
      </c>
      <c r="AZ29" s="261">
        <v>1</v>
      </c>
      <c r="BA29" s="261">
        <v>0</v>
      </c>
      <c r="BB29" s="261">
        <v>0</v>
      </c>
      <c r="BC29" s="261">
        <v>0</v>
      </c>
      <c r="BD29" s="258">
        <v>1</v>
      </c>
      <c r="BE29" s="263">
        <v>1</v>
      </c>
      <c r="BF29" s="257">
        <v>0</v>
      </c>
      <c r="BG29" s="261">
        <v>0</v>
      </c>
      <c r="BH29" s="258">
        <v>0</v>
      </c>
      <c r="BI29" s="260">
        <v>0</v>
      </c>
      <c r="BJ29" s="261">
        <v>1</v>
      </c>
      <c r="BK29" s="261">
        <v>0</v>
      </c>
      <c r="BL29" s="261">
        <v>1</v>
      </c>
      <c r="BM29" s="261">
        <v>0</v>
      </c>
      <c r="BN29" s="261">
        <v>0</v>
      </c>
      <c r="BO29" s="262">
        <v>2</v>
      </c>
      <c r="BP29" s="263">
        <v>2</v>
      </c>
      <c r="BQ29" s="257">
        <v>0</v>
      </c>
      <c r="BR29" s="261">
        <v>0</v>
      </c>
      <c r="BS29" s="258">
        <v>0</v>
      </c>
      <c r="BT29" s="260">
        <v>0</v>
      </c>
      <c r="BU29" s="261">
        <v>0</v>
      </c>
      <c r="BV29" s="261">
        <v>0</v>
      </c>
      <c r="BW29" s="261">
        <v>0</v>
      </c>
      <c r="BX29" s="261">
        <v>0</v>
      </c>
      <c r="BY29" s="261">
        <v>0</v>
      </c>
      <c r="BZ29" s="258">
        <v>0</v>
      </c>
      <c r="CA29" s="263">
        <v>0</v>
      </c>
      <c r="CB29" s="257">
        <v>0</v>
      </c>
      <c r="CC29" s="261">
        <v>0</v>
      </c>
      <c r="CD29" s="258">
        <v>0</v>
      </c>
      <c r="CE29" s="260">
        <v>0</v>
      </c>
      <c r="CF29" s="261">
        <v>0</v>
      </c>
      <c r="CG29" s="261">
        <v>0</v>
      </c>
      <c r="CH29" s="261">
        <v>1</v>
      </c>
      <c r="CI29" s="261">
        <v>0</v>
      </c>
      <c r="CJ29" s="261">
        <v>0</v>
      </c>
      <c r="CK29" s="258">
        <v>1</v>
      </c>
      <c r="CL29" s="263">
        <v>1</v>
      </c>
      <c r="CM29" s="257">
        <v>0</v>
      </c>
      <c r="CN29" s="261">
        <v>0</v>
      </c>
      <c r="CO29" s="258">
        <v>0</v>
      </c>
      <c r="CP29" s="260">
        <v>0</v>
      </c>
      <c r="CQ29" s="261">
        <v>0</v>
      </c>
      <c r="CR29" s="261">
        <v>0</v>
      </c>
      <c r="CS29" s="261">
        <v>0</v>
      </c>
      <c r="CT29" s="261">
        <v>0</v>
      </c>
      <c r="CU29" s="261">
        <v>0</v>
      </c>
      <c r="CV29" s="258">
        <v>0</v>
      </c>
      <c r="CW29" s="263">
        <v>0</v>
      </c>
    </row>
    <row r="30" spans="2:101" ht="21" customHeight="1" x14ac:dyDescent="0.2">
      <c r="B30" s="472" t="s">
        <v>28</v>
      </c>
      <c r="C30" s="257">
        <v>0</v>
      </c>
      <c r="D30" s="258">
        <v>0</v>
      </c>
      <c r="E30" s="259">
        <v>0</v>
      </c>
      <c r="F30" s="260">
        <v>0</v>
      </c>
      <c r="G30" s="261">
        <v>0</v>
      </c>
      <c r="H30" s="261">
        <v>0</v>
      </c>
      <c r="I30" s="261">
        <v>0</v>
      </c>
      <c r="J30" s="261">
        <v>0</v>
      </c>
      <c r="K30" s="261">
        <v>0</v>
      </c>
      <c r="L30" s="262">
        <v>0</v>
      </c>
      <c r="M30" s="263">
        <v>0</v>
      </c>
      <c r="N30" s="257">
        <v>0</v>
      </c>
      <c r="O30" s="261">
        <v>0</v>
      </c>
      <c r="P30" s="258">
        <v>0</v>
      </c>
      <c r="Q30" s="260">
        <v>0</v>
      </c>
      <c r="R30" s="261">
        <v>0</v>
      </c>
      <c r="S30" s="261">
        <v>0</v>
      </c>
      <c r="T30" s="261">
        <v>0</v>
      </c>
      <c r="U30" s="261">
        <v>0</v>
      </c>
      <c r="V30" s="261">
        <v>0</v>
      </c>
      <c r="W30" s="258">
        <v>0</v>
      </c>
      <c r="X30" s="263">
        <v>0</v>
      </c>
      <c r="Y30" s="257">
        <v>0</v>
      </c>
      <c r="Z30" s="261">
        <v>0</v>
      </c>
      <c r="AA30" s="258">
        <v>0</v>
      </c>
      <c r="AB30" s="260">
        <v>0</v>
      </c>
      <c r="AC30" s="261">
        <v>4</v>
      </c>
      <c r="AD30" s="261">
        <v>1</v>
      </c>
      <c r="AE30" s="261">
        <v>0</v>
      </c>
      <c r="AF30" s="261">
        <v>0</v>
      </c>
      <c r="AG30" s="261">
        <v>0</v>
      </c>
      <c r="AH30" s="258">
        <v>5</v>
      </c>
      <c r="AI30" s="263">
        <v>5</v>
      </c>
      <c r="AJ30" s="257">
        <v>0</v>
      </c>
      <c r="AK30" s="261">
        <v>0</v>
      </c>
      <c r="AL30" s="258">
        <v>0</v>
      </c>
      <c r="AM30" s="260">
        <v>0</v>
      </c>
      <c r="AN30" s="261">
        <v>0</v>
      </c>
      <c r="AO30" s="261">
        <v>0</v>
      </c>
      <c r="AP30" s="261">
        <v>0</v>
      </c>
      <c r="AQ30" s="261">
        <v>0</v>
      </c>
      <c r="AR30" s="261">
        <v>0</v>
      </c>
      <c r="AS30" s="258">
        <v>0</v>
      </c>
      <c r="AT30" s="263">
        <v>0</v>
      </c>
      <c r="AU30" s="257">
        <v>0</v>
      </c>
      <c r="AV30" s="261">
        <v>0</v>
      </c>
      <c r="AW30" s="258">
        <v>0</v>
      </c>
      <c r="AX30" s="260">
        <v>0</v>
      </c>
      <c r="AY30" s="261">
        <v>0</v>
      </c>
      <c r="AZ30" s="261">
        <v>0</v>
      </c>
      <c r="BA30" s="261">
        <v>0</v>
      </c>
      <c r="BB30" s="261">
        <v>0</v>
      </c>
      <c r="BC30" s="261">
        <v>0</v>
      </c>
      <c r="BD30" s="258">
        <v>0</v>
      </c>
      <c r="BE30" s="263">
        <v>0</v>
      </c>
      <c r="BF30" s="257">
        <v>0</v>
      </c>
      <c r="BG30" s="261">
        <v>0</v>
      </c>
      <c r="BH30" s="258">
        <v>0</v>
      </c>
      <c r="BI30" s="260">
        <v>0</v>
      </c>
      <c r="BJ30" s="261">
        <v>0</v>
      </c>
      <c r="BK30" s="261">
        <v>0</v>
      </c>
      <c r="BL30" s="261">
        <v>0</v>
      </c>
      <c r="BM30" s="261">
        <v>0</v>
      </c>
      <c r="BN30" s="261">
        <v>1</v>
      </c>
      <c r="BO30" s="262">
        <v>1</v>
      </c>
      <c r="BP30" s="263">
        <v>1</v>
      </c>
      <c r="BQ30" s="257">
        <v>0</v>
      </c>
      <c r="BR30" s="261">
        <v>0</v>
      </c>
      <c r="BS30" s="258">
        <v>0</v>
      </c>
      <c r="BT30" s="260">
        <v>0</v>
      </c>
      <c r="BU30" s="261">
        <v>0</v>
      </c>
      <c r="BV30" s="261">
        <v>0</v>
      </c>
      <c r="BW30" s="261">
        <v>0</v>
      </c>
      <c r="BX30" s="261">
        <v>0</v>
      </c>
      <c r="BY30" s="261">
        <v>0</v>
      </c>
      <c r="BZ30" s="258">
        <v>0</v>
      </c>
      <c r="CA30" s="263">
        <v>0</v>
      </c>
      <c r="CB30" s="257">
        <v>0</v>
      </c>
      <c r="CC30" s="261">
        <v>0</v>
      </c>
      <c r="CD30" s="258">
        <v>0</v>
      </c>
      <c r="CE30" s="260">
        <v>0</v>
      </c>
      <c r="CF30" s="261">
        <v>0</v>
      </c>
      <c r="CG30" s="261">
        <v>0</v>
      </c>
      <c r="CH30" s="261">
        <v>0</v>
      </c>
      <c r="CI30" s="261">
        <v>0</v>
      </c>
      <c r="CJ30" s="261">
        <v>0</v>
      </c>
      <c r="CK30" s="258">
        <v>0</v>
      </c>
      <c r="CL30" s="263">
        <v>0</v>
      </c>
      <c r="CM30" s="257">
        <v>0</v>
      </c>
      <c r="CN30" s="261">
        <v>0</v>
      </c>
      <c r="CO30" s="258">
        <v>0</v>
      </c>
      <c r="CP30" s="260">
        <v>0</v>
      </c>
      <c r="CQ30" s="261">
        <v>0</v>
      </c>
      <c r="CR30" s="261">
        <v>0</v>
      </c>
      <c r="CS30" s="261">
        <v>0</v>
      </c>
      <c r="CT30" s="261">
        <v>0</v>
      </c>
      <c r="CU30" s="261">
        <v>0</v>
      </c>
      <c r="CV30" s="258">
        <v>0</v>
      </c>
      <c r="CW30" s="263">
        <v>0</v>
      </c>
    </row>
    <row r="31" spans="2:101" ht="21" customHeight="1" x14ac:dyDescent="0.2">
      <c r="B31" s="472" t="s">
        <v>29</v>
      </c>
      <c r="C31" s="257">
        <v>0</v>
      </c>
      <c r="D31" s="258">
        <v>0</v>
      </c>
      <c r="E31" s="259">
        <v>0</v>
      </c>
      <c r="F31" s="260">
        <v>0</v>
      </c>
      <c r="G31" s="261">
        <v>0</v>
      </c>
      <c r="H31" s="261">
        <v>0</v>
      </c>
      <c r="I31" s="261">
        <v>0</v>
      </c>
      <c r="J31" s="261">
        <v>0</v>
      </c>
      <c r="K31" s="261">
        <v>0</v>
      </c>
      <c r="L31" s="262">
        <v>0</v>
      </c>
      <c r="M31" s="263">
        <v>0</v>
      </c>
      <c r="N31" s="257">
        <v>0</v>
      </c>
      <c r="O31" s="261">
        <v>0</v>
      </c>
      <c r="P31" s="258">
        <v>0</v>
      </c>
      <c r="Q31" s="260">
        <v>0</v>
      </c>
      <c r="R31" s="261">
        <v>0</v>
      </c>
      <c r="S31" s="261">
        <v>0</v>
      </c>
      <c r="T31" s="261">
        <v>0</v>
      </c>
      <c r="U31" s="261">
        <v>0</v>
      </c>
      <c r="V31" s="261">
        <v>0</v>
      </c>
      <c r="W31" s="258">
        <v>0</v>
      </c>
      <c r="X31" s="263">
        <v>0</v>
      </c>
      <c r="Y31" s="257">
        <v>0</v>
      </c>
      <c r="Z31" s="261">
        <v>0</v>
      </c>
      <c r="AA31" s="258">
        <v>0</v>
      </c>
      <c r="AB31" s="260">
        <v>0</v>
      </c>
      <c r="AC31" s="261">
        <v>0</v>
      </c>
      <c r="AD31" s="261">
        <v>2</v>
      </c>
      <c r="AE31" s="261">
        <v>1</v>
      </c>
      <c r="AF31" s="261">
        <v>0</v>
      </c>
      <c r="AG31" s="261">
        <v>0</v>
      </c>
      <c r="AH31" s="258">
        <v>3</v>
      </c>
      <c r="AI31" s="263">
        <v>3</v>
      </c>
      <c r="AJ31" s="257">
        <v>0</v>
      </c>
      <c r="AK31" s="261">
        <v>0</v>
      </c>
      <c r="AL31" s="258">
        <v>0</v>
      </c>
      <c r="AM31" s="260">
        <v>0</v>
      </c>
      <c r="AN31" s="261">
        <v>0</v>
      </c>
      <c r="AO31" s="261">
        <v>0</v>
      </c>
      <c r="AP31" s="261">
        <v>0</v>
      </c>
      <c r="AQ31" s="261">
        <v>0</v>
      </c>
      <c r="AR31" s="261">
        <v>0</v>
      </c>
      <c r="AS31" s="258">
        <v>0</v>
      </c>
      <c r="AT31" s="263">
        <v>0</v>
      </c>
      <c r="AU31" s="257">
        <v>0</v>
      </c>
      <c r="AV31" s="261">
        <v>0</v>
      </c>
      <c r="AW31" s="258">
        <v>0</v>
      </c>
      <c r="AX31" s="260">
        <v>0</v>
      </c>
      <c r="AY31" s="261">
        <v>0</v>
      </c>
      <c r="AZ31" s="261">
        <v>0</v>
      </c>
      <c r="BA31" s="261">
        <v>0</v>
      </c>
      <c r="BB31" s="261">
        <v>0</v>
      </c>
      <c r="BC31" s="261">
        <v>0</v>
      </c>
      <c r="BD31" s="258">
        <v>0</v>
      </c>
      <c r="BE31" s="263">
        <v>0</v>
      </c>
      <c r="BF31" s="257">
        <v>0</v>
      </c>
      <c r="BG31" s="261">
        <v>0</v>
      </c>
      <c r="BH31" s="258">
        <v>0</v>
      </c>
      <c r="BI31" s="260">
        <v>0</v>
      </c>
      <c r="BJ31" s="261">
        <v>0</v>
      </c>
      <c r="BK31" s="261">
        <v>0</v>
      </c>
      <c r="BL31" s="261">
        <v>0</v>
      </c>
      <c r="BM31" s="261">
        <v>0</v>
      </c>
      <c r="BN31" s="261">
        <v>0</v>
      </c>
      <c r="BO31" s="262">
        <v>0</v>
      </c>
      <c r="BP31" s="263">
        <v>0</v>
      </c>
      <c r="BQ31" s="257">
        <v>0</v>
      </c>
      <c r="BR31" s="261">
        <v>0</v>
      </c>
      <c r="BS31" s="258">
        <v>0</v>
      </c>
      <c r="BT31" s="260">
        <v>0</v>
      </c>
      <c r="BU31" s="261">
        <v>0</v>
      </c>
      <c r="BV31" s="261">
        <v>0</v>
      </c>
      <c r="BW31" s="261">
        <v>0</v>
      </c>
      <c r="BX31" s="261">
        <v>0</v>
      </c>
      <c r="BY31" s="261">
        <v>0</v>
      </c>
      <c r="BZ31" s="258">
        <v>0</v>
      </c>
      <c r="CA31" s="263">
        <v>0</v>
      </c>
      <c r="CB31" s="257">
        <v>0</v>
      </c>
      <c r="CC31" s="261">
        <v>0</v>
      </c>
      <c r="CD31" s="258">
        <v>0</v>
      </c>
      <c r="CE31" s="260">
        <v>0</v>
      </c>
      <c r="CF31" s="261">
        <v>0</v>
      </c>
      <c r="CG31" s="261">
        <v>0</v>
      </c>
      <c r="CH31" s="261">
        <v>2</v>
      </c>
      <c r="CI31" s="261">
        <v>1</v>
      </c>
      <c r="CJ31" s="261">
        <v>0</v>
      </c>
      <c r="CK31" s="258">
        <v>3</v>
      </c>
      <c r="CL31" s="263">
        <v>3</v>
      </c>
      <c r="CM31" s="257">
        <v>0</v>
      </c>
      <c r="CN31" s="261">
        <v>0</v>
      </c>
      <c r="CO31" s="258">
        <v>0</v>
      </c>
      <c r="CP31" s="260">
        <v>0</v>
      </c>
      <c r="CQ31" s="261">
        <v>0</v>
      </c>
      <c r="CR31" s="261">
        <v>0</v>
      </c>
      <c r="CS31" s="261">
        <v>0</v>
      </c>
      <c r="CT31" s="261">
        <v>0</v>
      </c>
      <c r="CU31" s="261">
        <v>0</v>
      </c>
      <c r="CV31" s="258">
        <v>0</v>
      </c>
      <c r="CW31" s="263">
        <v>0</v>
      </c>
    </row>
    <row r="32" spans="2:101" ht="21" customHeight="1" x14ac:dyDescent="0.2">
      <c r="B32" s="472" t="s">
        <v>30</v>
      </c>
      <c r="C32" s="257">
        <v>0</v>
      </c>
      <c r="D32" s="258">
        <v>0</v>
      </c>
      <c r="E32" s="259">
        <v>0</v>
      </c>
      <c r="F32" s="260">
        <v>0</v>
      </c>
      <c r="G32" s="261">
        <v>0</v>
      </c>
      <c r="H32" s="261">
        <v>0</v>
      </c>
      <c r="I32" s="261">
        <v>0</v>
      </c>
      <c r="J32" s="261">
        <v>0</v>
      </c>
      <c r="K32" s="261">
        <v>0</v>
      </c>
      <c r="L32" s="262">
        <v>0</v>
      </c>
      <c r="M32" s="263">
        <v>0</v>
      </c>
      <c r="N32" s="257">
        <v>0</v>
      </c>
      <c r="O32" s="261">
        <v>0</v>
      </c>
      <c r="P32" s="258">
        <v>0</v>
      </c>
      <c r="Q32" s="260">
        <v>0</v>
      </c>
      <c r="R32" s="261">
        <v>0</v>
      </c>
      <c r="S32" s="261">
        <v>0</v>
      </c>
      <c r="T32" s="261">
        <v>0</v>
      </c>
      <c r="U32" s="261">
        <v>0</v>
      </c>
      <c r="V32" s="261">
        <v>0</v>
      </c>
      <c r="W32" s="258">
        <v>0</v>
      </c>
      <c r="X32" s="263">
        <v>0</v>
      </c>
      <c r="Y32" s="257">
        <v>0</v>
      </c>
      <c r="Z32" s="261">
        <v>0</v>
      </c>
      <c r="AA32" s="258">
        <v>0</v>
      </c>
      <c r="AB32" s="260">
        <v>0</v>
      </c>
      <c r="AC32" s="261">
        <v>2</v>
      </c>
      <c r="AD32" s="261">
        <v>0</v>
      </c>
      <c r="AE32" s="261">
        <v>1</v>
      </c>
      <c r="AF32" s="261">
        <v>0</v>
      </c>
      <c r="AG32" s="261">
        <v>0</v>
      </c>
      <c r="AH32" s="258">
        <v>3</v>
      </c>
      <c r="AI32" s="263">
        <v>3</v>
      </c>
      <c r="AJ32" s="257">
        <v>0</v>
      </c>
      <c r="AK32" s="261">
        <v>0</v>
      </c>
      <c r="AL32" s="258">
        <v>0</v>
      </c>
      <c r="AM32" s="260">
        <v>0</v>
      </c>
      <c r="AN32" s="261">
        <v>0</v>
      </c>
      <c r="AO32" s="261">
        <v>1</v>
      </c>
      <c r="AP32" s="261">
        <v>0</v>
      </c>
      <c r="AQ32" s="261">
        <v>0</v>
      </c>
      <c r="AR32" s="261">
        <v>0</v>
      </c>
      <c r="AS32" s="258">
        <v>1</v>
      </c>
      <c r="AT32" s="263">
        <v>1</v>
      </c>
      <c r="AU32" s="257">
        <v>0</v>
      </c>
      <c r="AV32" s="261">
        <v>0</v>
      </c>
      <c r="AW32" s="258">
        <v>0</v>
      </c>
      <c r="AX32" s="260">
        <v>0</v>
      </c>
      <c r="AY32" s="261">
        <v>0</v>
      </c>
      <c r="AZ32" s="261">
        <v>0</v>
      </c>
      <c r="BA32" s="261">
        <v>0</v>
      </c>
      <c r="BB32" s="261">
        <v>0</v>
      </c>
      <c r="BC32" s="261">
        <v>0</v>
      </c>
      <c r="BD32" s="258">
        <v>0</v>
      </c>
      <c r="BE32" s="263">
        <v>0</v>
      </c>
      <c r="BF32" s="257">
        <v>0</v>
      </c>
      <c r="BG32" s="261">
        <v>0</v>
      </c>
      <c r="BH32" s="258">
        <v>0</v>
      </c>
      <c r="BI32" s="260">
        <v>0</v>
      </c>
      <c r="BJ32" s="261">
        <v>0</v>
      </c>
      <c r="BK32" s="261">
        <v>0</v>
      </c>
      <c r="BL32" s="261">
        <v>0</v>
      </c>
      <c r="BM32" s="261">
        <v>1</v>
      </c>
      <c r="BN32" s="261">
        <v>0</v>
      </c>
      <c r="BO32" s="262">
        <v>1</v>
      </c>
      <c r="BP32" s="263">
        <v>1</v>
      </c>
      <c r="BQ32" s="257">
        <v>0</v>
      </c>
      <c r="BR32" s="261">
        <v>0</v>
      </c>
      <c r="BS32" s="258">
        <v>0</v>
      </c>
      <c r="BT32" s="260">
        <v>0</v>
      </c>
      <c r="BU32" s="261">
        <v>0</v>
      </c>
      <c r="BV32" s="261">
        <v>0</v>
      </c>
      <c r="BW32" s="261">
        <v>0</v>
      </c>
      <c r="BX32" s="261">
        <v>0</v>
      </c>
      <c r="BY32" s="261">
        <v>0</v>
      </c>
      <c r="BZ32" s="258">
        <v>0</v>
      </c>
      <c r="CA32" s="263">
        <v>0</v>
      </c>
      <c r="CB32" s="257">
        <v>0</v>
      </c>
      <c r="CC32" s="261">
        <v>0</v>
      </c>
      <c r="CD32" s="258">
        <v>0</v>
      </c>
      <c r="CE32" s="260">
        <v>0</v>
      </c>
      <c r="CF32" s="261">
        <v>0</v>
      </c>
      <c r="CG32" s="261">
        <v>0</v>
      </c>
      <c r="CH32" s="261">
        <v>0</v>
      </c>
      <c r="CI32" s="261">
        <v>0</v>
      </c>
      <c r="CJ32" s="261">
        <v>0</v>
      </c>
      <c r="CK32" s="258">
        <v>0</v>
      </c>
      <c r="CL32" s="263">
        <v>0</v>
      </c>
      <c r="CM32" s="257">
        <v>0</v>
      </c>
      <c r="CN32" s="261">
        <v>0</v>
      </c>
      <c r="CO32" s="258">
        <v>0</v>
      </c>
      <c r="CP32" s="260">
        <v>0</v>
      </c>
      <c r="CQ32" s="261">
        <v>0</v>
      </c>
      <c r="CR32" s="261">
        <v>0</v>
      </c>
      <c r="CS32" s="261">
        <v>0</v>
      </c>
      <c r="CT32" s="261">
        <v>0</v>
      </c>
      <c r="CU32" s="261">
        <v>0</v>
      </c>
      <c r="CV32" s="258">
        <v>0</v>
      </c>
      <c r="CW32" s="263">
        <v>0</v>
      </c>
    </row>
    <row r="33" spans="2:101" ht="21" customHeight="1" x14ac:dyDescent="0.2">
      <c r="B33" s="472" t="s">
        <v>31</v>
      </c>
      <c r="C33" s="257">
        <v>0</v>
      </c>
      <c r="D33" s="258">
        <v>0</v>
      </c>
      <c r="E33" s="259">
        <v>0</v>
      </c>
      <c r="F33" s="260">
        <v>0</v>
      </c>
      <c r="G33" s="261">
        <v>0</v>
      </c>
      <c r="H33" s="261">
        <v>0</v>
      </c>
      <c r="I33" s="261">
        <v>0</v>
      </c>
      <c r="J33" s="261">
        <v>0</v>
      </c>
      <c r="K33" s="261">
        <v>0</v>
      </c>
      <c r="L33" s="262">
        <v>0</v>
      </c>
      <c r="M33" s="263">
        <v>0</v>
      </c>
      <c r="N33" s="257">
        <v>0</v>
      </c>
      <c r="O33" s="261">
        <v>0</v>
      </c>
      <c r="P33" s="258">
        <v>0</v>
      </c>
      <c r="Q33" s="260">
        <v>0</v>
      </c>
      <c r="R33" s="261">
        <v>0</v>
      </c>
      <c r="S33" s="261">
        <v>0</v>
      </c>
      <c r="T33" s="261">
        <v>0</v>
      </c>
      <c r="U33" s="261">
        <v>0</v>
      </c>
      <c r="V33" s="261">
        <v>0</v>
      </c>
      <c r="W33" s="258">
        <v>0</v>
      </c>
      <c r="X33" s="263">
        <v>0</v>
      </c>
      <c r="Y33" s="257">
        <v>0</v>
      </c>
      <c r="Z33" s="261">
        <v>0</v>
      </c>
      <c r="AA33" s="258">
        <v>0</v>
      </c>
      <c r="AB33" s="260">
        <v>0</v>
      </c>
      <c r="AC33" s="261">
        <v>1</v>
      </c>
      <c r="AD33" s="261">
        <v>1</v>
      </c>
      <c r="AE33" s="261">
        <v>1</v>
      </c>
      <c r="AF33" s="261">
        <v>0</v>
      </c>
      <c r="AG33" s="261">
        <v>0</v>
      </c>
      <c r="AH33" s="258">
        <v>3</v>
      </c>
      <c r="AI33" s="263">
        <v>3</v>
      </c>
      <c r="AJ33" s="257">
        <v>0</v>
      </c>
      <c r="AK33" s="261">
        <v>0</v>
      </c>
      <c r="AL33" s="258">
        <v>0</v>
      </c>
      <c r="AM33" s="260">
        <v>0</v>
      </c>
      <c r="AN33" s="261">
        <v>0</v>
      </c>
      <c r="AO33" s="261">
        <v>0</v>
      </c>
      <c r="AP33" s="261">
        <v>0</v>
      </c>
      <c r="AQ33" s="261">
        <v>1</v>
      </c>
      <c r="AR33" s="261">
        <v>0</v>
      </c>
      <c r="AS33" s="258">
        <v>1</v>
      </c>
      <c r="AT33" s="263">
        <v>1</v>
      </c>
      <c r="AU33" s="257">
        <v>0</v>
      </c>
      <c r="AV33" s="261">
        <v>0</v>
      </c>
      <c r="AW33" s="258">
        <v>0</v>
      </c>
      <c r="AX33" s="260">
        <v>0</v>
      </c>
      <c r="AY33" s="261">
        <v>1</v>
      </c>
      <c r="AZ33" s="261">
        <v>0</v>
      </c>
      <c r="BA33" s="261">
        <v>0</v>
      </c>
      <c r="BB33" s="261">
        <v>0</v>
      </c>
      <c r="BC33" s="261">
        <v>0</v>
      </c>
      <c r="BD33" s="258">
        <v>1</v>
      </c>
      <c r="BE33" s="263">
        <v>1</v>
      </c>
      <c r="BF33" s="257">
        <v>0</v>
      </c>
      <c r="BG33" s="261">
        <v>0</v>
      </c>
      <c r="BH33" s="258">
        <v>0</v>
      </c>
      <c r="BI33" s="260">
        <v>0</v>
      </c>
      <c r="BJ33" s="261">
        <v>0</v>
      </c>
      <c r="BK33" s="261">
        <v>1</v>
      </c>
      <c r="BL33" s="261">
        <v>0</v>
      </c>
      <c r="BM33" s="261">
        <v>1</v>
      </c>
      <c r="BN33" s="261">
        <v>1</v>
      </c>
      <c r="BO33" s="262">
        <v>3</v>
      </c>
      <c r="BP33" s="263">
        <v>3</v>
      </c>
      <c r="BQ33" s="257">
        <v>0</v>
      </c>
      <c r="BR33" s="261">
        <v>0</v>
      </c>
      <c r="BS33" s="258">
        <v>0</v>
      </c>
      <c r="BT33" s="260">
        <v>0</v>
      </c>
      <c r="BU33" s="261">
        <v>0</v>
      </c>
      <c r="BV33" s="261">
        <v>0</v>
      </c>
      <c r="BW33" s="261">
        <v>0</v>
      </c>
      <c r="BX33" s="261">
        <v>0</v>
      </c>
      <c r="BY33" s="261">
        <v>0</v>
      </c>
      <c r="BZ33" s="258">
        <v>0</v>
      </c>
      <c r="CA33" s="263">
        <v>0</v>
      </c>
      <c r="CB33" s="257">
        <v>0</v>
      </c>
      <c r="CC33" s="261">
        <v>0</v>
      </c>
      <c r="CD33" s="258">
        <v>0</v>
      </c>
      <c r="CE33" s="260">
        <v>0</v>
      </c>
      <c r="CF33" s="261">
        <v>0</v>
      </c>
      <c r="CG33" s="261">
        <v>1</v>
      </c>
      <c r="CH33" s="261">
        <v>0</v>
      </c>
      <c r="CI33" s="261">
        <v>0</v>
      </c>
      <c r="CJ33" s="261">
        <v>0</v>
      </c>
      <c r="CK33" s="258">
        <v>1</v>
      </c>
      <c r="CL33" s="263">
        <v>1</v>
      </c>
      <c r="CM33" s="257">
        <v>0</v>
      </c>
      <c r="CN33" s="261">
        <v>0</v>
      </c>
      <c r="CO33" s="258">
        <v>0</v>
      </c>
      <c r="CP33" s="260">
        <v>0</v>
      </c>
      <c r="CQ33" s="261">
        <v>0</v>
      </c>
      <c r="CR33" s="261">
        <v>0</v>
      </c>
      <c r="CS33" s="261">
        <v>0</v>
      </c>
      <c r="CT33" s="261">
        <v>0</v>
      </c>
      <c r="CU33" s="261">
        <v>0</v>
      </c>
      <c r="CV33" s="258">
        <v>0</v>
      </c>
      <c r="CW33" s="263">
        <v>0</v>
      </c>
    </row>
    <row r="34" spans="2:101" ht="21" customHeight="1" x14ac:dyDescent="0.2">
      <c r="B34" s="472" t="s">
        <v>32</v>
      </c>
      <c r="C34" s="257">
        <v>0</v>
      </c>
      <c r="D34" s="258">
        <v>0</v>
      </c>
      <c r="E34" s="259">
        <v>0</v>
      </c>
      <c r="F34" s="260">
        <v>0</v>
      </c>
      <c r="G34" s="261">
        <v>0</v>
      </c>
      <c r="H34" s="261">
        <v>1</v>
      </c>
      <c r="I34" s="261">
        <v>0</v>
      </c>
      <c r="J34" s="261">
        <v>0</v>
      </c>
      <c r="K34" s="261">
        <v>0</v>
      </c>
      <c r="L34" s="262">
        <v>1</v>
      </c>
      <c r="M34" s="263">
        <v>1</v>
      </c>
      <c r="N34" s="257">
        <v>0</v>
      </c>
      <c r="O34" s="261">
        <v>0</v>
      </c>
      <c r="P34" s="258">
        <v>0</v>
      </c>
      <c r="Q34" s="260">
        <v>0</v>
      </c>
      <c r="R34" s="261">
        <v>0</v>
      </c>
      <c r="S34" s="261">
        <v>0</v>
      </c>
      <c r="T34" s="261">
        <v>0</v>
      </c>
      <c r="U34" s="261">
        <v>0</v>
      </c>
      <c r="V34" s="261">
        <v>0</v>
      </c>
      <c r="W34" s="258">
        <v>0</v>
      </c>
      <c r="X34" s="263">
        <v>0</v>
      </c>
      <c r="Y34" s="257">
        <v>0</v>
      </c>
      <c r="Z34" s="261">
        <v>0</v>
      </c>
      <c r="AA34" s="258">
        <v>0</v>
      </c>
      <c r="AB34" s="260">
        <v>0</v>
      </c>
      <c r="AC34" s="261">
        <v>3</v>
      </c>
      <c r="AD34" s="261">
        <v>4</v>
      </c>
      <c r="AE34" s="261">
        <v>0</v>
      </c>
      <c r="AF34" s="261">
        <v>0</v>
      </c>
      <c r="AG34" s="261">
        <v>1</v>
      </c>
      <c r="AH34" s="258">
        <v>8</v>
      </c>
      <c r="AI34" s="263">
        <v>8</v>
      </c>
      <c r="AJ34" s="257">
        <v>0</v>
      </c>
      <c r="AK34" s="261">
        <v>0</v>
      </c>
      <c r="AL34" s="258">
        <v>0</v>
      </c>
      <c r="AM34" s="260">
        <v>0</v>
      </c>
      <c r="AN34" s="261">
        <v>0</v>
      </c>
      <c r="AO34" s="261">
        <v>0</v>
      </c>
      <c r="AP34" s="261">
        <v>0</v>
      </c>
      <c r="AQ34" s="261">
        <v>0</v>
      </c>
      <c r="AR34" s="261">
        <v>0</v>
      </c>
      <c r="AS34" s="258">
        <v>0</v>
      </c>
      <c r="AT34" s="263">
        <v>0</v>
      </c>
      <c r="AU34" s="257">
        <v>0</v>
      </c>
      <c r="AV34" s="261">
        <v>0</v>
      </c>
      <c r="AW34" s="258">
        <v>0</v>
      </c>
      <c r="AX34" s="260">
        <v>0</v>
      </c>
      <c r="AY34" s="261">
        <v>0</v>
      </c>
      <c r="AZ34" s="261">
        <v>0</v>
      </c>
      <c r="BA34" s="261">
        <v>0</v>
      </c>
      <c r="BB34" s="261">
        <v>0</v>
      </c>
      <c r="BC34" s="261">
        <v>0</v>
      </c>
      <c r="BD34" s="258">
        <v>0</v>
      </c>
      <c r="BE34" s="263">
        <v>0</v>
      </c>
      <c r="BF34" s="257">
        <v>0</v>
      </c>
      <c r="BG34" s="261">
        <v>0</v>
      </c>
      <c r="BH34" s="258">
        <v>0</v>
      </c>
      <c r="BI34" s="260">
        <v>0</v>
      </c>
      <c r="BJ34" s="261">
        <v>0</v>
      </c>
      <c r="BK34" s="261">
        <v>0</v>
      </c>
      <c r="BL34" s="261">
        <v>1</v>
      </c>
      <c r="BM34" s="261">
        <v>0</v>
      </c>
      <c r="BN34" s="261">
        <v>0</v>
      </c>
      <c r="BO34" s="262">
        <v>1</v>
      </c>
      <c r="BP34" s="263">
        <v>1</v>
      </c>
      <c r="BQ34" s="257">
        <v>0</v>
      </c>
      <c r="BR34" s="261">
        <v>0</v>
      </c>
      <c r="BS34" s="258">
        <v>0</v>
      </c>
      <c r="BT34" s="260">
        <v>0</v>
      </c>
      <c r="BU34" s="261">
        <v>0</v>
      </c>
      <c r="BV34" s="261">
        <v>0</v>
      </c>
      <c r="BW34" s="261">
        <v>0</v>
      </c>
      <c r="BX34" s="261">
        <v>0</v>
      </c>
      <c r="BY34" s="261">
        <v>0</v>
      </c>
      <c r="BZ34" s="258">
        <v>0</v>
      </c>
      <c r="CA34" s="263">
        <v>0</v>
      </c>
      <c r="CB34" s="257">
        <v>0</v>
      </c>
      <c r="CC34" s="261">
        <v>0</v>
      </c>
      <c r="CD34" s="258">
        <v>0</v>
      </c>
      <c r="CE34" s="260">
        <v>0</v>
      </c>
      <c r="CF34" s="261">
        <v>0</v>
      </c>
      <c r="CG34" s="261">
        <v>0</v>
      </c>
      <c r="CH34" s="261">
        <v>1</v>
      </c>
      <c r="CI34" s="261">
        <v>1</v>
      </c>
      <c r="CJ34" s="261">
        <v>0</v>
      </c>
      <c r="CK34" s="258">
        <v>2</v>
      </c>
      <c r="CL34" s="263">
        <v>2</v>
      </c>
      <c r="CM34" s="257">
        <v>0</v>
      </c>
      <c r="CN34" s="261">
        <v>0</v>
      </c>
      <c r="CO34" s="258">
        <v>0</v>
      </c>
      <c r="CP34" s="260">
        <v>0</v>
      </c>
      <c r="CQ34" s="261">
        <v>0</v>
      </c>
      <c r="CR34" s="261">
        <v>0</v>
      </c>
      <c r="CS34" s="261">
        <v>0</v>
      </c>
      <c r="CT34" s="261">
        <v>0</v>
      </c>
      <c r="CU34" s="261">
        <v>0</v>
      </c>
      <c r="CV34" s="258">
        <v>0</v>
      </c>
      <c r="CW34" s="263">
        <v>0</v>
      </c>
    </row>
    <row r="35" spans="2:101" ht="21" customHeight="1" x14ac:dyDescent="0.2">
      <c r="B35" s="472" t="s">
        <v>33</v>
      </c>
      <c r="C35" s="257">
        <v>0</v>
      </c>
      <c r="D35" s="258">
        <v>0</v>
      </c>
      <c r="E35" s="259">
        <v>0</v>
      </c>
      <c r="F35" s="260">
        <v>0</v>
      </c>
      <c r="G35" s="261">
        <v>0</v>
      </c>
      <c r="H35" s="261">
        <v>0</v>
      </c>
      <c r="I35" s="261">
        <v>0</v>
      </c>
      <c r="J35" s="261">
        <v>0</v>
      </c>
      <c r="K35" s="261">
        <v>0</v>
      </c>
      <c r="L35" s="262">
        <v>0</v>
      </c>
      <c r="M35" s="263">
        <v>0</v>
      </c>
      <c r="N35" s="257">
        <v>0</v>
      </c>
      <c r="O35" s="261">
        <v>0</v>
      </c>
      <c r="P35" s="258">
        <v>0</v>
      </c>
      <c r="Q35" s="260">
        <v>0</v>
      </c>
      <c r="R35" s="261">
        <v>0</v>
      </c>
      <c r="S35" s="261">
        <v>0</v>
      </c>
      <c r="T35" s="261">
        <v>0</v>
      </c>
      <c r="U35" s="261">
        <v>0</v>
      </c>
      <c r="V35" s="261">
        <v>0</v>
      </c>
      <c r="W35" s="258">
        <v>0</v>
      </c>
      <c r="X35" s="263">
        <v>0</v>
      </c>
      <c r="Y35" s="257">
        <v>0</v>
      </c>
      <c r="Z35" s="261">
        <v>0</v>
      </c>
      <c r="AA35" s="258">
        <v>0</v>
      </c>
      <c r="AB35" s="260">
        <v>0</v>
      </c>
      <c r="AC35" s="261">
        <v>1</v>
      </c>
      <c r="AD35" s="261">
        <v>0</v>
      </c>
      <c r="AE35" s="261">
        <v>0</v>
      </c>
      <c r="AF35" s="261">
        <v>0</v>
      </c>
      <c r="AG35" s="261">
        <v>0</v>
      </c>
      <c r="AH35" s="258">
        <v>1</v>
      </c>
      <c r="AI35" s="263">
        <v>1</v>
      </c>
      <c r="AJ35" s="257">
        <v>0</v>
      </c>
      <c r="AK35" s="261">
        <v>0</v>
      </c>
      <c r="AL35" s="258">
        <v>0</v>
      </c>
      <c r="AM35" s="260">
        <v>0</v>
      </c>
      <c r="AN35" s="261">
        <v>0</v>
      </c>
      <c r="AO35" s="261">
        <v>0</v>
      </c>
      <c r="AP35" s="261">
        <v>0</v>
      </c>
      <c r="AQ35" s="261">
        <v>0</v>
      </c>
      <c r="AR35" s="261">
        <v>0</v>
      </c>
      <c r="AS35" s="258">
        <v>0</v>
      </c>
      <c r="AT35" s="263">
        <v>0</v>
      </c>
      <c r="AU35" s="257">
        <v>0</v>
      </c>
      <c r="AV35" s="261">
        <v>0</v>
      </c>
      <c r="AW35" s="258">
        <v>0</v>
      </c>
      <c r="AX35" s="260">
        <v>0</v>
      </c>
      <c r="AY35" s="261">
        <v>0</v>
      </c>
      <c r="AZ35" s="261">
        <v>0</v>
      </c>
      <c r="BA35" s="261">
        <v>0</v>
      </c>
      <c r="BB35" s="261">
        <v>0</v>
      </c>
      <c r="BC35" s="261">
        <v>0</v>
      </c>
      <c r="BD35" s="258">
        <v>0</v>
      </c>
      <c r="BE35" s="263">
        <v>0</v>
      </c>
      <c r="BF35" s="257">
        <v>0</v>
      </c>
      <c r="BG35" s="261">
        <v>0</v>
      </c>
      <c r="BH35" s="258">
        <v>0</v>
      </c>
      <c r="BI35" s="260">
        <v>0</v>
      </c>
      <c r="BJ35" s="261">
        <v>0</v>
      </c>
      <c r="BK35" s="261">
        <v>0</v>
      </c>
      <c r="BL35" s="261">
        <v>0</v>
      </c>
      <c r="BM35" s="261">
        <v>0</v>
      </c>
      <c r="BN35" s="261">
        <v>0</v>
      </c>
      <c r="BO35" s="262">
        <v>0</v>
      </c>
      <c r="BP35" s="263">
        <v>0</v>
      </c>
      <c r="BQ35" s="257">
        <v>0</v>
      </c>
      <c r="BR35" s="261">
        <v>0</v>
      </c>
      <c r="BS35" s="258">
        <v>0</v>
      </c>
      <c r="BT35" s="260">
        <v>0</v>
      </c>
      <c r="BU35" s="261">
        <v>0</v>
      </c>
      <c r="BV35" s="261">
        <v>0</v>
      </c>
      <c r="BW35" s="261">
        <v>0</v>
      </c>
      <c r="BX35" s="261">
        <v>0</v>
      </c>
      <c r="BY35" s="261">
        <v>0</v>
      </c>
      <c r="BZ35" s="258">
        <v>0</v>
      </c>
      <c r="CA35" s="263">
        <v>0</v>
      </c>
      <c r="CB35" s="257">
        <v>0</v>
      </c>
      <c r="CC35" s="261">
        <v>0</v>
      </c>
      <c r="CD35" s="258">
        <v>0</v>
      </c>
      <c r="CE35" s="260">
        <v>0</v>
      </c>
      <c r="CF35" s="261">
        <v>0</v>
      </c>
      <c r="CG35" s="261">
        <v>0</v>
      </c>
      <c r="CH35" s="261">
        <v>0</v>
      </c>
      <c r="CI35" s="261">
        <v>0</v>
      </c>
      <c r="CJ35" s="261">
        <v>0</v>
      </c>
      <c r="CK35" s="258">
        <v>0</v>
      </c>
      <c r="CL35" s="263">
        <v>0</v>
      </c>
      <c r="CM35" s="257">
        <v>0</v>
      </c>
      <c r="CN35" s="261">
        <v>0</v>
      </c>
      <c r="CO35" s="258">
        <v>0</v>
      </c>
      <c r="CP35" s="260">
        <v>0</v>
      </c>
      <c r="CQ35" s="261">
        <v>1</v>
      </c>
      <c r="CR35" s="261">
        <v>0</v>
      </c>
      <c r="CS35" s="261">
        <v>1</v>
      </c>
      <c r="CT35" s="261">
        <v>0</v>
      </c>
      <c r="CU35" s="261">
        <v>0</v>
      </c>
      <c r="CV35" s="258">
        <v>2</v>
      </c>
      <c r="CW35" s="263">
        <v>2</v>
      </c>
    </row>
    <row r="36" spans="2:101" ht="21" customHeight="1" x14ac:dyDescent="0.2">
      <c r="B36" s="472" t="s">
        <v>34</v>
      </c>
      <c r="C36" s="257">
        <v>0</v>
      </c>
      <c r="D36" s="258">
        <v>0</v>
      </c>
      <c r="E36" s="259">
        <v>0</v>
      </c>
      <c r="F36" s="260">
        <v>0</v>
      </c>
      <c r="G36" s="261">
        <v>0</v>
      </c>
      <c r="H36" s="261">
        <v>0</v>
      </c>
      <c r="I36" s="261">
        <v>0</v>
      </c>
      <c r="J36" s="261">
        <v>0</v>
      </c>
      <c r="K36" s="261">
        <v>0</v>
      </c>
      <c r="L36" s="262">
        <v>0</v>
      </c>
      <c r="M36" s="263">
        <v>0</v>
      </c>
      <c r="N36" s="257">
        <v>0</v>
      </c>
      <c r="O36" s="261">
        <v>0</v>
      </c>
      <c r="P36" s="258">
        <v>0</v>
      </c>
      <c r="Q36" s="260">
        <v>0</v>
      </c>
      <c r="R36" s="261">
        <v>0</v>
      </c>
      <c r="S36" s="261">
        <v>0</v>
      </c>
      <c r="T36" s="261">
        <v>0</v>
      </c>
      <c r="U36" s="261">
        <v>0</v>
      </c>
      <c r="V36" s="261">
        <v>0</v>
      </c>
      <c r="W36" s="258">
        <v>0</v>
      </c>
      <c r="X36" s="263">
        <v>0</v>
      </c>
      <c r="Y36" s="257">
        <v>0</v>
      </c>
      <c r="Z36" s="261">
        <v>0</v>
      </c>
      <c r="AA36" s="258">
        <v>0</v>
      </c>
      <c r="AB36" s="260">
        <v>0</v>
      </c>
      <c r="AC36" s="261">
        <v>1</v>
      </c>
      <c r="AD36" s="261">
        <v>2</v>
      </c>
      <c r="AE36" s="261">
        <v>0</v>
      </c>
      <c r="AF36" s="261">
        <v>0</v>
      </c>
      <c r="AG36" s="261">
        <v>0</v>
      </c>
      <c r="AH36" s="258">
        <v>3</v>
      </c>
      <c r="AI36" s="263">
        <v>3</v>
      </c>
      <c r="AJ36" s="257">
        <v>0</v>
      </c>
      <c r="AK36" s="261">
        <v>0</v>
      </c>
      <c r="AL36" s="258">
        <v>0</v>
      </c>
      <c r="AM36" s="260">
        <v>0</v>
      </c>
      <c r="AN36" s="261">
        <v>0</v>
      </c>
      <c r="AO36" s="261">
        <v>0</v>
      </c>
      <c r="AP36" s="261">
        <v>0</v>
      </c>
      <c r="AQ36" s="261">
        <v>0</v>
      </c>
      <c r="AR36" s="261">
        <v>0</v>
      </c>
      <c r="AS36" s="258">
        <v>0</v>
      </c>
      <c r="AT36" s="263">
        <v>0</v>
      </c>
      <c r="AU36" s="257">
        <v>0</v>
      </c>
      <c r="AV36" s="261">
        <v>0</v>
      </c>
      <c r="AW36" s="258">
        <v>0</v>
      </c>
      <c r="AX36" s="260">
        <v>0</v>
      </c>
      <c r="AY36" s="261">
        <v>0</v>
      </c>
      <c r="AZ36" s="261">
        <v>1</v>
      </c>
      <c r="BA36" s="261">
        <v>1</v>
      </c>
      <c r="BB36" s="261">
        <v>0</v>
      </c>
      <c r="BC36" s="261">
        <v>0</v>
      </c>
      <c r="BD36" s="258">
        <v>2</v>
      </c>
      <c r="BE36" s="263">
        <v>2</v>
      </c>
      <c r="BF36" s="257">
        <v>0</v>
      </c>
      <c r="BG36" s="261">
        <v>0</v>
      </c>
      <c r="BH36" s="258">
        <v>0</v>
      </c>
      <c r="BI36" s="260">
        <v>0</v>
      </c>
      <c r="BJ36" s="261">
        <v>0</v>
      </c>
      <c r="BK36" s="261">
        <v>0</v>
      </c>
      <c r="BL36" s="261">
        <v>0</v>
      </c>
      <c r="BM36" s="261">
        <v>0</v>
      </c>
      <c r="BN36" s="261">
        <v>0</v>
      </c>
      <c r="BO36" s="262">
        <v>0</v>
      </c>
      <c r="BP36" s="263">
        <v>0</v>
      </c>
      <c r="BQ36" s="257">
        <v>0</v>
      </c>
      <c r="BR36" s="261">
        <v>0</v>
      </c>
      <c r="BS36" s="258">
        <v>0</v>
      </c>
      <c r="BT36" s="260">
        <v>0</v>
      </c>
      <c r="BU36" s="261">
        <v>0</v>
      </c>
      <c r="BV36" s="261">
        <v>0</v>
      </c>
      <c r="BW36" s="261">
        <v>0</v>
      </c>
      <c r="BX36" s="261">
        <v>0</v>
      </c>
      <c r="BY36" s="261">
        <v>0</v>
      </c>
      <c r="BZ36" s="258">
        <v>0</v>
      </c>
      <c r="CA36" s="263">
        <v>0</v>
      </c>
      <c r="CB36" s="257">
        <v>0</v>
      </c>
      <c r="CC36" s="261">
        <v>0</v>
      </c>
      <c r="CD36" s="258">
        <v>0</v>
      </c>
      <c r="CE36" s="260">
        <v>0</v>
      </c>
      <c r="CF36" s="261">
        <v>0</v>
      </c>
      <c r="CG36" s="261">
        <v>0</v>
      </c>
      <c r="CH36" s="261">
        <v>0</v>
      </c>
      <c r="CI36" s="261">
        <v>0</v>
      </c>
      <c r="CJ36" s="261">
        <v>0</v>
      </c>
      <c r="CK36" s="258">
        <v>0</v>
      </c>
      <c r="CL36" s="263">
        <v>0</v>
      </c>
      <c r="CM36" s="257">
        <v>0</v>
      </c>
      <c r="CN36" s="261">
        <v>0</v>
      </c>
      <c r="CO36" s="258">
        <v>0</v>
      </c>
      <c r="CP36" s="260">
        <v>0</v>
      </c>
      <c r="CQ36" s="261">
        <v>0</v>
      </c>
      <c r="CR36" s="261">
        <v>0</v>
      </c>
      <c r="CS36" s="261">
        <v>1</v>
      </c>
      <c r="CT36" s="261">
        <v>0</v>
      </c>
      <c r="CU36" s="261">
        <v>0</v>
      </c>
      <c r="CV36" s="258">
        <v>1</v>
      </c>
      <c r="CW36" s="263">
        <v>1</v>
      </c>
    </row>
    <row r="37" spans="2:101" ht="21" customHeight="1" x14ac:dyDescent="0.2">
      <c r="B37" s="472" t="s">
        <v>35</v>
      </c>
      <c r="C37" s="257">
        <v>0</v>
      </c>
      <c r="D37" s="258">
        <v>0</v>
      </c>
      <c r="E37" s="259">
        <v>0</v>
      </c>
      <c r="F37" s="260">
        <v>0</v>
      </c>
      <c r="G37" s="261">
        <v>0</v>
      </c>
      <c r="H37" s="261">
        <v>0</v>
      </c>
      <c r="I37" s="261">
        <v>1</v>
      </c>
      <c r="J37" s="261">
        <v>0</v>
      </c>
      <c r="K37" s="261">
        <v>0</v>
      </c>
      <c r="L37" s="262">
        <v>1</v>
      </c>
      <c r="M37" s="263">
        <v>1</v>
      </c>
      <c r="N37" s="257">
        <v>0</v>
      </c>
      <c r="O37" s="261">
        <v>0</v>
      </c>
      <c r="P37" s="258">
        <v>0</v>
      </c>
      <c r="Q37" s="260">
        <v>0</v>
      </c>
      <c r="R37" s="261">
        <v>0</v>
      </c>
      <c r="S37" s="261">
        <v>0</v>
      </c>
      <c r="T37" s="261">
        <v>0</v>
      </c>
      <c r="U37" s="261">
        <v>0</v>
      </c>
      <c r="V37" s="261">
        <v>0</v>
      </c>
      <c r="W37" s="258">
        <v>0</v>
      </c>
      <c r="X37" s="263">
        <v>0</v>
      </c>
      <c r="Y37" s="257">
        <v>0</v>
      </c>
      <c r="Z37" s="261">
        <v>0</v>
      </c>
      <c r="AA37" s="258">
        <v>0</v>
      </c>
      <c r="AB37" s="260">
        <v>0</v>
      </c>
      <c r="AC37" s="261">
        <v>0</v>
      </c>
      <c r="AD37" s="261">
        <v>0</v>
      </c>
      <c r="AE37" s="261">
        <v>0</v>
      </c>
      <c r="AF37" s="261">
        <v>0</v>
      </c>
      <c r="AG37" s="261">
        <v>0</v>
      </c>
      <c r="AH37" s="258">
        <v>0</v>
      </c>
      <c r="AI37" s="263">
        <v>0</v>
      </c>
      <c r="AJ37" s="257">
        <v>0</v>
      </c>
      <c r="AK37" s="261">
        <v>0</v>
      </c>
      <c r="AL37" s="258">
        <v>0</v>
      </c>
      <c r="AM37" s="260">
        <v>0</v>
      </c>
      <c r="AN37" s="261">
        <v>0</v>
      </c>
      <c r="AO37" s="261">
        <v>0</v>
      </c>
      <c r="AP37" s="261">
        <v>0</v>
      </c>
      <c r="AQ37" s="261">
        <v>0</v>
      </c>
      <c r="AR37" s="261">
        <v>0</v>
      </c>
      <c r="AS37" s="258">
        <v>0</v>
      </c>
      <c r="AT37" s="263">
        <v>0</v>
      </c>
      <c r="AU37" s="257">
        <v>0</v>
      </c>
      <c r="AV37" s="261">
        <v>0</v>
      </c>
      <c r="AW37" s="258">
        <v>0</v>
      </c>
      <c r="AX37" s="260">
        <v>0</v>
      </c>
      <c r="AY37" s="261">
        <v>0</v>
      </c>
      <c r="AZ37" s="261">
        <v>1</v>
      </c>
      <c r="BA37" s="261">
        <v>1</v>
      </c>
      <c r="BB37" s="261">
        <v>0</v>
      </c>
      <c r="BC37" s="261">
        <v>0</v>
      </c>
      <c r="BD37" s="258">
        <v>2</v>
      </c>
      <c r="BE37" s="263">
        <v>2</v>
      </c>
      <c r="BF37" s="257">
        <v>0</v>
      </c>
      <c r="BG37" s="261">
        <v>0</v>
      </c>
      <c r="BH37" s="258">
        <v>0</v>
      </c>
      <c r="BI37" s="260">
        <v>0</v>
      </c>
      <c r="BJ37" s="261">
        <v>0</v>
      </c>
      <c r="BK37" s="261">
        <v>2</v>
      </c>
      <c r="BL37" s="261">
        <v>0</v>
      </c>
      <c r="BM37" s="261">
        <v>0</v>
      </c>
      <c r="BN37" s="261">
        <v>0</v>
      </c>
      <c r="BO37" s="262">
        <v>2</v>
      </c>
      <c r="BP37" s="263">
        <v>2</v>
      </c>
      <c r="BQ37" s="257">
        <v>0</v>
      </c>
      <c r="BR37" s="261">
        <v>0</v>
      </c>
      <c r="BS37" s="258">
        <v>0</v>
      </c>
      <c r="BT37" s="260">
        <v>0</v>
      </c>
      <c r="BU37" s="261">
        <v>0</v>
      </c>
      <c r="BV37" s="261">
        <v>0</v>
      </c>
      <c r="BW37" s="261">
        <v>0</v>
      </c>
      <c r="BX37" s="261">
        <v>0</v>
      </c>
      <c r="BY37" s="261">
        <v>0</v>
      </c>
      <c r="BZ37" s="258">
        <v>0</v>
      </c>
      <c r="CA37" s="263">
        <v>0</v>
      </c>
      <c r="CB37" s="257">
        <v>0</v>
      </c>
      <c r="CC37" s="261">
        <v>0</v>
      </c>
      <c r="CD37" s="258">
        <v>0</v>
      </c>
      <c r="CE37" s="260">
        <v>0</v>
      </c>
      <c r="CF37" s="261">
        <v>0</v>
      </c>
      <c r="CG37" s="261">
        <v>0</v>
      </c>
      <c r="CH37" s="261">
        <v>0</v>
      </c>
      <c r="CI37" s="261">
        <v>0</v>
      </c>
      <c r="CJ37" s="261">
        <v>0</v>
      </c>
      <c r="CK37" s="258">
        <v>0</v>
      </c>
      <c r="CL37" s="263">
        <v>0</v>
      </c>
      <c r="CM37" s="257">
        <v>0</v>
      </c>
      <c r="CN37" s="261">
        <v>0</v>
      </c>
      <c r="CO37" s="258">
        <v>0</v>
      </c>
      <c r="CP37" s="260">
        <v>0</v>
      </c>
      <c r="CQ37" s="261">
        <v>0</v>
      </c>
      <c r="CR37" s="261">
        <v>0</v>
      </c>
      <c r="CS37" s="261">
        <v>0</v>
      </c>
      <c r="CT37" s="261">
        <v>0</v>
      </c>
      <c r="CU37" s="261">
        <v>0</v>
      </c>
      <c r="CV37" s="258">
        <v>0</v>
      </c>
      <c r="CW37" s="263">
        <v>0</v>
      </c>
    </row>
    <row r="38" spans="2:101" ht="21" customHeight="1" x14ac:dyDescent="0.2">
      <c r="B38" s="472" t="s">
        <v>36</v>
      </c>
      <c r="C38" s="257">
        <v>0</v>
      </c>
      <c r="D38" s="258">
        <v>0</v>
      </c>
      <c r="E38" s="259">
        <v>0</v>
      </c>
      <c r="F38" s="260">
        <v>0</v>
      </c>
      <c r="G38" s="261">
        <v>0</v>
      </c>
      <c r="H38" s="261">
        <v>0</v>
      </c>
      <c r="I38" s="261">
        <v>0</v>
      </c>
      <c r="J38" s="261">
        <v>0</v>
      </c>
      <c r="K38" s="261">
        <v>0</v>
      </c>
      <c r="L38" s="262">
        <v>0</v>
      </c>
      <c r="M38" s="263">
        <v>0</v>
      </c>
      <c r="N38" s="257">
        <v>0</v>
      </c>
      <c r="O38" s="261">
        <v>0</v>
      </c>
      <c r="P38" s="258">
        <v>0</v>
      </c>
      <c r="Q38" s="260">
        <v>0</v>
      </c>
      <c r="R38" s="261">
        <v>0</v>
      </c>
      <c r="S38" s="261">
        <v>0</v>
      </c>
      <c r="T38" s="261">
        <v>0</v>
      </c>
      <c r="U38" s="261">
        <v>0</v>
      </c>
      <c r="V38" s="261">
        <v>0</v>
      </c>
      <c r="W38" s="258">
        <v>0</v>
      </c>
      <c r="X38" s="263">
        <v>0</v>
      </c>
      <c r="Y38" s="257">
        <v>0</v>
      </c>
      <c r="Z38" s="261">
        <v>0</v>
      </c>
      <c r="AA38" s="258">
        <v>0</v>
      </c>
      <c r="AB38" s="260">
        <v>0</v>
      </c>
      <c r="AC38" s="261">
        <v>2</v>
      </c>
      <c r="AD38" s="261">
        <v>1</v>
      </c>
      <c r="AE38" s="261">
        <v>0</v>
      </c>
      <c r="AF38" s="261">
        <v>1</v>
      </c>
      <c r="AG38" s="261">
        <v>0</v>
      </c>
      <c r="AH38" s="258">
        <v>4</v>
      </c>
      <c r="AI38" s="263">
        <v>4</v>
      </c>
      <c r="AJ38" s="257">
        <v>0</v>
      </c>
      <c r="AK38" s="261">
        <v>0</v>
      </c>
      <c r="AL38" s="258">
        <v>0</v>
      </c>
      <c r="AM38" s="260">
        <v>0</v>
      </c>
      <c r="AN38" s="261">
        <v>0</v>
      </c>
      <c r="AO38" s="261">
        <v>0</v>
      </c>
      <c r="AP38" s="261">
        <v>0</v>
      </c>
      <c r="AQ38" s="261">
        <v>0</v>
      </c>
      <c r="AR38" s="261">
        <v>0</v>
      </c>
      <c r="AS38" s="258">
        <v>0</v>
      </c>
      <c r="AT38" s="263">
        <v>0</v>
      </c>
      <c r="AU38" s="257">
        <v>0</v>
      </c>
      <c r="AV38" s="261">
        <v>0</v>
      </c>
      <c r="AW38" s="258">
        <v>0</v>
      </c>
      <c r="AX38" s="260">
        <v>0</v>
      </c>
      <c r="AY38" s="261">
        <v>0</v>
      </c>
      <c r="AZ38" s="261">
        <v>0</v>
      </c>
      <c r="BA38" s="261">
        <v>0</v>
      </c>
      <c r="BB38" s="261">
        <v>0</v>
      </c>
      <c r="BC38" s="261">
        <v>0</v>
      </c>
      <c r="BD38" s="258">
        <v>0</v>
      </c>
      <c r="BE38" s="263">
        <v>0</v>
      </c>
      <c r="BF38" s="257">
        <v>0</v>
      </c>
      <c r="BG38" s="261">
        <v>0</v>
      </c>
      <c r="BH38" s="258">
        <v>0</v>
      </c>
      <c r="BI38" s="260">
        <v>0</v>
      </c>
      <c r="BJ38" s="261">
        <v>0</v>
      </c>
      <c r="BK38" s="261">
        <v>0</v>
      </c>
      <c r="BL38" s="261">
        <v>0</v>
      </c>
      <c r="BM38" s="261">
        <v>1</v>
      </c>
      <c r="BN38" s="261">
        <v>0</v>
      </c>
      <c r="BO38" s="262">
        <v>1</v>
      </c>
      <c r="BP38" s="263">
        <v>1</v>
      </c>
      <c r="BQ38" s="257">
        <v>0</v>
      </c>
      <c r="BR38" s="261">
        <v>0</v>
      </c>
      <c r="BS38" s="258">
        <v>0</v>
      </c>
      <c r="BT38" s="260">
        <v>0</v>
      </c>
      <c r="BU38" s="261">
        <v>0</v>
      </c>
      <c r="BV38" s="261">
        <v>0</v>
      </c>
      <c r="BW38" s="261">
        <v>0</v>
      </c>
      <c r="BX38" s="261">
        <v>0</v>
      </c>
      <c r="BY38" s="261">
        <v>0</v>
      </c>
      <c r="BZ38" s="258">
        <v>0</v>
      </c>
      <c r="CA38" s="263">
        <v>0</v>
      </c>
      <c r="CB38" s="257">
        <v>0</v>
      </c>
      <c r="CC38" s="261">
        <v>0</v>
      </c>
      <c r="CD38" s="258">
        <v>0</v>
      </c>
      <c r="CE38" s="260">
        <v>0</v>
      </c>
      <c r="CF38" s="261">
        <v>0</v>
      </c>
      <c r="CG38" s="261">
        <v>0</v>
      </c>
      <c r="CH38" s="261">
        <v>0</v>
      </c>
      <c r="CI38" s="261">
        <v>0</v>
      </c>
      <c r="CJ38" s="261">
        <v>0</v>
      </c>
      <c r="CK38" s="258">
        <v>0</v>
      </c>
      <c r="CL38" s="263">
        <v>0</v>
      </c>
      <c r="CM38" s="257">
        <v>0</v>
      </c>
      <c r="CN38" s="261">
        <v>0</v>
      </c>
      <c r="CO38" s="258">
        <v>0</v>
      </c>
      <c r="CP38" s="260">
        <v>0</v>
      </c>
      <c r="CQ38" s="261">
        <v>0</v>
      </c>
      <c r="CR38" s="261">
        <v>0</v>
      </c>
      <c r="CS38" s="261">
        <v>0</v>
      </c>
      <c r="CT38" s="261">
        <v>0</v>
      </c>
      <c r="CU38" s="261">
        <v>0</v>
      </c>
      <c r="CV38" s="258">
        <v>0</v>
      </c>
      <c r="CW38" s="263">
        <v>0</v>
      </c>
    </row>
    <row r="39" spans="2:101" ht="21" customHeight="1" thickBot="1" x14ac:dyDescent="0.25">
      <c r="B39" s="473" t="s">
        <v>37</v>
      </c>
      <c r="C39" s="264">
        <v>0</v>
      </c>
      <c r="D39" s="265">
        <v>0</v>
      </c>
      <c r="E39" s="266">
        <v>0</v>
      </c>
      <c r="F39" s="267">
        <v>0</v>
      </c>
      <c r="G39" s="268">
        <v>0</v>
      </c>
      <c r="H39" s="268">
        <v>0</v>
      </c>
      <c r="I39" s="268">
        <v>0</v>
      </c>
      <c r="J39" s="268">
        <v>0</v>
      </c>
      <c r="K39" s="268">
        <v>0</v>
      </c>
      <c r="L39" s="269">
        <v>0</v>
      </c>
      <c r="M39" s="270">
        <v>0</v>
      </c>
      <c r="N39" s="264">
        <v>0</v>
      </c>
      <c r="O39" s="268">
        <v>0</v>
      </c>
      <c r="P39" s="265">
        <v>0</v>
      </c>
      <c r="Q39" s="267">
        <v>0</v>
      </c>
      <c r="R39" s="268">
        <v>0</v>
      </c>
      <c r="S39" s="268">
        <v>0</v>
      </c>
      <c r="T39" s="268">
        <v>0</v>
      </c>
      <c r="U39" s="268">
        <v>0</v>
      </c>
      <c r="V39" s="268">
        <v>0</v>
      </c>
      <c r="W39" s="265">
        <v>0</v>
      </c>
      <c r="X39" s="270">
        <v>0</v>
      </c>
      <c r="Y39" s="264">
        <v>0</v>
      </c>
      <c r="Z39" s="268">
        <v>0</v>
      </c>
      <c r="AA39" s="265">
        <v>0</v>
      </c>
      <c r="AB39" s="267">
        <v>0</v>
      </c>
      <c r="AC39" s="268">
        <v>0</v>
      </c>
      <c r="AD39" s="268">
        <v>0</v>
      </c>
      <c r="AE39" s="268">
        <v>0</v>
      </c>
      <c r="AF39" s="268">
        <v>0</v>
      </c>
      <c r="AG39" s="268">
        <v>0</v>
      </c>
      <c r="AH39" s="265">
        <v>0</v>
      </c>
      <c r="AI39" s="270">
        <v>0</v>
      </c>
      <c r="AJ39" s="264">
        <v>0</v>
      </c>
      <c r="AK39" s="268">
        <v>0</v>
      </c>
      <c r="AL39" s="265">
        <v>0</v>
      </c>
      <c r="AM39" s="267">
        <v>0</v>
      </c>
      <c r="AN39" s="268">
        <v>0</v>
      </c>
      <c r="AO39" s="268">
        <v>0</v>
      </c>
      <c r="AP39" s="268">
        <v>0</v>
      </c>
      <c r="AQ39" s="268">
        <v>0</v>
      </c>
      <c r="AR39" s="268">
        <v>0</v>
      </c>
      <c r="AS39" s="265">
        <v>0</v>
      </c>
      <c r="AT39" s="270">
        <v>0</v>
      </c>
      <c r="AU39" s="264">
        <v>0</v>
      </c>
      <c r="AV39" s="268">
        <v>0</v>
      </c>
      <c r="AW39" s="265">
        <v>0</v>
      </c>
      <c r="AX39" s="267">
        <v>0</v>
      </c>
      <c r="AY39" s="268">
        <v>0</v>
      </c>
      <c r="AZ39" s="268">
        <v>0</v>
      </c>
      <c r="BA39" s="268">
        <v>0</v>
      </c>
      <c r="BB39" s="268">
        <v>0</v>
      </c>
      <c r="BC39" s="268">
        <v>0</v>
      </c>
      <c r="BD39" s="265">
        <v>0</v>
      </c>
      <c r="BE39" s="270">
        <v>0</v>
      </c>
      <c r="BF39" s="264">
        <v>0</v>
      </c>
      <c r="BG39" s="268">
        <v>0</v>
      </c>
      <c r="BH39" s="265">
        <v>0</v>
      </c>
      <c r="BI39" s="267">
        <v>0</v>
      </c>
      <c r="BJ39" s="268">
        <v>0</v>
      </c>
      <c r="BK39" s="268">
        <v>0</v>
      </c>
      <c r="BL39" s="268">
        <v>0</v>
      </c>
      <c r="BM39" s="268">
        <v>0</v>
      </c>
      <c r="BN39" s="268">
        <v>0</v>
      </c>
      <c r="BO39" s="269">
        <v>0</v>
      </c>
      <c r="BP39" s="270">
        <v>0</v>
      </c>
      <c r="BQ39" s="264">
        <v>0</v>
      </c>
      <c r="BR39" s="268">
        <v>0</v>
      </c>
      <c r="BS39" s="265">
        <v>0</v>
      </c>
      <c r="BT39" s="267">
        <v>0</v>
      </c>
      <c r="BU39" s="268">
        <v>0</v>
      </c>
      <c r="BV39" s="268">
        <v>0</v>
      </c>
      <c r="BW39" s="268">
        <v>0</v>
      </c>
      <c r="BX39" s="268">
        <v>0</v>
      </c>
      <c r="BY39" s="268">
        <v>0</v>
      </c>
      <c r="BZ39" s="265">
        <v>0</v>
      </c>
      <c r="CA39" s="270">
        <v>0</v>
      </c>
      <c r="CB39" s="264">
        <v>0</v>
      </c>
      <c r="CC39" s="268">
        <v>0</v>
      </c>
      <c r="CD39" s="265">
        <v>0</v>
      </c>
      <c r="CE39" s="267">
        <v>0</v>
      </c>
      <c r="CF39" s="268">
        <v>0</v>
      </c>
      <c r="CG39" s="268">
        <v>0</v>
      </c>
      <c r="CH39" s="268">
        <v>0</v>
      </c>
      <c r="CI39" s="268">
        <v>0</v>
      </c>
      <c r="CJ39" s="268">
        <v>0</v>
      </c>
      <c r="CK39" s="265">
        <v>0</v>
      </c>
      <c r="CL39" s="270">
        <v>0</v>
      </c>
      <c r="CM39" s="264">
        <v>0</v>
      </c>
      <c r="CN39" s="268">
        <v>0</v>
      </c>
      <c r="CO39" s="265">
        <v>0</v>
      </c>
      <c r="CP39" s="267">
        <v>0</v>
      </c>
      <c r="CQ39" s="268">
        <v>0</v>
      </c>
      <c r="CR39" s="268">
        <v>0</v>
      </c>
      <c r="CS39" s="268">
        <v>0</v>
      </c>
      <c r="CT39" s="268">
        <v>0</v>
      </c>
      <c r="CU39" s="268">
        <v>0</v>
      </c>
      <c r="CV39" s="265">
        <v>0</v>
      </c>
      <c r="CW39" s="270">
        <v>0</v>
      </c>
    </row>
  </sheetData>
  <mergeCells count="39">
    <mergeCell ref="Y3:AI3"/>
    <mergeCell ref="Y4:AA4"/>
    <mergeCell ref="AB4:AH4"/>
    <mergeCell ref="AI4:AI5"/>
    <mergeCell ref="AJ3:AT3"/>
    <mergeCell ref="AM4:AS4"/>
    <mergeCell ref="AT4:AT5"/>
    <mergeCell ref="I1:J1"/>
    <mergeCell ref="L1:M1"/>
    <mergeCell ref="B3:B5"/>
    <mergeCell ref="C3:M3"/>
    <mergeCell ref="N3:X3"/>
    <mergeCell ref="X4:X5"/>
    <mergeCell ref="C4:E4"/>
    <mergeCell ref="F4:L4"/>
    <mergeCell ref="M4:M5"/>
    <mergeCell ref="N4:P4"/>
    <mergeCell ref="Q4:W4"/>
    <mergeCell ref="AU4:AW4"/>
    <mergeCell ref="AJ4:AL4"/>
    <mergeCell ref="AX4:BD4"/>
    <mergeCell ref="CB4:CD4"/>
    <mergeCell ref="AU3:BE3"/>
    <mergeCell ref="BE4:BE5"/>
    <mergeCell ref="BF3:BP3"/>
    <mergeCell ref="BP4:BP5"/>
    <mergeCell ref="BQ3:CA3"/>
    <mergeCell ref="CA4:CA5"/>
    <mergeCell ref="CM3:CW3"/>
    <mergeCell ref="CM4:CO4"/>
    <mergeCell ref="CP4:CV4"/>
    <mergeCell ref="CE4:CK4"/>
    <mergeCell ref="BF4:BH4"/>
    <mergeCell ref="BI4:BO4"/>
    <mergeCell ref="BQ4:BS4"/>
    <mergeCell ref="BT4:BZ4"/>
    <mergeCell ref="CB3:CL3"/>
    <mergeCell ref="CL4:CL5"/>
    <mergeCell ref="CW4:CW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5">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42" customWidth="1"/>
    <col min="3" max="4" width="9" style="242"/>
    <col min="5" max="5" width="10.33203125" style="242" customWidth="1"/>
    <col min="6" max="6" width="7.6640625" style="242" customWidth="1"/>
    <col min="7" max="7" width="8.44140625" style="242" customWidth="1"/>
    <col min="8" max="8" width="8.77734375" style="242" customWidth="1"/>
    <col min="9" max="16" width="9" style="242"/>
    <col min="17" max="17" width="7.21875" style="242" customWidth="1"/>
    <col min="18" max="27" width="9" style="242"/>
    <col min="28" max="28" width="7.6640625" style="242" customWidth="1"/>
    <col min="29" max="38" width="9" style="242"/>
    <col min="39" max="39" width="7.6640625" style="242" customWidth="1"/>
    <col min="40" max="49" width="9" style="242"/>
    <col min="50" max="50" width="7.6640625" style="242" customWidth="1"/>
    <col min="51" max="60" width="9" style="242"/>
    <col min="61" max="61" width="7.21875" style="242" customWidth="1"/>
    <col min="62" max="71" width="9" style="242"/>
    <col min="72" max="72" width="7.21875" style="242" customWidth="1"/>
    <col min="73" max="82" width="9" style="242"/>
    <col min="83" max="83" width="7.33203125" style="242" customWidth="1"/>
    <col min="84" max="93" width="9" style="242"/>
    <col min="94" max="94" width="7.44140625" style="242" customWidth="1"/>
    <col min="95" max="16384" width="9" style="242"/>
  </cols>
  <sheetData>
    <row r="1" spans="1:101" ht="24" customHeight="1" x14ac:dyDescent="0.2">
      <c r="B1" s="271" t="s">
        <v>123</v>
      </c>
      <c r="I1" s="500">
        <f>第１表!F2</f>
        <v>5</v>
      </c>
      <c r="J1" s="500"/>
      <c r="K1" s="235">
        <f>第１表!G2</f>
        <v>12</v>
      </c>
      <c r="L1" s="505">
        <f>IF(K1&lt;3,K1+12-2,K1-2)</f>
        <v>10</v>
      </c>
      <c r="M1" s="505"/>
    </row>
    <row r="2" spans="1:101" s="272" customFormat="1" ht="24" customHeight="1" thickBot="1" x14ac:dyDescent="0.25">
      <c r="A2" s="39"/>
      <c r="B2" s="271" t="s">
        <v>153</v>
      </c>
    </row>
    <row r="3" spans="1:101" ht="21" customHeight="1" thickBot="1" x14ac:dyDescent="0.25">
      <c r="B3" s="513"/>
      <c r="C3" s="516" t="s">
        <v>94</v>
      </c>
      <c r="D3" s="517"/>
      <c r="E3" s="517"/>
      <c r="F3" s="517"/>
      <c r="G3" s="517"/>
      <c r="H3" s="517"/>
      <c r="I3" s="517"/>
      <c r="J3" s="517"/>
      <c r="K3" s="517"/>
      <c r="L3" s="517"/>
      <c r="M3" s="518"/>
      <c r="N3" s="516" t="s">
        <v>88</v>
      </c>
      <c r="O3" s="517"/>
      <c r="P3" s="517"/>
      <c r="Q3" s="517"/>
      <c r="R3" s="517"/>
      <c r="S3" s="517"/>
      <c r="T3" s="517"/>
      <c r="U3" s="517"/>
      <c r="V3" s="517"/>
      <c r="W3" s="517"/>
      <c r="X3" s="518"/>
      <c r="Y3" s="516" t="s">
        <v>140</v>
      </c>
      <c r="Z3" s="517"/>
      <c r="AA3" s="517"/>
      <c r="AB3" s="517"/>
      <c r="AC3" s="517"/>
      <c r="AD3" s="517"/>
      <c r="AE3" s="517"/>
      <c r="AF3" s="517"/>
      <c r="AG3" s="517"/>
      <c r="AH3" s="517"/>
      <c r="AI3" s="518"/>
      <c r="AJ3" s="516" t="s">
        <v>90</v>
      </c>
      <c r="AK3" s="517"/>
      <c r="AL3" s="517"/>
      <c r="AM3" s="517"/>
      <c r="AN3" s="517"/>
      <c r="AO3" s="517"/>
      <c r="AP3" s="517"/>
      <c r="AQ3" s="517"/>
      <c r="AR3" s="517"/>
      <c r="AS3" s="517"/>
      <c r="AT3" s="518"/>
      <c r="AU3" s="522" t="s">
        <v>89</v>
      </c>
      <c r="AV3" s="523"/>
      <c r="AW3" s="523"/>
      <c r="AX3" s="523"/>
      <c r="AY3" s="523"/>
      <c r="AZ3" s="523"/>
      <c r="BA3" s="523"/>
      <c r="BB3" s="523"/>
      <c r="BC3" s="523"/>
      <c r="BD3" s="523"/>
      <c r="BE3" s="524"/>
      <c r="BF3" s="522" t="s">
        <v>91</v>
      </c>
      <c r="BG3" s="523"/>
      <c r="BH3" s="523"/>
      <c r="BI3" s="523"/>
      <c r="BJ3" s="523"/>
      <c r="BK3" s="523"/>
      <c r="BL3" s="523"/>
      <c r="BM3" s="523"/>
      <c r="BN3" s="523"/>
      <c r="BO3" s="523"/>
      <c r="BP3" s="524"/>
      <c r="BQ3" s="522" t="s">
        <v>92</v>
      </c>
      <c r="BR3" s="523"/>
      <c r="BS3" s="523"/>
      <c r="BT3" s="523"/>
      <c r="BU3" s="523"/>
      <c r="BV3" s="523"/>
      <c r="BW3" s="523"/>
      <c r="BX3" s="523"/>
      <c r="BY3" s="523"/>
      <c r="BZ3" s="523"/>
      <c r="CA3" s="524"/>
      <c r="CB3" s="522" t="s">
        <v>93</v>
      </c>
      <c r="CC3" s="523"/>
      <c r="CD3" s="523"/>
      <c r="CE3" s="523"/>
      <c r="CF3" s="523"/>
      <c r="CG3" s="523"/>
      <c r="CH3" s="523"/>
      <c r="CI3" s="523"/>
      <c r="CJ3" s="523"/>
      <c r="CK3" s="523"/>
      <c r="CL3" s="524"/>
      <c r="CM3" s="523" t="s">
        <v>139</v>
      </c>
      <c r="CN3" s="523"/>
      <c r="CO3" s="523"/>
      <c r="CP3" s="523"/>
      <c r="CQ3" s="523"/>
      <c r="CR3" s="523"/>
      <c r="CS3" s="523"/>
      <c r="CT3" s="523"/>
      <c r="CU3" s="523"/>
      <c r="CV3" s="523"/>
      <c r="CW3" s="524"/>
    </row>
    <row r="4" spans="1:101" ht="21" customHeight="1" x14ac:dyDescent="0.2">
      <c r="B4" s="514"/>
      <c r="C4" s="508" t="s">
        <v>61</v>
      </c>
      <c r="D4" s="509"/>
      <c r="E4" s="510"/>
      <c r="F4" s="511" t="s">
        <v>62</v>
      </c>
      <c r="G4" s="509"/>
      <c r="H4" s="509"/>
      <c r="I4" s="509"/>
      <c r="J4" s="509"/>
      <c r="K4" s="509"/>
      <c r="L4" s="512"/>
      <c r="M4" s="506" t="s">
        <v>52</v>
      </c>
      <c r="N4" s="508" t="s">
        <v>61</v>
      </c>
      <c r="O4" s="509"/>
      <c r="P4" s="510"/>
      <c r="Q4" s="511" t="s">
        <v>62</v>
      </c>
      <c r="R4" s="509"/>
      <c r="S4" s="509"/>
      <c r="T4" s="509"/>
      <c r="U4" s="509"/>
      <c r="V4" s="509"/>
      <c r="W4" s="510"/>
      <c r="X4" s="506" t="s">
        <v>52</v>
      </c>
      <c r="Y4" s="508" t="s">
        <v>61</v>
      </c>
      <c r="Z4" s="509"/>
      <c r="AA4" s="510"/>
      <c r="AB4" s="511" t="s">
        <v>62</v>
      </c>
      <c r="AC4" s="509"/>
      <c r="AD4" s="509"/>
      <c r="AE4" s="509"/>
      <c r="AF4" s="509"/>
      <c r="AG4" s="509"/>
      <c r="AH4" s="510"/>
      <c r="AI4" s="506" t="s">
        <v>52</v>
      </c>
      <c r="AJ4" s="508" t="s">
        <v>61</v>
      </c>
      <c r="AK4" s="509"/>
      <c r="AL4" s="510"/>
      <c r="AM4" s="511" t="s">
        <v>62</v>
      </c>
      <c r="AN4" s="509"/>
      <c r="AO4" s="509"/>
      <c r="AP4" s="509"/>
      <c r="AQ4" s="509"/>
      <c r="AR4" s="509"/>
      <c r="AS4" s="510"/>
      <c r="AT4" s="506" t="s">
        <v>52</v>
      </c>
      <c r="AU4" s="538" t="s">
        <v>61</v>
      </c>
      <c r="AV4" s="536"/>
      <c r="AW4" s="537"/>
      <c r="AX4" s="535" t="s">
        <v>62</v>
      </c>
      <c r="AY4" s="536"/>
      <c r="AZ4" s="536"/>
      <c r="BA4" s="536"/>
      <c r="BB4" s="536"/>
      <c r="BC4" s="536"/>
      <c r="BD4" s="537"/>
      <c r="BE4" s="539" t="s">
        <v>52</v>
      </c>
      <c r="BF4" s="538" t="s">
        <v>61</v>
      </c>
      <c r="BG4" s="536"/>
      <c r="BH4" s="537"/>
      <c r="BI4" s="535" t="s">
        <v>62</v>
      </c>
      <c r="BJ4" s="536"/>
      <c r="BK4" s="536"/>
      <c r="BL4" s="536"/>
      <c r="BM4" s="536"/>
      <c r="BN4" s="536"/>
      <c r="BO4" s="537"/>
      <c r="BP4" s="539" t="s">
        <v>52</v>
      </c>
      <c r="BQ4" s="538" t="s">
        <v>61</v>
      </c>
      <c r="BR4" s="536"/>
      <c r="BS4" s="537"/>
      <c r="BT4" s="535" t="s">
        <v>62</v>
      </c>
      <c r="BU4" s="536"/>
      <c r="BV4" s="536"/>
      <c r="BW4" s="536"/>
      <c r="BX4" s="536"/>
      <c r="BY4" s="536"/>
      <c r="BZ4" s="537"/>
      <c r="CA4" s="539" t="s">
        <v>52</v>
      </c>
      <c r="CB4" s="538" t="s">
        <v>61</v>
      </c>
      <c r="CC4" s="536"/>
      <c r="CD4" s="537"/>
      <c r="CE4" s="535" t="s">
        <v>62</v>
      </c>
      <c r="CF4" s="536"/>
      <c r="CG4" s="536"/>
      <c r="CH4" s="536"/>
      <c r="CI4" s="536"/>
      <c r="CJ4" s="536"/>
      <c r="CK4" s="537"/>
      <c r="CL4" s="539" t="s">
        <v>52</v>
      </c>
      <c r="CM4" s="538" t="s">
        <v>61</v>
      </c>
      <c r="CN4" s="536"/>
      <c r="CO4" s="537"/>
      <c r="CP4" s="535" t="s">
        <v>62</v>
      </c>
      <c r="CQ4" s="536"/>
      <c r="CR4" s="536"/>
      <c r="CS4" s="536"/>
      <c r="CT4" s="536"/>
      <c r="CU4" s="536"/>
      <c r="CV4" s="537"/>
      <c r="CW4" s="539" t="s">
        <v>52</v>
      </c>
    </row>
    <row r="5" spans="1:101" ht="30" customHeight="1" thickBot="1" x14ac:dyDescent="0.25">
      <c r="B5" s="515"/>
      <c r="C5" s="327" t="s">
        <v>43</v>
      </c>
      <c r="D5" s="246" t="s">
        <v>44</v>
      </c>
      <c r="E5" s="247" t="s">
        <v>45</v>
      </c>
      <c r="F5" s="248" t="s">
        <v>83</v>
      </c>
      <c r="G5" s="243" t="s">
        <v>47</v>
      </c>
      <c r="H5" s="243" t="s">
        <v>48</v>
      </c>
      <c r="I5" s="243" t="s">
        <v>49</v>
      </c>
      <c r="J5" s="243" t="s">
        <v>50</v>
      </c>
      <c r="K5" s="243" t="s">
        <v>51</v>
      </c>
      <c r="L5" s="249" t="s">
        <v>45</v>
      </c>
      <c r="M5" s="507"/>
      <c r="N5" s="327" t="s">
        <v>43</v>
      </c>
      <c r="O5" s="243" t="s">
        <v>44</v>
      </c>
      <c r="P5" s="246" t="s">
        <v>45</v>
      </c>
      <c r="Q5" s="248" t="s">
        <v>83</v>
      </c>
      <c r="R5" s="243" t="s">
        <v>47</v>
      </c>
      <c r="S5" s="243" t="s">
        <v>48</v>
      </c>
      <c r="T5" s="243" t="s">
        <v>49</v>
      </c>
      <c r="U5" s="243" t="s">
        <v>50</v>
      </c>
      <c r="V5" s="243" t="s">
        <v>51</v>
      </c>
      <c r="W5" s="246" t="s">
        <v>45</v>
      </c>
      <c r="X5" s="507"/>
      <c r="Y5" s="327" t="s">
        <v>43</v>
      </c>
      <c r="Z5" s="243" t="s">
        <v>44</v>
      </c>
      <c r="AA5" s="246" t="s">
        <v>45</v>
      </c>
      <c r="AB5" s="248" t="s">
        <v>83</v>
      </c>
      <c r="AC5" s="243" t="s">
        <v>47</v>
      </c>
      <c r="AD5" s="243" t="s">
        <v>48</v>
      </c>
      <c r="AE5" s="243" t="s">
        <v>49</v>
      </c>
      <c r="AF5" s="243" t="s">
        <v>50</v>
      </c>
      <c r="AG5" s="243" t="s">
        <v>51</v>
      </c>
      <c r="AH5" s="246" t="s">
        <v>45</v>
      </c>
      <c r="AI5" s="507"/>
      <c r="AJ5" s="327" t="s">
        <v>43</v>
      </c>
      <c r="AK5" s="243" t="s">
        <v>44</v>
      </c>
      <c r="AL5" s="246" t="s">
        <v>45</v>
      </c>
      <c r="AM5" s="248" t="s">
        <v>83</v>
      </c>
      <c r="AN5" s="243" t="s">
        <v>47</v>
      </c>
      <c r="AO5" s="243" t="s">
        <v>48</v>
      </c>
      <c r="AP5" s="243" t="s">
        <v>49</v>
      </c>
      <c r="AQ5" s="243" t="s">
        <v>50</v>
      </c>
      <c r="AR5" s="243" t="s">
        <v>51</v>
      </c>
      <c r="AS5" s="246" t="s">
        <v>45</v>
      </c>
      <c r="AT5" s="507"/>
      <c r="AU5" s="327" t="s">
        <v>43</v>
      </c>
      <c r="AV5" s="243" t="s">
        <v>44</v>
      </c>
      <c r="AW5" s="246" t="s">
        <v>45</v>
      </c>
      <c r="AX5" s="248" t="s">
        <v>83</v>
      </c>
      <c r="AY5" s="243" t="s">
        <v>47</v>
      </c>
      <c r="AZ5" s="243" t="s">
        <v>48</v>
      </c>
      <c r="BA5" s="243" t="s">
        <v>49</v>
      </c>
      <c r="BB5" s="243" t="s">
        <v>50</v>
      </c>
      <c r="BC5" s="243" t="s">
        <v>51</v>
      </c>
      <c r="BD5" s="246" t="s">
        <v>45</v>
      </c>
      <c r="BE5" s="540"/>
      <c r="BF5" s="327" t="s">
        <v>43</v>
      </c>
      <c r="BG5" s="243" t="s">
        <v>44</v>
      </c>
      <c r="BH5" s="246" t="s">
        <v>45</v>
      </c>
      <c r="BI5" s="248" t="s">
        <v>83</v>
      </c>
      <c r="BJ5" s="243" t="s">
        <v>47</v>
      </c>
      <c r="BK5" s="243" t="s">
        <v>48</v>
      </c>
      <c r="BL5" s="243" t="s">
        <v>49</v>
      </c>
      <c r="BM5" s="243" t="s">
        <v>50</v>
      </c>
      <c r="BN5" s="243" t="s">
        <v>51</v>
      </c>
      <c r="BO5" s="246" t="s">
        <v>45</v>
      </c>
      <c r="BP5" s="540"/>
      <c r="BQ5" s="327" t="s">
        <v>43</v>
      </c>
      <c r="BR5" s="243" t="s">
        <v>44</v>
      </c>
      <c r="BS5" s="246" t="s">
        <v>45</v>
      </c>
      <c r="BT5" s="248" t="s">
        <v>83</v>
      </c>
      <c r="BU5" s="243" t="s">
        <v>47</v>
      </c>
      <c r="BV5" s="243" t="s">
        <v>48</v>
      </c>
      <c r="BW5" s="243" t="s">
        <v>49</v>
      </c>
      <c r="BX5" s="243" t="s">
        <v>50</v>
      </c>
      <c r="BY5" s="243" t="s">
        <v>51</v>
      </c>
      <c r="BZ5" s="246" t="s">
        <v>45</v>
      </c>
      <c r="CA5" s="540"/>
      <c r="CB5" s="327" t="s">
        <v>43</v>
      </c>
      <c r="CC5" s="243" t="s">
        <v>44</v>
      </c>
      <c r="CD5" s="246" t="s">
        <v>45</v>
      </c>
      <c r="CE5" s="248" t="s">
        <v>83</v>
      </c>
      <c r="CF5" s="243" t="s">
        <v>47</v>
      </c>
      <c r="CG5" s="243" t="s">
        <v>48</v>
      </c>
      <c r="CH5" s="243" t="s">
        <v>49</v>
      </c>
      <c r="CI5" s="243" t="s">
        <v>50</v>
      </c>
      <c r="CJ5" s="243" t="s">
        <v>51</v>
      </c>
      <c r="CK5" s="246" t="s">
        <v>45</v>
      </c>
      <c r="CL5" s="540"/>
      <c r="CM5" s="327" t="s">
        <v>43</v>
      </c>
      <c r="CN5" s="243" t="s">
        <v>44</v>
      </c>
      <c r="CO5" s="246" t="s">
        <v>45</v>
      </c>
      <c r="CP5" s="248" t="s">
        <v>83</v>
      </c>
      <c r="CQ5" s="243" t="s">
        <v>47</v>
      </c>
      <c r="CR5" s="243" t="s">
        <v>48</v>
      </c>
      <c r="CS5" s="243" t="s">
        <v>49</v>
      </c>
      <c r="CT5" s="243" t="s">
        <v>50</v>
      </c>
      <c r="CU5" s="243" t="s">
        <v>51</v>
      </c>
      <c r="CV5" s="246" t="s">
        <v>45</v>
      </c>
      <c r="CW5" s="540"/>
    </row>
    <row r="6" spans="1:101" ht="21" customHeight="1" x14ac:dyDescent="0.2">
      <c r="B6" s="470" t="s">
        <v>4</v>
      </c>
      <c r="C6" s="250">
        <v>0</v>
      </c>
      <c r="D6" s="251">
        <v>0</v>
      </c>
      <c r="E6" s="252">
        <v>0</v>
      </c>
      <c r="F6" s="253">
        <v>0</v>
      </c>
      <c r="G6" s="254">
        <v>20</v>
      </c>
      <c r="H6" s="254">
        <v>33</v>
      </c>
      <c r="I6" s="254">
        <v>18</v>
      </c>
      <c r="J6" s="254">
        <v>22</v>
      </c>
      <c r="K6" s="254">
        <v>19</v>
      </c>
      <c r="L6" s="255">
        <v>112</v>
      </c>
      <c r="M6" s="256">
        <v>112</v>
      </c>
      <c r="N6" s="250">
        <v>0</v>
      </c>
      <c r="O6" s="254">
        <v>0</v>
      </c>
      <c r="P6" s="251">
        <v>0</v>
      </c>
      <c r="Q6" s="253">
        <v>0</v>
      </c>
      <c r="R6" s="254">
        <v>9</v>
      </c>
      <c r="S6" s="254">
        <v>32</v>
      </c>
      <c r="T6" s="254">
        <v>29</v>
      </c>
      <c r="U6" s="254">
        <v>25</v>
      </c>
      <c r="V6" s="254">
        <v>18</v>
      </c>
      <c r="W6" s="251">
        <v>113</v>
      </c>
      <c r="X6" s="256">
        <v>113</v>
      </c>
      <c r="Y6" s="250">
        <v>0</v>
      </c>
      <c r="Z6" s="254">
        <v>1</v>
      </c>
      <c r="AA6" s="251">
        <v>1</v>
      </c>
      <c r="AB6" s="253">
        <v>0</v>
      </c>
      <c r="AC6" s="254">
        <v>827</v>
      </c>
      <c r="AD6" s="254">
        <v>713</v>
      </c>
      <c r="AE6" s="254">
        <v>302</v>
      </c>
      <c r="AF6" s="254">
        <v>148</v>
      </c>
      <c r="AG6" s="254">
        <v>59</v>
      </c>
      <c r="AH6" s="251">
        <v>2049</v>
      </c>
      <c r="AI6" s="256">
        <v>2050</v>
      </c>
      <c r="AJ6" s="250">
        <v>0</v>
      </c>
      <c r="AK6" s="254">
        <v>0</v>
      </c>
      <c r="AL6" s="251">
        <v>0</v>
      </c>
      <c r="AM6" s="253">
        <v>0</v>
      </c>
      <c r="AN6" s="254">
        <v>56</v>
      </c>
      <c r="AO6" s="254">
        <v>59</v>
      </c>
      <c r="AP6" s="254">
        <v>75</v>
      </c>
      <c r="AQ6" s="254">
        <v>23</v>
      </c>
      <c r="AR6" s="254">
        <v>19</v>
      </c>
      <c r="AS6" s="251">
        <v>232</v>
      </c>
      <c r="AT6" s="256">
        <v>232</v>
      </c>
      <c r="AU6" s="250">
        <v>13</v>
      </c>
      <c r="AV6" s="254">
        <v>22</v>
      </c>
      <c r="AW6" s="251">
        <v>35</v>
      </c>
      <c r="AX6" s="253">
        <v>0</v>
      </c>
      <c r="AY6" s="254">
        <v>70</v>
      </c>
      <c r="AZ6" s="254">
        <v>53</v>
      </c>
      <c r="BA6" s="254">
        <v>63</v>
      </c>
      <c r="BB6" s="254">
        <v>50</v>
      </c>
      <c r="BC6" s="254">
        <v>19</v>
      </c>
      <c r="BD6" s="251">
        <v>255</v>
      </c>
      <c r="BE6" s="256">
        <v>290</v>
      </c>
      <c r="BF6" s="250">
        <v>0</v>
      </c>
      <c r="BG6" s="254">
        <v>0</v>
      </c>
      <c r="BH6" s="251">
        <v>0</v>
      </c>
      <c r="BI6" s="253">
        <v>0</v>
      </c>
      <c r="BJ6" s="254">
        <v>60</v>
      </c>
      <c r="BK6" s="254">
        <v>110</v>
      </c>
      <c r="BL6" s="254">
        <v>130</v>
      </c>
      <c r="BM6" s="254">
        <v>92</v>
      </c>
      <c r="BN6" s="254">
        <v>73</v>
      </c>
      <c r="BO6" s="255">
        <v>465</v>
      </c>
      <c r="BP6" s="256">
        <v>465</v>
      </c>
      <c r="BQ6" s="250">
        <v>0</v>
      </c>
      <c r="BR6" s="254">
        <v>0</v>
      </c>
      <c r="BS6" s="251">
        <v>0</v>
      </c>
      <c r="BT6" s="253">
        <v>0</v>
      </c>
      <c r="BU6" s="254">
        <v>2</v>
      </c>
      <c r="BV6" s="254">
        <v>5</v>
      </c>
      <c r="BW6" s="254">
        <v>6</v>
      </c>
      <c r="BX6" s="254">
        <v>5</v>
      </c>
      <c r="BY6" s="254">
        <v>4</v>
      </c>
      <c r="BZ6" s="251">
        <v>22</v>
      </c>
      <c r="CA6" s="256">
        <v>22</v>
      </c>
      <c r="CB6" s="250">
        <v>0</v>
      </c>
      <c r="CC6" s="254">
        <v>0</v>
      </c>
      <c r="CD6" s="251">
        <v>0</v>
      </c>
      <c r="CE6" s="253">
        <v>0</v>
      </c>
      <c r="CF6" s="254">
        <v>1</v>
      </c>
      <c r="CG6" s="254">
        <v>2</v>
      </c>
      <c r="CH6" s="254">
        <v>9</v>
      </c>
      <c r="CI6" s="254">
        <v>17</v>
      </c>
      <c r="CJ6" s="254">
        <v>9</v>
      </c>
      <c r="CK6" s="251">
        <v>38</v>
      </c>
      <c r="CL6" s="256">
        <v>38</v>
      </c>
      <c r="CM6" s="250">
        <v>0</v>
      </c>
      <c r="CN6" s="254">
        <v>0</v>
      </c>
      <c r="CO6" s="251">
        <v>0</v>
      </c>
      <c r="CP6" s="253">
        <v>0</v>
      </c>
      <c r="CQ6" s="254">
        <v>5</v>
      </c>
      <c r="CR6" s="254">
        <v>18</v>
      </c>
      <c r="CS6" s="254">
        <v>23</v>
      </c>
      <c r="CT6" s="254">
        <v>17</v>
      </c>
      <c r="CU6" s="254">
        <v>31</v>
      </c>
      <c r="CV6" s="251">
        <v>94</v>
      </c>
      <c r="CW6" s="256">
        <v>94</v>
      </c>
    </row>
    <row r="7" spans="1:101" ht="21" customHeight="1" x14ac:dyDescent="0.2">
      <c r="B7" s="471" t="s">
        <v>5</v>
      </c>
      <c r="C7" s="257">
        <v>0</v>
      </c>
      <c r="D7" s="258">
        <v>0</v>
      </c>
      <c r="E7" s="259">
        <v>0</v>
      </c>
      <c r="F7" s="260">
        <v>0</v>
      </c>
      <c r="G7" s="261">
        <v>8</v>
      </c>
      <c r="H7" s="261">
        <v>15</v>
      </c>
      <c r="I7" s="261">
        <v>12</v>
      </c>
      <c r="J7" s="261">
        <v>7</v>
      </c>
      <c r="K7" s="261">
        <v>9</v>
      </c>
      <c r="L7" s="262">
        <v>51</v>
      </c>
      <c r="M7" s="263">
        <v>51</v>
      </c>
      <c r="N7" s="257">
        <v>0</v>
      </c>
      <c r="O7" s="261">
        <v>0</v>
      </c>
      <c r="P7" s="258">
        <v>0</v>
      </c>
      <c r="Q7" s="260">
        <v>0</v>
      </c>
      <c r="R7" s="261">
        <v>5</v>
      </c>
      <c r="S7" s="261">
        <v>21</v>
      </c>
      <c r="T7" s="261">
        <v>22</v>
      </c>
      <c r="U7" s="261">
        <v>17</v>
      </c>
      <c r="V7" s="261">
        <v>13</v>
      </c>
      <c r="W7" s="258">
        <v>78</v>
      </c>
      <c r="X7" s="263">
        <v>78</v>
      </c>
      <c r="Y7" s="257">
        <v>0</v>
      </c>
      <c r="Z7" s="261">
        <v>0</v>
      </c>
      <c r="AA7" s="258">
        <v>0</v>
      </c>
      <c r="AB7" s="260">
        <v>0</v>
      </c>
      <c r="AC7" s="261">
        <v>327</v>
      </c>
      <c r="AD7" s="261">
        <v>383</v>
      </c>
      <c r="AE7" s="261">
        <v>160</v>
      </c>
      <c r="AF7" s="261">
        <v>69</v>
      </c>
      <c r="AG7" s="261">
        <v>31</v>
      </c>
      <c r="AH7" s="258">
        <v>970</v>
      </c>
      <c r="AI7" s="263">
        <v>970</v>
      </c>
      <c r="AJ7" s="257">
        <v>0</v>
      </c>
      <c r="AK7" s="261">
        <v>0</v>
      </c>
      <c r="AL7" s="258">
        <v>0</v>
      </c>
      <c r="AM7" s="260">
        <v>0</v>
      </c>
      <c r="AN7" s="261">
        <v>29</v>
      </c>
      <c r="AO7" s="261">
        <v>30</v>
      </c>
      <c r="AP7" s="261">
        <v>38</v>
      </c>
      <c r="AQ7" s="261">
        <v>12</v>
      </c>
      <c r="AR7" s="261">
        <v>11</v>
      </c>
      <c r="AS7" s="258">
        <v>120</v>
      </c>
      <c r="AT7" s="263">
        <v>120</v>
      </c>
      <c r="AU7" s="257">
        <v>7</v>
      </c>
      <c r="AV7" s="261">
        <v>10</v>
      </c>
      <c r="AW7" s="258">
        <v>17</v>
      </c>
      <c r="AX7" s="260">
        <v>0</v>
      </c>
      <c r="AY7" s="261">
        <v>25</v>
      </c>
      <c r="AZ7" s="261">
        <v>26</v>
      </c>
      <c r="BA7" s="261">
        <v>27</v>
      </c>
      <c r="BB7" s="261">
        <v>33</v>
      </c>
      <c r="BC7" s="261">
        <v>10</v>
      </c>
      <c r="BD7" s="258">
        <v>121</v>
      </c>
      <c r="BE7" s="263">
        <v>138</v>
      </c>
      <c r="BF7" s="257">
        <v>0</v>
      </c>
      <c r="BG7" s="261">
        <v>0</v>
      </c>
      <c r="BH7" s="258">
        <v>0</v>
      </c>
      <c r="BI7" s="260">
        <v>0</v>
      </c>
      <c r="BJ7" s="261">
        <v>27</v>
      </c>
      <c r="BK7" s="261">
        <v>37</v>
      </c>
      <c r="BL7" s="261">
        <v>49</v>
      </c>
      <c r="BM7" s="261">
        <v>40</v>
      </c>
      <c r="BN7" s="261">
        <v>27</v>
      </c>
      <c r="BO7" s="262">
        <v>180</v>
      </c>
      <c r="BP7" s="263">
        <v>180</v>
      </c>
      <c r="BQ7" s="257">
        <v>0</v>
      </c>
      <c r="BR7" s="261">
        <v>0</v>
      </c>
      <c r="BS7" s="258">
        <v>0</v>
      </c>
      <c r="BT7" s="260">
        <v>0</v>
      </c>
      <c r="BU7" s="261">
        <v>0</v>
      </c>
      <c r="BV7" s="261">
        <v>0</v>
      </c>
      <c r="BW7" s="261">
        <v>0</v>
      </c>
      <c r="BX7" s="261">
        <v>0</v>
      </c>
      <c r="BY7" s="261">
        <v>0</v>
      </c>
      <c r="BZ7" s="258">
        <v>0</v>
      </c>
      <c r="CA7" s="263">
        <v>0</v>
      </c>
      <c r="CB7" s="257">
        <v>0</v>
      </c>
      <c r="CC7" s="261">
        <v>0</v>
      </c>
      <c r="CD7" s="258">
        <v>0</v>
      </c>
      <c r="CE7" s="260">
        <v>0</v>
      </c>
      <c r="CF7" s="261">
        <v>0</v>
      </c>
      <c r="CG7" s="261">
        <v>1</v>
      </c>
      <c r="CH7" s="261">
        <v>0</v>
      </c>
      <c r="CI7" s="261">
        <v>1</v>
      </c>
      <c r="CJ7" s="261">
        <v>1</v>
      </c>
      <c r="CK7" s="258">
        <v>3</v>
      </c>
      <c r="CL7" s="263">
        <v>3</v>
      </c>
      <c r="CM7" s="257">
        <v>0</v>
      </c>
      <c r="CN7" s="261">
        <v>0</v>
      </c>
      <c r="CO7" s="258">
        <v>0</v>
      </c>
      <c r="CP7" s="260">
        <v>0</v>
      </c>
      <c r="CQ7" s="261">
        <v>0</v>
      </c>
      <c r="CR7" s="261">
        <v>5</v>
      </c>
      <c r="CS7" s="261">
        <v>7</v>
      </c>
      <c r="CT7" s="261">
        <v>7</v>
      </c>
      <c r="CU7" s="261">
        <v>11</v>
      </c>
      <c r="CV7" s="258">
        <v>30</v>
      </c>
      <c r="CW7" s="263">
        <v>30</v>
      </c>
    </row>
    <row r="8" spans="1:101" ht="21" customHeight="1" x14ac:dyDescent="0.2">
      <c r="B8" s="472" t="s">
        <v>6</v>
      </c>
      <c r="C8" s="257">
        <v>0</v>
      </c>
      <c r="D8" s="258">
        <v>0</v>
      </c>
      <c r="E8" s="259">
        <v>0</v>
      </c>
      <c r="F8" s="260">
        <v>0</v>
      </c>
      <c r="G8" s="261">
        <v>6</v>
      </c>
      <c r="H8" s="261">
        <v>8</v>
      </c>
      <c r="I8" s="261">
        <v>3</v>
      </c>
      <c r="J8" s="261">
        <v>5</v>
      </c>
      <c r="K8" s="261">
        <v>6</v>
      </c>
      <c r="L8" s="262">
        <v>28</v>
      </c>
      <c r="M8" s="263">
        <v>28</v>
      </c>
      <c r="N8" s="257">
        <v>0</v>
      </c>
      <c r="O8" s="261">
        <v>0</v>
      </c>
      <c r="P8" s="258">
        <v>0</v>
      </c>
      <c r="Q8" s="260">
        <v>0</v>
      </c>
      <c r="R8" s="261">
        <v>3</v>
      </c>
      <c r="S8" s="261">
        <v>10</v>
      </c>
      <c r="T8" s="261">
        <v>7</v>
      </c>
      <c r="U8" s="261">
        <v>3</v>
      </c>
      <c r="V8" s="261">
        <v>5</v>
      </c>
      <c r="W8" s="258">
        <v>28</v>
      </c>
      <c r="X8" s="263">
        <v>28</v>
      </c>
      <c r="Y8" s="257">
        <v>0</v>
      </c>
      <c r="Z8" s="261">
        <v>0</v>
      </c>
      <c r="AA8" s="258">
        <v>0</v>
      </c>
      <c r="AB8" s="260">
        <v>0</v>
      </c>
      <c r="AC8" s="261">
        <v>139</v>
      </c>
      <c r="AD8" s="261">
        <v>91</v>
      </c>
      <c r="AE8" s="261">
        <v>34</v>
      </c>
      <c r="AF8" s="261">
        <v>18</v>
      </c>
      <c r="AG8" s="261">
        <v>7</v>
      </c>
      <c r="AH8" s="258">
        <v>289</v>
      </c>
      <c r="AI8" s="263">
        <v>289</v>
      </c>
      <c r="AJ8" s="257">
        <v>0</v>
      </c>
      <c r="AK8" s="261">
        <v>0</v>
      </c>
      <c r="AL8" s="258">
        <v>0</v>
      </c>
      <c r="AM8" s="260">
        <v>0</v>
      </c>
      <c r="AN8" s="261">
        <v>13</v>
      </c>
      <c r="AO8" s="261">
        <v>16</v>
      </c>
      <c r="AP8" s="261">
        <v>25</v>
      </c>
      <c r="AQ8" s="261">
        <v>3</v>
      </c>
      <c r="AR8" s="261">
        <v>5</v>
      </c>
      <c r="AS8" s="258">
        <v>62</v>
      </c>
      <c r="AT8" s="263">
        <v>62</v>
      </c>
      <c r="AU8" s="257">
        <v>1</v>
      </c>
      <c r="AV8" s="261">
        <v>6</v>
      </c>
      <c r="AW8" s="258">
        <v>7</v>
      </c>
      <c r="AX8" s="260">
        <v>0</v>
      </c>
      <c r="AY8" s="261">
        <v>9</v>
      </c>
      <c r="AZ8" s="261">
        <v>9</v>
      </c>
      <c r="BA8" s="261">
        <v>10</v>
      </c>
      <c r="BB8" s="261">
        <v>2</v>
      </c>
      <c r="BC8" s="261">
        <v>2</v>
      </c>
      <c r="BD8" s="258">
        <v>32</v>
      </c>
      <c r="BE8" s="263">
        <v>39</v>
      </c>
      <c r="BF8" s="257">
        <v>0</v>
      </c>
      <c r="BG8" s="261">
        <v>0</v>
      </c>
      <c r="BH8" s="258">
        <v>0</v>
      </c>
      <c r="BI8" s="260">
        <v>0</v>
      </c>
      <c r="BJ8" s="261">
        <v>15</v>
      </c>
      <c r="BK8" s="261">
        <v>29</v>
      </c>
      <c r="BL8" s="261">
        <v>23</v>
      </c>
      <c r="BM8" s="261">
        <v>17</v>
      </c>
      <c r="BN8" s="261">
        <v>19</v>
      </c>
      <c r="BO8" s="262">
        <v>103</v>
      </c>
      <c r="BP8" s="263">
        <v>103</v>
      </c>
      <c r="BQ8" s="257">
        <v>0</v>
      </c>
      <c r="BR8" s="261">
        <v>0</v>
      </c>
      <c r="BS8" s="258">
        <v>0</v>
      </c>
      <c r="BT8" s="260">
        <v>0</v>
      </c>
      <c r="BU8" s="261">
        <v>0</v>
      </c>
      <c r="BV8" s="261">
        <v>0</v>
      </c>
      <c r="BW8" s="261">
        <v>0</v>
      </c>
      <c r="BX8" s="261">
        <v>0</v>
      </c>
      <c r="BY8" s="261">
        <v>0</v>
      </c>
      <c r="BZ8" s="258">
        <v>0</v>
      </c>
      <c r="CA8" s="263">
        <v>0</v>
      </c>
      <c r="CB8" s="257">
        <v>0</v>
      </c>
      <c r="CC8" s="261">
        <v>0</v>
      </c>
      <c r="CD8" s="258">
        <v>0</v>
      </c>
      <c r="CE8" s="260">
        <v>0</v>
      </c>
      <c r="CF8" s="261">
        <v>1</v>
      </c>
      <c r="CG8" s="261">
        <v>0</v>
      </c>
      <c r="CH8" s="261">
        <v>8</v>
      </c>
      <c r="CI8" s="261">
        <v>6</v>
      </c>
      <c r="CJ8" s="261">
        <v>2</v>
      </c>
      <c r="CK8" s="258">
        <v>17</v>
      </c>
      <c r="CL8" s="263">
        <v>17</v>
      </c>
      <c r="CM8" s="257">
        <v>0</v>
      </c>
      <c r="CN8" s="261">
        <v>0</v>
      </c>
      <c r="CO8" s="258">
        <v>0</v>
      </c>
      <c r="CP8" s="260">
        <v>0</v>
      </c>
      <c r="CQ8" s="261">
        <v>4</v>
      </c>
      <c r="CR8" s="261">
        <v>5</v>
      </c>
      <c r="CS8" s="261">
        <v>9</v>
      </c>
      <c r="CT8" s="261">
        <v>6</v>
      </c>
      <c r="CU8" s="261">
        <v>7</v>
      </c>
      <c r="CV8" s="258">
        <v>31</v>
      </c>
      <c r="CW8" s="263">
        <v>31</v>
      </c>
    </row>
    <row r="9" spans="1:101" ht="21" customHeight="1" x14ac:dyDescent="0.2">
      <c r="B9" s="472" t="s">
        <v>14</v>
      </c>
      <c r="C9" s="257">
        <v>0</v>
      </c>
      <c r="D9" s="258">
        <v>0</v>
      </c>
      <c r="E9" s="259">
        <v>0</v>
      </c>
      <c r="F9" s="260">
        <v>0</v>
      </c>
      <c r="G9" s="261">
        <v>1</v>
      </c>
      <c r="H9" s="261">
        <v>1</v>
      </c>
      <c r="I9" s="261">
        <v>0</v>
      </c>
      <c r="J9" s="261">
        <v>1</v>
      </c>
      <c r="K9" s="261">
        <v>0</v>
      </c>
      <c r="L9" s="262">
        <v>3</v>
      </c>
      <c r="M9" s="263">
        <v>3</v>
      </c>
      <c r="N9" s="257">
        <v>0</v>
      </c>
      <c r="O9" s="261">
        <v>0</v>
      </c>
      <c r="P9" s="258">
        <v>0</v>
      </c>
      <c r="Q9" s="260">
        <v>0</v>
      </c>
      <c r="R9" s="261">
        <v>0</v>
      </c>
      <c r="S9" s="261">
        <v>0</v>
      </c>
      <c r="T9" s="261">
        <v>0</v>
      </c>
      <c r="U9" s="261">
        <v>0</v>
      </c>
      <c r="V9" s="261">
        <v>0</v>
      </c>
      <c r="W9" s="258">
        <v>0</v>
      </c>
      <c r="X9" s="263">
        <v>0</v>
      </c>
      <c r="Y9" s="257">
        <v>0</v>
      </c>
      <c r="Z9" s="261">
        <v>0</v>
      </c>
      <c r="AA9" s="258">
        <v>0</v>
      </c>
      <c r="AB9" s="260">
        <v>0</v>
      </c>
      <c r="AC9" s="261">
        <v>35</v>
      </c>
      <c r="AD9" s="261">
        <v>54</v>
      </c>
      <c r="AE9" s="261">
        <v>18</v>
      </c>
      <c r="AF9" s="261">
        <v>12</v>
      </c>
      <c r="AG9" s="261">
        <v>4</v>
      </c>
      <c r="AH9" s="258">
        <v>123</v>
      </c>
      <c r="AI9" s="263">
        <v>123</v>
      </c>
      <c r="AJ9" s="257">
        <v>0</v>
      </c>
      <c r="AK9" s="261">
        <v>0</v>
      </c>
      <c r="AL9" s="258">
        <v>0</v>
      </c>
      <c r="AM9" s="260">
        <v>0</v>
      </c>
      <c r="AN9" s="261">
        <v>3</v>
      </c>
      <c r="AO9" s="261">
        <v>1</v>
      </c>
      <c r="AP9" s="261">
        <v>0</v>
      </c>
      <c r="AQ9" s="261">
        <v>1</v>
      </c>
      <c r="AR9" s="261">
        <v>0</v>
      </c>
      <c r="AS9" s="258">
        <v>5</v>
      </c>
      <c r="AT9" s="263">
        <v>5</v>
      </c>
      <c r="AU9" s="257">
        <v>2</v>
      </c>
      <c r="AV9" s="261">
        <v>1</v>
      </c>
      <c r="AW9" s="258">
        <v>3</v>
      </c>
      <c r="AX9" s="260">
        <v>0</v>
      </c>
      <c r="AY9" s="261">
        <v>7</v>
      </c>
      <c r="AZ9" s="261">
        <v>5</v>
      </c>
      <c r="BA9" s="261">
        <v>4</v>
      </c>
      <c r="BB9" s="261">
        <v>2</v>
      </c>
      <c r="BC9" s="261">
        <v>2</v>
      </c>
      <c r="BD9" s="258">
        <v>20</v>
      </c>
      <c r="BE9" s="263">
        <v>23</v>
      </c>
      <c r="BF9" s="257">
        <v>0</v>
      </c>
      <c r="BG9" s="261">
        <v>0</v>
      </c>
      <c r="BH9" s="258">
        <v>0</v>
      </c>
      <c r="BI9" s="260">
        <v>0</v>
      </c>
      <c r="BJ9" s="261">
        <v>3</v>
      </c>
      <c r="BK9" s="261">
        <v>4</v>
      </c>
      <c r="BL9" s="261">
        <v>14</v>
      </c>
      <c r="BM9" s="261">
        <v>12</v>
      </c>
      <c r="BN9" s="261">
        <v>6</v>
      </c>
      <c r="BO9" s="262">
        <v>39</v>
      </c>
      <c r="BP9" s="263">
        <v>39</v>
      </c>
      <c r="BQ9" s="257">
        <v>0</v>
      </c>
      <c r="BR9" s="261">
        <v>0</v>
      </c>
      <c r="BS9" s="258">
        <v>0</v>
      </c>
      <c r="BT9" s="260">
        <v>0</v>
      </c>
      <c r="BU9" s="261">
        <v>0</v>
      </c>
      <c r="BV9" s="261">
        <v>0</v>
      </c>
      <c r="BW9" s="261">
        <v>0</v>
      </c>
      <c r="BX9" s="261">
        <v>0</v>
      </c>
      <c r="BY9" s="261">
        <v>0</v>
      </c>
      <c r="BZ9" s="258">
        <v>0</v>
      </c>
      <c r="CA9" s="263">
        <v>0</v>
      </c>
      <c r="CB9" s="257">
        <v>0</v>
      </c>
      <c r="CC9" s="261">
        <v>0</v>
      </c>
      <c r="CD9" s="258">
        <v>0</v>
      </c>
      <c r="CE9" s="260">
        <v>0</v>
      </c>
      <c r="CF9" s="261">
        <v>0</v>
      </c>
      <c r="CG9" s="261">
        <v>1</v>
      </c>
      <c r="CH9" s="261">
        <v>0</v>
      </c>
      <c r="CI9" s="261">
        <v>2</v>
      </c>
      <c r="CJ9" s="261">
        <v>0</v>
      </c>
      <c r="CK9" s="258">
        <v>3</v>
      </c>
      <c r="CL9" s="263">
        <v>3</v>
      </c>
      <c r="CM9" s="257">
        <v>0</v>
      </c>
      <c r="CN9" s="261">
        <v>0</v>
      </c>
      <c r="CO9" s="258">
        <v>0</v>
      </c>
      <c r="CP9" s="260">
        <v>0</v>
      </c>
      <c r="CQ9" s="261">
        <v>0</v>
      </c>
      <c r="CR9" s="261">
        <v>2</v>
      </c>
      <c r="CS9" s="261">
        <v>2</v>
      </c>
      <c r="CT9" s="261">
        <v>2</v>
      </c>
      <c r="CU9" s="261">
        <v>2</v>
      </c>
      <c r="CV9" s="258">
        <v>8</v>
      </c>
      <c r="CW9" s="263">
        <v>8</v>
      </c>
    </row>
    <row r="10" spans="1:101" ht="21" customHeight="1" x14ac:dyDescent="0.2">
      <c r="B10" s="472" t="s">
        <v>7</v>
      </c>
      <c r="C10" s="257">
        <v>0</v>
      </c>
      <c r="D10" s="258">
        <v>0</v>
      </c>
      <c r="E10" s="259">
        <v>0</v>
      </c>
      <c r="F10" s="260">
        <v>0</v>
      </c>
      <c r="G10" s="261">
        <v>1</v>
      </c>
      <c r="H10" s="261">
        <v>0</v>
      </c>
      <c r="I10" s="261">
        <v>0</v>
      </c>
      <c r="J10" s="261">
        <v>0</v>
      </c>
      <c r="K10" s="261">
        <v>0</v>
      </c>
      <c r="L10" s="262">
        <v>1</v>
      </c>
      <c r="M10" s="263">
        <v>1</v>
      </c>
      <c r="N10" s="257">
        <v>0</v>
      </c>
      <c r="O10" s="261">
        <v>0</v>
      </c>
      <c r="P10" s="258">
        <v>0</v>
      </c>
      <c r="Q10" s="260">
        <v>0</v>
      </c>
      <c r="R10" s="261">
        <v>0</v>
      </c>
      <c r="S10" s="261">
        <v>0</v>
      </c>
      <c r="T10" s="261">
        <v>0</v>
      </c>
      <c r="U10" s="261">
        <v>0</v>
      </c>
      <c r="V10" s="261">
        <v>0</v>
      </c>
      <c r="W10" s="258">
        <v>0</v>
      </c>
      <c r="X10" s="263">
        <v>0</v>
      </c>
      <c r="Y10" s="257">
        <v>0</v>
      </c>
      <c r="Z10" s="261">
        <v>0</v>
      </c>
      <c r="AA10" s="258">
        <v>0</v>
      </c>
      <c r="AB10" s="260">
        <v>0</v>
      </c>
      <c r="AC10" s="261">
        <v>37</v>
      </c>
      <c r="AD10" s="261">
        <v>22</v>
      </c>
      <c r="AE10" s="261">
        <v>5</v>
      </c>
      <c r="AF10" s="261">
        <v>6</v>
      </c>
      <c r="AG10" s="261">
        <v>3</v>
      </c>
      <c r="AH10" s="258">
        <v>73</v>
      </c>
      <c r="AI10" s="263">
        <v>73</v>
      </c>
      <c r="AJ10" s="257">
        <v>0</v>
      </c>
      <c r="AK10" s="261">
        <v>0</v>
      </c>
      <c r="AL10" s="258">
        <v>0</v>
      </c>
      <c r="AM10" s="260">
        <v>0</v>
      </c>
      <c r="AN10" s="261">
        <v>3</v>
      </c>
      <c r="AO10" s="261">
        <v>4</v>
      </c>
      <c r="AP10" s="261">
        <v>3</v>
      </c>
      <c r="AQ10" s="261">
        <v>3</v>
      </c>
      <c r="AR10" s="261">
        <v>0</v>
      </c>
      <c r="AS10" s="258">
        <v>13</v>
      </c>
      <c r="AT10" s="263">
        <v>13</v>
      </c>
      <c r="AU10" s="257">
        <v>1</v>
      </c>
      <c r="AV10" s="261">
        <v>0</v>
      </c>
      <c r="AW10" s="258">
        <v>1</v>
      </c>
      <c r="AX10" s="260">
        <v>0</v>
      </c>
      <c r="AY10" s="261">
        <v>1</v>
      </c>
      <c r="AZ10" s="261">
        <v>0</v>
      </c>
      <c r="BA10" s="261">
        <v>2</v>
      </c>
      <c r="BB10" s="261">
        <v>0</v>
      </c>
      <c r="BC10" s="261">
        <v>0</v>
      </c>
      <c r="BD10" s="258">
        <v>3</v>
      </c>
      <c r="BE10" s="263">
        <v>4</v>
      </c>
      <c r="BF10" s="257">
        <v>0</v>
      </c>
      <c r="BG10" s="261">
        <v>0</v>
      </c>
      <c r="BH10" s="258">
        <v>0</v>
      </c>
      <c r="BI10" s="260">
        <v>0</v>
      </c>
      <c r="BJ10" s="261">
        <v>1</v>
      </c>
      <c r="BK10" s="261">
        <v>2</v>
      </c>
      <c r="BL10" s="261">
        <v>6</v>
      </c>
      <c r="BM10" s="261">
        <v>4</v>
      </c>
      <c r="BN10" s="261">
        <v>2</v>
      </c>
      <c r="BO10" s="262">
        <v>15</v>
      </c>
      <c r="BP10" s="263">
        <v>15</v>
      </c>
      <c r="BQ10" s="257">
        <v>0</v>
      </c>
      <c r="BR10" s="261">
        <v>0</v>
      </c>
      <c r="BS10" s="258">
        <v>0</v>
      </c>
      <c r="BT10" s="260">
        <v>0</v>
      </c>
      <c r="BU10" s="261">
        <v>0</v>
      </c>
      <c r="BV10" s="261">
        <v>0</v>
      </c>
      <c r="BW10" s="261">
        <v>0</v>
      </c>
      <c r="BX10" s="261">
        <v>0</v>
      </c>
      <c r="BY10" s="261">
        <v>0</v>
      </c>
      <c r="BZ10" s="258">
        <v>0</v>
      </c>
      <c r="CA10" s="263">
        <v>0</v>
      </c>
      <c r="CB10" s="257">
        <v>0</v>
      </c>
      <c r="CC10" s="261">
        <v>0</v>
      </c>
      <c r="CD10" s="258">
        <v>0</v>
      </c>
      <c r="CE10" s="260">
        <v>0</v>
      </c>
      <c r="CF10" s="261">
        <v>0</v>
      </c>
      <c r="CG10" s="261">
        <v>0</v>
      </c>
      <c r="CH10" s="261">
        <v>0</v>
      </c>
      <c r="CI10" s="261">
        <v>0</v>
      </c>
      <c r="CJ10" s="261">
        <v>0</v>
      </c>
      <c r="CK10" s="258">
        <v>0</v>
      </c>
      <c r="CL10" s="263">
        <v>0</v>
      </c>
      <c r="CM10" s="257">
        <v>0</v>
      </c>
      <c r="CN10" s="261">
        <v>0</v>
      </c>
      <c r="CO10" s="258">
        <v>0</v>
      </c>
      <c r="CP10" s="260">
        <v>0</v>
      </c>
      <c r="CQ10" s="261">
        <v>1</v>
      </c>
      <c r="CR10" s="261">
        <v>0</v>
      </c>
      <c r="CS10" s="261">
        <v>0</v>
      </c>
      <c r="CT10" s="261">
        <v>0</v>
      </c>
      <c r="CU10" s="261">
        <v>1</v>
      </c>
      <c r="CV10" s="258">
        <v>2</v>
      </c>
      <c r="CW10" s="263">
        <v>2</v>
      </c>
    </row>
    <row r="11" spans="1:101" ht="21" customHeight="1" x14ac:dyDescent="0.2">
      <c r="B11" s="472" t="s">
        <v>8</v>
      </c>
      <c r="C11" s="257">
        <v>0</v>
      </c>
      <c r="D11" s="258">
        <v>0</v>
      </c>
      <c r="E11" s="259">
        <v>0</v>
      </c>
      <c r="F11" s="260">
        <v>0</v>
      </c>
      <c r="G11" s="261">
        <v>0</v>
      </c>
      <c r="H11" s="261">
        <v>0</v>
      </c>
      <c r="I11" s="261">
        <v>0</v>
      </c>
      <c r="J11" s="261">
        <v>1</v>
      </c>
      <c r="K11" s="261">
        <v>0</v>
      </c>
      <c r="L11" s="262">
        <v>1</v>
      </c>
      <c r="M11" s="263">
        <v>1</v>
      </c>
      <c r="N11" s="257">
        <v>0</v>
      </c>
      <c r="O11" s="261">
        <v>0</v>
      </c>
      <c r="P11" s="258">
        <v>0</v>
      </c>
      <c r="Q11" s="260">
        <v>0</v>
      </c>
      <c r="R11" s="261">
        <v>0</v>
      </c>
      <c r="S11" s="261">
        <v>0</v>
      </c>
      <c r="T11" s="261">
        <v>0</v>
      </c>
      <c r="U11" s="261">
        <v>0</v>
      </c>
      <c r="V11" s="261">
        <v>0</v>
      </c>
      <c r="W11" s="258">
        <v>0</v>
      </c>
      <c r="X11" s="263">
        <v>0</v>
      </c>
      <c r="Y11" s="257">
        <v>0</v>
      </c>
      <c r="Z11" s="261">
        <v>0</v>
      </c>
      <c r="AA11" s="258">
        <v>0</v>
      </c>
      <c r="AB11" s="260">
        <v>0</v>
      </c>
      <c r="AC11" s="261">
        <v>41</v>
      </c>
      <c r="AD11" s="261">
        <v>15</v>
      </c>
      <c r="AE11" s="261">
        <v>5</v>
      </c>
      <c r="AF11" s="261">
        <v>9</v>
      </c>
      <c r="AG11" s="261">
        <v>2</v>
      </c>
      <c r="AH11" s="258">
        <v>72</v>
      </c>
      <c r="AI11" s="263">
        <v>72</v>
      </c>
      <c r="AJ11" s="257">
        <v>0</v>
      </c>
      <c r="AK11" s="261">
        <v>0</v>
      </c>
      <c r="AL11" s="258">
        <v>0</v>
      </c>
      <c r="AM11" s="260">
        <v>0</v>
      </c>
      <c r="AN11" s="261">
        <v>0</v>
      </c>
      <c r="AO11" s="261">
        <v>1</v>
      </c>
      <c r="AP11" s="261">
        <v>0</v>
      </c>
      <c r="AQ11" s="261">
        <v>0</v>
      </c>
      <c r="AR11" s="261">
        <v>0</v>
      </c>
      <c r="AS11" s="258">
        <v>1</v>
      </c>
      <c r="AT11" s="263">
        <v>1</v>
      </c>
      <c r="AU11" s="257">
        <v>0</v>
      </c>
      <c r="AV11" s="261">
        <v>0</v>
      </c>
      <c r="AW11" s="258">
        <v>0</v>
      </c>
      <c r="AX11" s="260">
        <v>0</v>
      </c>
      <c r="AY11" s="261">
        <v>3</v>
      </c>
      <c r="AZ11" s="261">
        <v>0</v>
      </c>
      <c r="BA11" s="261">
        <v>2</v>
      </c>
      <c r="BB11" s="261">
        <v>2</v>
      </c>
      <c r="BC11" s="261">
        <v>0</v>
      </c>
      <c r="BD11" s="258">
        <v>7</v>
      </c>
      <c r="BE11" s="263">
        <v>7</v>
      </c>
      <c r="BF11" s="257">
        <v>0</v>
      </c>
      <c r="BG11" s="261">
        <v>0</v>
      </c>
      <c r="BH11" s="258">
        <v>0</v>
      </c>
      <c r="BI11" s="260">
        <v>0</v>
      </c>
      <c r="BJ11" s="261">
        <v>0</v>
      </c>
      <c r="BK11" s="261">
        <v>5</v>
      </c>
      <c r="BL11" s="261">
        <v>1</v>
      </c>
      <c r="BM11" s="261">
        <v>2</v>
      </c>
      <c r="BN11" s="261">
        <v>0</v>
      </c>
      <c r="BO11" s="262">
        <v>8</v>
      </c>
      <c r="BP11" s="263">
        <v>8</v>
      </c>
      <c r="BQ11" s="257">
        <v>0</v>
      </c>
      <c r="BR11" s="261">
        <v>0</v>
      </c>
      <c r="BS11" s="258">
        <v>0</v>
      </c>
      <c r="BT11" s="260">
        <v>0</v>
      </c>
      <c r="BU11" s="261">
        <v>0</v>
      </c>
      <c r="BV11" s="261">
        <v>0</v>
      </c>
      <c r="BW11" s="261">
        <v>0</v>
      </c>
      <c r="BX11" s="261">
        <v>1</v>
      </c>
      <c r="BY11" s="261">
        <v>1</v>
      </c>
      <c r="BZ11" s="258">
        <v>2</v>
      </c>
      <c r="CA11" s="263">
        <v>2</v>
      </c>
      <c r="CB11" s="257">
        <v>0</v>
      </c>
      <c r="CC11" s="261">
        <v>0</v>
      </c>
      <c r="CD11" s="258">
        <v>0</v>
      </c>
      <c r="CE11" s="260">
        <v>0</v>
      </c>
      <c r="CF11" s="261">
        <v>0</v>
      </c>
      <c r="CG11" s="261">
        <v>0</v>
      </c>
      <c r="CH11" s="261">
        <v>0</v>
      </c>
      <c r="CI11" s="261">
        <v>1</v>
      </c>
      <c r="CJ11" s="261">
        <v>1</v>
      </c>
      <c r="CK11" s="258">
        <v>2</v>
      </c>
      <c r="CL11" s="263">
        <v>2</v>
      </c>
      <c r="CM11" s="257">
        <v>0</v>
      </c>
      <c r="CN11" s="261">
        <v>0</v>
      </c>
      <c r="CO11" s="258">
        <v>0</v>
      </c>
      <c r="CP11" s="260">
        <v>0</v>
      </c>
      <c r="CQ11" s="261">
        <v>0</v>
      </c>
      <c r="CR11" s="261">
        <v>0</v>
      </c>
      <c r="CS11" s="261">
        <v>0</v>
      </c>
      <c r="CT11" s="261">
        <v>0</v>
      </c>
      <c r="CU11" s="261">
        <v>0</v>
      </c>
      <c r="CV11" s="258">
        <v>0</v>
      </c>
      <c r="CW11" s="263">
        <v>0</v>
      </c>
    </row>
    <row r="12" spans="1:101" ht="21" customHeight="1" x14ac:dyDescent="0.2">
      <c r="B12" s="472" t="s">
        <v>9</v>
      </c>
      <c r="C12" s="257">
        <v>0</v>
      </c>
      <c r="D12" s="258">
        <v>0</v>
      </c>
      <c r="E12" s="259">
        <v>0</v>
      </c>
      <c r="F12" s="260">
        <v>0</v>
      </c>
      <c r="G12" s="261">
        <v>0</v>
      </c>
      <c r="H12" s="261">
        <v>1</v>
      </c>
      <c r="I12" s="261">
        <v>0</v>
      </c>
      <c r="J12" s="261">
        <v>1</v>
      </c>
      <c r="K12" s="261">
        <v>1</v>
      </c>
      <c r="L12" s="262">
        <v>3</v>
      </c>
      <c r="M12" s="263">
        <v>3</v>
      </c>
      <c r="N12" s="257">
        <v>0</v>
      </c>
      <c r="O12" s="261">
        <v>0</v>
      </c>
      <c r="P12" s="258">
        <v>0</v>
      </c>
      <c r="Q12" s="260">
        <v>0</v>
      </c>
      <c r="R12" s="261">
        <v>0</v>
      </c>
      <c r="S12" s="261">
        <v>0</v>
      </c>
      <c r="T12" s="261">
        <v>0</v>
      </c>
      <c r="U12" s="261">
        <v>0</v>
      </c>
      <c r="V12" s="261">
        <v>0</v>
      </c>
      <c r="W12" s="258">
        <v>0</v>
      </c>
      <c r="X12" s="263">
        <v>0</v>
      </c>
      <c r="Y12" s="257">
        <v>0</v>
      </c>
      <c r="Z12" s="261">
        <v>0</v>
      </c>
      <c r="AA12" s="258">
        <v>0</v>
      </c>
      <c r="AB12" s="260">
        <v>0</v>
      </c>
      <c r="AC12" s="261">
        <v>49</v>
      </c>
      <c r="AD12" s="261">
        <v>26</v>
      </c>
      <c r="AE12" s="261">
        <v>19</v>
      </c>
      <c r="AF12" s="261">
        <v>4</v>
      </c>
      <c r="AG12" s="261">
        <v>1</v>
      </c>
      <c r="AH12" s="258">
        <v>99</v>
      </c>
      <c r="AI12" s="263">
        <v>99</v>
      </c>
      <c r="AJ12" s="257">
        <v>0</v>
      </c>
      <c r="AK12" s="261">
        <v>0</v>
      </c>
      <c r="AL12" s="258">
        <v>0</v>
      </c>
      <c r="AM12" s="260">
        <v>0</v>
      </c>
      <c r="AN12" s="261">
        <v>0</v>
      </c>
      <c r="AO12" s="261">
        <v>1</v>
      </c>
      <c r="AP12" s="261">
        <v>0</v>
      </c>
      <c r="AQ12" s="261">
        <v>0</v>
      </c>
      <c r="AR12" s="261">
        <v>1</v>
      </c>
      <c r="AS12" s="258">
        <v>2</v>
      </c>
      <c r="AT12" s="263">
        <v>2</v>
      </c>
      <c r="AU12" s="257">
        <v>1</v>
      </c>
      <c r="AV12" s="261">
        <v>0</v>
      </c>
      <c r="AW12" s="258">
        <v>1</v>
      </c>
      <c r="AX12" s="260">
        <v>0</v>
      </c>
      <c r="AY12" s="261">
        <v>4</v>
      </c>
      <c r="AZ12" s="261">
        <v>1</v>
      </c>
      <c r="BA12" s="261">
        <v>3</v>
      </c>
      <c r="BB12" s="261">
        <v>1</v>
      </c>
      <c r="BC12" s="261">
        <v>1</v>
      </c>
      <c r="BD12" s="258">
        <v>10</v>
      </c>
      <c r="BE12" s="263">
        <v>11</v>
      </c>
      <c r="BF12" s="257">
        <v>0</v>
      </c>
      <c r="BG12" s="261">
        <v>0</v>
      </c>
      <c r="BH12" s="258">
        <v>0</v>
      </c>
      <c r="BI12" s="260">
        <v>0</v>
      </c>
      <c r="BJ12" s="261">
        <v>0</v>
      </c>
      <c r="BK12" s="261">
        <v>2</v>
      </c>
      <c r="BL12" s="261">
        <v>7</v>
      </c>
      <c r="BM12" s="261">
        <v>2</v>
      </c>
      <c r="BN12" s="261">
        <v>0</v>
      </c>
      <c r="BO12" s="262">
        <v>11</v>
      </c>
      <c r="BP12" s="263">
        <v>11</v>
      </c>
      <c r="BQ12" s="257">
        <v>0</v>
      </c>
      <c r="BR12" s="261">
        <v>0</v>
      </c>
      <c r="BS12" s="258">
        <v>0</v>
      </c>
      <c r="BT12" s="260">
        <v>0</v>
      </c>
      <c r="BU12" s="261">
        <v>0</v>
      </c>
      <c r="BV12" s="261">
        <v>1</v>
      </c>
      <c r="BW12" s="261">
        <v>1</v>
      </c>
      <c r="BX12" s="261">
        <v>1</v>
      </c>
      <c r="BY12" s="261">
        <v>0</v>
      </c>
      <c r="BZ12" s="258">
        <v>3</v>
      </c>
      <c r="CA12" s="263">
        <v>3</v>
      </c>
      <c r="CB12" s="257">
        <v>0</v>
      </c>
      <c r="CC12" s="261">
        <v>0</v>
      </c>
      <c r="CD12" s="258">
        <v>0</v>
      </c>
      <c r="CE12" s="260">
        <v>0</v>
      </c>
      <c r="CF12" s="261">
        <v>0</v>
      </c>
      <c r="CG12" s="261">
        <v>0</v>
      </c>
      <c r="CH12" s="261">
        <v>0</v>
      </c>
      <c r="CI12" s="261">
        <v>0</v>
      </c>
      <c r="CJ12" s="261">
        <v>0</v>
      </c>
      <c r="CK12" s="258">
        <v>0</v>
      </c>
      <c r="CL12" s="263">
        <v>0</v>
      </c>
      <c r="CM12" s="257">
        <v>0</v>
      </c>
      <c r="CN12" s="261">
        <v>0</v>
      </c>
      <c r="CO12" s="258">
        <v>0</v>
      </c>
      <c r="CP12" s="260">
        <v>0</v>
      </c>
      <c r="CQ12" s="261">
        <v>0</v>
      </c>
      <c r="CR12" s="261">
        <v>1</v>
      </c>
      <c r="CS12" s="261">
        <v>0</v>
      </c>
      <c r="CT12" s="261">
        <v>0</v>
      </c>
      <c r="CU12" s="261">
        <v>3</v>
      </c>
      <c r="CV12" s="258">
        <v>4</v>
      </c>
      <c r="CW12" s="263">
        <v>4</v>
      </c>
    </row>
    <row r="13" spans="1:101" ht="21" customHeight="1" x14ac:dyDescent="0.2">
      <c r="B13" s="472" t="s">
        <v>10</v>
      </c>
      <c r="C13" s="257">
        <v>0</v>
      </c>
      <c r="D13" s="258">
        <v>0</v>
      </c>
      <c r="E13" s="259">
        <v>0</v>
      </c>
      <c r="F13" s="260">
        <v>0</v>
      </c>
      <c r="G13" s="261">
        <v>1</v>
      </c>
      <c r="H13" s="261">
        <v>1</v>
      </c>
      <c r="I13" s="261">
        <v>1</v>
      </c>
      <c r="J13" s="261">
        <v>1</v>
      </c>
      <c r="K13" s="261">
        <v>0</v>
      </c>
      <c r="L13" s="262">
        <v>4</v>
      </c>
      <c r="M13" s="263">
        <v>4</v>
      </c>
      <c r="N13" s="257">
        <v>0</v>
      </c>
      <c r="O13" s="261">
        <v>0</v>
      </c>
      <c r="P13" s="258">
        <v>0</v>
      </c>
      <c r="Q13" s="260">
        <v>0</v>
      </c>
      <c r="R13" s="261">
        <v>0</v>
      </c>
      <c r="S13" s="261">
        <v>1</v>
      </c>
      <c r="T13" s="261">
        <v>0</v>
      </c>
      <c r="U13" s="261">
        <v>1</v>
      </c>
      <c r="V13" s="261">
        <v>0</v>
      </c>
      <c r="W13" s="258">
        <v>2</v>
      </c>
      <c r="X13" s="263">
        <v>2</v>
      </c>
      <c r="Y13" s="257">
        <v>0</v>
      </c>
      <c r="Z13" s="261">
        <v>0</v>
      </c>
      <c r="AA13" s="258">
        <v>0</v>
      </c>
      <c r="AB13" s="260">
        <v>0</v>
      </c>
      <c r="AC13" s="261">
        <v>33</v>
      </c>
      <c r="AD13" s="261">
        <v>18</v>
      </c>
      <c r="AE13" s="261">
        <v>2</v>
      </c>
      <c r="AF13" s="261">
        <v>5</v>
      </c>
      <c r="AG13" s="261">
        <v>1</v>
      </c>
      <c r="AH13" s="258">
        <v>59</v>
      </c>
      <c r="AI13" s="263">
        <v>59</v>
      </c>
      <c r="AJ13" s="257">
        <v>0</v>
      </c>
      <c r="AK13" s="261">
        <v>0</v>
      </c>
      <c r="AL13" s="258">
        <v>0</v>
      </c>
      <c r="AM13" s="260">
        <v>0</v>
      </c>
      <c r="AN13" s="261">
        <v>1</v>
      </c>
      <c r="AO13" s="261">
        <v>0</v>
      </c>
      <c r="AP13" s="261">
        <v>3</v>
      </c>
      <c r="AQ13" s="261">
        <v>2</v>
      </c>
      <c r="AR13" s="261">
        <v>0</v>
      </c>
      <c r="AS13" s="258">
        <v>6</v>
      </c>
      <c r="AT13" s="263">
        <v>6</v>
      </c>
      <c r="AU13" s="257">
        <v>1</v>
      </c>
      <c r="AV13" s="261">
        <v>1</v>
      </c>
      <c r="AW13" s="258">
        <v>2</v>
      </c>
      <c r="AX13" s="260">
        <v>0</v>
      </c>
      <c r="AY13" s="261">
        <v>5</v>
      </c>
      <c r="AZ13" s="261">
        <v>3</v>
      </c>
      <c r="BA13" s="261">
        <v>3</v>
      </c>
      <c r="BB13" s="261">
        <v>1</v>
      </c>
      <c r="BC13" s="261">
        <v>1</v>
      </c>
      <c r="BD13" s="258">
        <v>13</v>
      </c>
      <c r="BE13" s="263">
        <v>15</v>
      </c>
      <c r="BF13" s="257">
        <v>0</v>
      </c>
      <c r="BG13" s="261">
        <v>0</v>
      </c>
      <c r="BH13" s="258">
        <v>0</v>
      </c>
      <c r="BI13" s="260">
        <v>0</v>
      </c>
      <c r="BJ13" s="261">
        <v>3</v>
      </c>
      <c r="BK13" s="261">
        <v>7</v>
      </c>
      <c r="BL13" s="261">
        <v>6</v>
      </c>
      <c r="BM13" s="261">
        <v>5</v>
      </c>
      <c r="BN13" s="261">
        <v>8</v>
      </c>
      <c r="BO13" s="262">
        <v>29</v>
      </c>
      <c r="BP13" s="263">
        <v>29</v>
      </c>
      <c r="BQ13" s="257">
        <v>0</v>
      </c>
      <c r="BR13" s="261">
        <v>0</v>
      </c>
      <c r="BS13" s="258">
        <v>0</v>
      </c>
      <c r="BT13" s="260">
        <v>0</v>
      </c>
      <c r="BU13" s="261">
        <v>2</v>
      </c>
      <c r="BV13" s="261">
        <v>3</v>
      </c>
      <c r="BW13" s="261">
        <v>5</v>
      </c>
      <c r="BX13" s="261">
        <v>1</v>
      </c>
      <c r="BY13" s="261">
        <v>3</v>
      </c>
      <c r="BZ13" s="258">
        <v>14</v>
      </c>
      <c r="CA13" s="263">
        <v>14</v>
      </c>
      <c r="CB13" s="257">
        <v>0</v>
      </c>
      <c r="CC13" s="261">
        <v>0</v>
      </c>
      <c r="CD13" s="258">
        <v>0</v>
      </c>
      <c r="CE13" s="260">
        <v>0</v>
      </c>
      <c r="CF13" s="261">
        <v>0</v>
      </c>
      <c r="CG13" s="261">
        <v>0</v>
      </c>
      <c r="CH13" s="261">
        <v>0</v>
      </c>
      <c r="CI13" s="261">
        <v>2</v>
      </c>
      <c r="CJ13" s="261">
        <v>0</v>
      </c>
      <c r="CK13" s="258">
        <v>2</v>
      </c>
      <c r="CL13" s="263">
        <v>2</v>
      </c>
      <c r="CM13" s="257">
        <v>0</v>
      </c>
      <c r="CN13" s="261">
        <v>0</v>
      </c>
      <c r="CO13" s="258">
        <v>0</v>
      </c>
      <c r="CP13" s="260">
        <v>0</v>
      </c>
      <c r="CQ13" s="261">
        <v>0</v>
      </c>
      <c r="CR13" s="261">
        <v>2</v>
      </c>
      <c r="CS13" s="261">
        <v>1</v>
      </c>
      <c r="CT13" s="261">
        <v>0</v>
      </c>
      <c r="CU13" s="261">
        <v>1</v>
      </c>
      <c r="CV13" s="258">
        <v>4</v>
      </c>
      <c r="CW13" s="263">
        <v>4</v>
      </c>
    </row>
    <row r="14" spans="1:101" ht="21" customHeight="1" x14ac:dyDescent="0.2">
      <c r="B14" s="472" t="s">
        <v>11</v>
      </c>
      <c r="C14" s="257">
        <v>0</v>
      </c>
      <c r="D14" s="258">
        <v>0</v>
      </c>
      <c r="E14" s="259">
        <v>0</v>
      </c>
      <c r="F14" s="260">
        <v>0</v>
      </c>
      <c r="G14" s="261">
        <v>1</v>
      </c>
      <c r="H14" s="261">
        <v>2</v>
      </c>
      <c r="I14" s="261">
        <v>0</v>
      </c>
      <c r="J14" s="261">
        <v>1</v>
      </c>
      <c r="K14" s="261">
        <v>0</v>
      </c>
      <c r="L14" s="262">
        <v>4</v>
      </c>
      <c r="M14" s="263">
        <v>4</v>
      </c>
      <c r="N14" s="257">
        <v>0</v>
      </c>
      <c r="O14" s="261">
        <v>0</v>
      </c>
      <c r="P14" s="258">
        <v>0</v>
      </c>
      <c r="Q14" s="260">
        <v>0</v>
      </c>
      <c r="R14" s="261">
        <v>1</v>
      </c>
      <c r="S14" s="261">
        <v>0</v>
      </c>
      <c r="T14" s="261">
        <v>0</v>
      </c>
      <c r="U14" s="261">
        <v>1</v>
      </c>
      <c r="V14" s="261">
        <v>0</v>
      </c>
      <c r="W14" s="258">
        <v>2</v>
      </c>
      <c r="X14" s="263">
        <v>2</v>
      </c>
      <c r="Y14" s="257">
        <v>0</v>
      </c>
      <c r="Z14" s="261">
        <v>0</v>
      </c>
      <c r="AA14" s="258">
        <v>0</v>
      </c>
      <c r="AB14" s="260">
        <v>0</v>
      </c>
      <c r="AC14" s="261">
        <v>32</v>
      </c>
      <c r="AD14" s="261">
        <v>4</v>
      </c>
      <c r="AE14" s="261">
        <v>4</v>
      </c>
      <c r="AF14" s="261">
        <v>6</v>
      </c>
      <c r="AG14" s="261">
        <v>1</v>
      </c>
      <c r="AH14" s="258">
        <v>47</v>
      </c>
      <c r="AI14" s="263">
        <v>47</v>
      </c>
      <c r="AJ14" s="257">
        <v>0</v>
      </c>
      <c r="AK14" s="261">
        <v>0</v>
      </c>
      <c r="AL14" s="258">
        <v>0</v>
      </c>
      <c r="AM14" s="260">
        <v>0</v>
      </c>
      <c r="AN14" s="261">
        <v>1</v>
      </c>
      <c r="AO14" s="261">
        <v>0</v>
      </c>
      <c r="AP14" s="261">
        <v>0</v>
      </c>
      <c r="AQ14" s="261">
        <v>0</v>
      </c>
      <c r="AR14" s="261">
        <v>0</v>
      </c>
      <c r="AS14" s="258">
        <v>1</v>
      </c>
      <c r="AT14" s="263">
        <v>1</v>
      </c>
      <c r="AU14" s="257">
        <v>0</v>
      </c>
      <c r="AV14" s="261">
        <v>1</v>
      </c>
      <c r="AW14" s="258">
        <v>1</v>
      </c>
      <c r="AX14" s="260">
        <v>0</v>
      </c>
      <c r="AY14" s="261">
        <v>2</v>
      </c>
      <c r="AZ14" s="261">
        <v>1</v>
      </c>
      <c r="BA14" s="261">
        <v>0</v>
      </c>
      <c r="BB14" s="261">
        <v>2</v>
      </c>
      <c r="BC14" s="261">
        <v>0</v>
      </c>
      <c r="BD14" s="258">
        <v>5</v>
      </c>
      <c r="BE14" s="263">
        <v>6</v>
      </c>
      <c r="BF14" s="257">
        <v>0</v>
      </c>
      <c r="BG14" s="261">
        <v>0</v>
      </c>
      <c r="BH14" s="258">
        <v>0</v>
      </c>
      <c r="BI14" s="260">
        <v>0</v>
      </c>
      <c r="BJ14" s="261">
        <v>1</v>
      </c>
      <c r="BK14" s="261">
        <v>2</v>
      </c>
      <c r="BL14" s="261">
        <v>3</v>
      </c>
      <c r="BM14" s="261">
        <v>1</v>
      </c>
      <c r="BN14" s="261">
        <v>0</v>
      </c>
      <c r="BO14" s="262">
        <v>7</v>
      </c>
      <c r="BP14" s="263">
        <v>7</v>
      </c>
      <c r="BQ14" s="257">
        <v>0</v>
      </c>
      <c r="BR14" s="261">
        <v>0</v>
      </c>
      <c r="BS14" s="258">
        <v>0</v>
      </c>
      <c r="BT14" s="260">
        <v>0</v>
      </c>
      <c r="BU14" s="261">
        <v>0</v>
      </c>
      <c r="BV14" s="261">
        <v>0</v>
      </c>
      <c r="BW14" s="261">
        <v>0</v>
      </c>
      <c r="BX14" s="261">
        <v>0</v>
      </c>
      <c r="BY14" s="261">
        <v>0</v>
      </c>
      <c r="BZ14" s="258">
        <v>0</v>
      </c>
      <c r="CA14" s="263">
        <v>0</v>
      </c>
      <c r="CB14" s="257">
        <v>0</v>
      </c>
      <c r="CC14" s="261">
        <v>0</v>
      </c>
      <c r="CD14" s="258">
        <v>0</v>
      </c>
      <c r="CE14" s="260">
        <v>0</v>
      </c>
      <c r="CF14" s="261">
        <v>0</v>
      </c>
      <c r="CG14" s="261">
        <v>0</v>
      </c>
      <c r="CH14" s="261">
        <v>0</v>
      </c>
      <c r="CI14" s="261">
        <v>0</v>
      </c>
      <c r="CJ14" s="261">
        <v>0</v>
      </c>
      <c r="CK14" s="258">
        <v>0</v>
      </c>
      <c r="CL14" s="263">
        <v>0</v>
      </c>
      <c r="CM14" s="257">
        <v>0</v>
      </c>
      <c r="CN14" s="261">
        <v>0</v>
      </c>
      <c r="CO14" s="258">
        <v>0</v>
      </c>
      <c r="CP14" s="260">
        <v>0</v>
      </c>
      <c r="CQ14" s="261">
        <v>0</v>
      </c>
      <c r="CR14" s="261">
        <v>0</v>
      </c>
      <c r="CS14" s="261">
        <v>0</v>
      </c>
      <c r="CT14" s="261">
        <v>0</v>
      </c>
      <c r="CU14" s="261">
        <v>0</v>
      </c>
      <c r="CV14" s="258">
        <v>0</v>
      </c>
      <c r="CW14" s="263">
        <v>0</v>
      </c>
    </row>
    <row r="15" spans="1:101" ht="21" customHeight="1" x14ac:dyDescent="0.2">
      <c r="B15" s="472" t="s">
        <v>12</v>
      </c>
      <c r="C15" s="257">
        <v>0</v>
      </c>
      <c r="D15" s="258">
        <v>0</v>
      </c>
      <c r="E15" s="259">
        <v>0</v>
      </c>
      <c r="F15" s="260">
        <v>0</v>
      </c>
      <c r="G15" s="261">
        <v>0</v>
      </c>
      <c r="H15" s="261">
        <v>0</v>
      </c>
      <c r="I15" s="261">
        <v>0</v>
      </c>
      <c r="J15" s="261">
        <v>0</v>
      </c>
      <c r="K15" s="261">
        <v>0</v>
      </c>
      <c r="L15" s="262">
        <v>0</v>
      </c>
      <c r="M15" s="263">
        <v>0</v>
      </c>
      <c r="N15" s="257">
        <v>0</v>
      </c>
      <c r="O15" s="261">
        <v>0</v>
      </c>
      <c r="P15" s="258">
        <v>0</v>
      </c>
      <c r="Q15" s="260">
        <v>0</v>
      </c>
      <c r="R15" s="261">
        <v>0</v>
      </c>
      <c r="S15" s="261">
        <v>0</v>
      </c>
      <c r="T15" s="261">
        <v>0</v>
      </c>
      <c r="U15" s="261">
        <v>0</v>
      </c>
      <c r="V15" s="261">
        <v>0</v>
      </c>
      <c r="W15" s="258">
        <v>0</v>
      </c>
      <c r="X15" s="263">
        <v>0</v>
      </c>
      <c r="Y15" s="257">
        <v>0</v>
      </c>
      <c r="Z15" s="261">
        <v>0</v>
      </c>
      <c r="AA15" s="258">
        <v>0</v>
      </c>
      <c r="AB15" s="260">
        <v>0</v>
      </c>
      <c r="AC15" s="261">
        <v>19</v>
      </c>
      <c r="AD15" s="261">
        <v>13</v>
      </c>
      <c r="AE15" s="261">
        <v>7</v>
      </c>
      <c r="AF15" s="261">
        <v>4</v>
      </c>
      <c r="AG15" s="261">
        <v>2</v>
      </c>
      <c r="AH15" s="258">
        <v>45</v>
      </c>
      <c r="AI15" s="263">
        <v>45</v>
      </c>
      <c r="AJ15" s="257">
        <v>0</v>
      </c>
      <c r="AK15" s="261">
        <v>0</v>
      </c>
      <c r="AL15" s="258">
        <v>0</v>
      </c>
      <c r="AM15" s="260">
        <v>0</v>
      </c>
      <c r="AN15" s="261">
        <v>0</v>
      </c>
      <c r="AO15" s="261">
        <v>0</v>
      </c>
      <c r="AP15" s="261">
        <v>0</v>
      </c>
      <c r="AQ15" s="261">
        <v>0</v>
      </c>
      <c r="AR15" s="261">
        <v>0</v>
      </c>
      <c r="AS15" s="258">
        <v>0</v>
      </c>
      <c r="AT15" s="263">
        <v>0</v>
      </c>
      <c r="AU15" s="257">
        <v>0</v>
      </c>
      <c r="AV15" s="261">
        <v>0</v>
      </c>
      <c r="AW15" s="258">
        <v>0</v>
      </c>
      <c r="AX15" s="260">
        <v>0</v>
      </c>
      <c r="AY15" s="261">
        <v>2</v>
      </c>
      <c r="AZ15" s="261">
        <v>1</v>
      </c>
      <c r="BA15" s="261">
        <v>1</v>
      </c>
      <c r="BB15" s="261">
        <v>3</v>
      </c>
      <c r="BC15" s="261">
        <v>0</v>
      </c>
      <c r="BD15" s="258">
        <v>7</v>
      </c>
      <c r="BE15" s="263">
        <v>7</v>
      </c>
      <c r="BF15" s="257">
        <v>0</v>
      </c>
      <c r="BG15" s="261">
        <v>0</v>
      </c>
      <c r="BH15" s="258">
        <v>0</v>
      </c>
      <c r="BI15" s="260">
        <v>0</v>
      </c>
      <c r="BJ15" s="261">
        <v>2</v>
      </c>
      <c r="BK15" s="261">
        <v>2</v>
      </c>
      <c r="BL15" s="261">
        <v>0</v>
      </c>
      <c r="BM15" s="261">
        <v>1</v>
      </c>
      <c r="BN15" s="261">
        <v>1</v>
      </c>
      <c r="BO15" s="262">
        <v>6</v>
      </c>
      <c r="BP15" s="263">
        <v>6</v>
      </c>
      <c r="BQ15" s="257">
        <v>0</v>
      </c>
      <c r="BR15" s="261">
        <v>0</v>
      </c>
      <c r="BS15" s="258">
        <v>0</v>
      </c>
      <c r="BT15" s="260">
        <v>0</v>
      </c>
      <c r="BU15" s="261">
        <v>0</v>
      </c>
      <c r="BV15" s="261">
        <v>1</v>
      </c>
      <c r="BW15" s="261">
        <v>0</v>
      </c>
      <c r="BX15" s="261">
        <v>1</v>
      </c>
      <c r="BY15" s="261">
        <v>0</v>
      </c>
      <c r="BZ15" s="258">
        <v>2</v>
      </c>
      <c r="CA15" s="263">
        <v>2</v>
      </c>
      <c r="CB15" s="257">
        <v>0</v>
      </c>
      <c r="CC15" s="261">
        <v>0</v>
      </c>
      <c r="CD15" s="258">
        <v>0</v>
      </c>
      <c r="CE15" s="260">
        <v>0</v>
      </c>
      <c r="CF15" s="261">
        <v>0</v>
      </c>
      <c r="CG15" s="261">
        <v>0</v>
      </c>
      <c r="CH15" s="261">
        <v>0</v>
      </c>
      <c r="CI15" s="261">
        <v>0</v>
      </c>
      <c r="CJ15" s="261">
        <v>0</v>
      </c>
      <c r="CK15" s="258">
        <v>0</v>
      </c>
      <c r="CL15" s="263">
        <v>0</v>
      </c>
      <c r="CM15" s="257">
        <v>0</v>
      </c>
      <c r="CN15" s="261">
        <v>0</v>
      </c>
      <c r="CO15" s="258">
        <v>0</v>
      </c>
      <c r="CP15" s="260">
        <v>0</v>
      </c>
      <c r="CQ15" s="261">
        <v>0</v>
      </c>
      <c r="CR15" s="261">
        <v>2</v>
      </c>
      <c r="CS15" s="261">
        <v>1</v>
      </c>
      <c r="CT15" s="261">
        <v>1</v>
      </c>
      <c r="CU15" s="261">
        <v>0</v>
      </c>
      <c r="CV15" s="258">
        <v>4</v>
      </c>
      <c r="CW15" s="263">
        <v>4</v>
      </c>
    </row>
    <row r="16" spans="1:101" ht="21" customHeight="1" x14ac:dyDescent="0.2">
      <c r="B16" s="472" t="s">
        <v>13</v>
      </c>
      <c r="C16" s="257">
        <v>0</v>
      </c>
      <c r="D16" s="258">
        <v>0</v>
      </c>
      <c r="E16" s="259">
        <v>0</v>
      </c>
      <c r="F16" s="260">
        <v>0</v>
      </c>
      <c r="G16" s="261">
        <v>0</v>
      </c>
      <c r="H16" s="261">
        <v>0</v>
      </c>
      <c r="I16" s="261">
        <v>0</v>
      </c>
      <c r="J16" s="261">
        <v>0</v>
      </c>
      <c r="K16" s="261">
        <v>0</v>
      </c>
      <c r="L16" s="262">
        <v>0</v>
      </c>
      <c r="M16" s="263">
        <v>0</v>
      </c>
      <c r="N16" s="257">
        <v>0</v>
      </c>
      <c r="O16" s="261">
        <v>0</v>
      </c>
      <c r="P16" s="258">
        <v>0</v>
      </c>
      <c r="Q16" s="260">
        <v>0</v>
      </c>
      <c r="R16" s="261">
        <v>0</v>
      </c>
      <c r="S16" s="261">
        <v>0</v>
      </c>
      <c r="T16" s="261">
        <v>0</v>
      </c>
      <c r="U16" s="261">
        <v>0</v>
      </c>
      <c r="V16" s="261">
        <v>0</v>
      </c>
      <c r="W16" s="258">
        <v>0</v>
      </c>
      <c r="X16" s="263">
        <v>0</v>
      </c>
      <c r="Y16" s="257">
        <v>0</v>
      </c>
      <c r="Z16" s="261">
        <v>0</v>
      </c>
      <c r="AA16" s="258">
        <v>0</v>
      </c>
      <c r="AB16" s="260">
        <v>0</v>
      </c>
      <c r="AC16" s="261">
        <v>9</v>
      </c>
      <c r="AD16" s="261">
        <v>11</v>
      </c>
      <c r="AE16" s="261">
        <v>8</v>
      </c>
      <c r="AF16" s="261">
        <v>3</v>
      </c>
      <c r="AG16" s="261">
        <v>3</v>
      </c>
      <c r="AH16" s="258">
        <v>34</v>
      </c>
      <c r="AI16" s="263">
        <v>34</v>
      </c>
      <c r="AJ16" s="257">
        <v>0</v>
      </c>
      <c r="AK16" s="261">
        <v>0</v>
      </c>
      <c r="AL16" s="258">
        <v>0</v>
      </c>
      <c r="AM16" s="260">
        <v>0</v>
      </c>
      <c r="AN16" s="261">
        <v>1</v>
      </c>
      <c r="AO16" s="261">
        <v>0</v>
      </c>
      <c r="AP16" s="261">
        <v>0</v>
      </c>
      <c r="AQ16" s="261">
        <v>0</v>
      </c>
      <c r="AR16" s="261">
        <v>0</v>
      </c>
      <c r="AS16" s="258">
        <v>1</v>
      </c>
      <c r="AT16" s="263">
        <v>1</v>
      </c>
      <c r="AU16" s="257">
        <v>0</v>
      </c>
      <c r="AV16" s="261">
        <v>0</v>
      </c>
      <c r="AW16" s="258">
        <v>0</v>
      </c>
      <c r="AX16" s="260">
        <v>0</v>
      </c>
      <c r="AY16" s="261">
        <v>0</v>
      </c>
      <c r="AZ16" s="261">
        <v>0</v>
      </c>
      <c r="BA16" s="261">
        <v>1</v>
      </c>
      <c r="BB16" s="261">
        <v>0</v>
      </c>
      <c r="BC16" s="261">
        <v>0</v>
      </c>
      <c r="BD16" s="258">
        <v>1</v>
      </c>
      <c r="BE16" s="263">
        <v>1</v>
      </c>
      <c r="BF16" s="257">
        <v>0</v>
      </c>
      <c r="BG16" s="261">
        <v>0</v>
      </c>
      <c r="BH16" s="258">
        <v>0</v>
      </c>
      <c r="BI16" s="260">
        <v>0</v>
      </c>
      <c r="BJ16" s="261">
        <v>1</v>
      </c>
      <c r="BK16" s="261">
        <v>0</v>
      </c>
      <c r="BL16" s="261">
        <v>0</v>
      </c>
      <c r="BM16" s="261">
        <v>0</v>
      </c>
      <c r="BN16" s="261">
        <v>0</v>
      </c>
      <c r="BO16" s="262">
        <v>1</v>
      </c>
      <c r="BP16" s="263">
        <v>1</v>
      </c>
      <c r="BQ16" s="257">
        <v>0</v>
      </c>
      <c r="BR16" s="261">
        <v>0</v>
      </c>
      <c r="BS16" s="258">
        <v>0</v>
      </c>
      <c r="BT16" s="260">
        <v>0</v>
      </c>
      <c r="BU16" s="261">
        <v>0</v>
      </c>
      <c r="BV16" s="261">
        <v>0</v>
      </c>
      <c r="BW16" s="261">
        <v>0</v>
      </c>
      <c r="BX16" s="261">
        <v>1</v>
      </c>
      <c r="BY16" s="261">
        <v>0</v>
      </c>
      <c r="BZ16" s="258">
        <v>1</v>
      </c>
      <c r="CA16" s="263">
        <v>1</v>
      </c>
      <c r="CB16" s="257">
        <v>0</v>
      </c>
      <c r="CC16" s="261">
        <v>0</v>
      </c>
      <c r="CD16" s="258">
        <v>0</v>
      </c>
      <c r="CE16" s="260">
        <v>0</v>
      </c>
      <c r="CF16" s="261">
        <v>0</v>
      </c>
      <c r="CG16" s="261">
        <v>0</v>
      </c>
      <c r="CH16" s="261">
        <v>0</v>
      </c>
      <c r="CI16" s="261">
        <v>0</v>
      </c>
      <c r="CJ16" s="261">
        <v>0</v>
      </c>
      <c r="CK16" s="258">
        <v>0</v>
      </c>
      <c r="CL16" s="263">
        <v>0</v>
      </c>
      <c r="CM16" s="257">
        <v>0</v>
      </c>
      <c r="CN16" s="261">
        <v>0</v>
      </c>
      <c r="CO16" s="258">
        <v>0</v>
      </c>
      <c r="CP16" s="260">
        <v>0</v>
      </c>
      <c r="CQ16" s="261">
        <v>0</v>
      </c>
      <c r="CR16" s="261">
        <v>0</v>
      </c>
      <c r="CS16" s="261">
        <v>0</v>
      </c>
      <c r="CT16" s="261">
        <v>0</v>
      </c>
      <c r="CU16" s="261">
        <v>0</v>
      </c>
      <c r="CV16" s="258">
        <v>0</v>
      </c>
      <c r="CW16" s="263">
        <v>0</v>
      </c>
    </row>
    <row r="17" spans="2:101" ht="21" customHeight="1" x14ac:dyDescent="0.2">
      <c r="B17" s="472" t="s">
        <v>15</v>
      </c>
      <c r="C17" s="257">
        <v>0</v>
      </c>
      <c r="D17" s="258">
        <v>0</v>
      </c>
      <c r="E17" s="259">
        <v>0</v>
      </c>
      <c r="F17" s="260">
        <v>0</v>
      </c>
      <c r="G17" s="261">
        <v>0</v>
      </c>
      <c r="H17" s="261">
        <v>0</v>
      </c>
      <c r="I17" s="261">
        <v>1</v>
      </c>
      <c r="J17" s="261">
        <v>0</v>
      </c>
      <c r="K17" s="261">
        <v>0</v>
      </c>
      <c r="L17" s="262">
        <v>1</v>
      </c>
      <c r="M17" s="263">
        <v>1</v>
      </c>
      <c r="N17" s="257">
        <v>0</v>
      </c>
      <c r="O17" s="261">
        <v>0</v>
      </c>
      <c r="P17" s="258">
        <v>0</v>
      </c>
      <c r="Q17" s="260">
        <v>0</v>
      </c>
      <c r="R17" s="261">
        <v>0</v>
      </c>
      <c r="S17" s="261">
        <v>0</v>
      </c>
      <c r="T17" s="261">
        <v>0</v>
      </c>
      <c r="U17" s="261">
        <v>0</v>
      </c>
      <c r="V17" s="261">
        <v>0</v>
      </c>
      <c r="W17" s="258">
        <v>0</v>
      </c>
      <c r="X17" s="263">
        <v>0</v>
      </c>
      <c r="Y17" s="257">
        <v>0</v>
      </c>
      <c r="Z17" s="261">
        <v>0</v>
      </c>
      <c r="AA17" s="258">
        <v>0</v>
      </c>
      <c r="AB17" s="260">
        <v>0</v>
      </c>
      <c r="AC17" s="261">
        <v>5</v>
      </c>
      <c r="AD17" s="261">
        <v>9</v>
      </c>
      <c r="AE17" s="261">
        <v>3</v>
      </c>
      <c r="AF17" s="261">
        <v>0</v>
      </c>
      <c r="AG17" s="261">
        <v>1</v>
      </c>
      <c r="AH17" s="258">
        <v>18</v>
      </c>
      <c r="AI17" s="263">
        <v>18</v>
      </c>
      <c r="AJ17" s="257">
        <v>0</v>
      </c>
      <c r="AK17" s="261">
        <v>0</v>
      </c>
      <c r="AL17" s="258">
        <v>0</v>
      </c>
      <c r="AM17" s="260">
        <v>0</v>
      </c>
      <c r="AN17" s="261">
        <v>0</v>
      </c>
      <c r="AO17" s="261">
        <v>0</v>
      </c>
      <c r="AP17" s="261">
        <v>0</v>
      </c>
      <c r="AQ17" s="261">
        <v>0</v>
      </c>
      <c r="AR17" s="261">
        <v>0</v>
      </c>
      <c r="AS17" s="258">
        <v>0</v>
      </c>
      <c r="AT17" s="263">
        <v>0</v>
      </c>
      <c r="AU17" s="257">
        <v>0</v>
      </c>
      <c r="AV17" s="261">
        <v>0</v>
      </c>
      <c r="AW17" s="258">
        <v>0</v>
      </c>
      <c r="AX17" s="260">
        <v>0</v>
      </c>
      <c r="AY17" s="261">
        <v>0</v>
      </c>
      <c r="AZ17" s="261">
        <v>0</v>
      </c>
      <c r="BA17" s="261">
        <v>0</v>
      </c>
      <c r="BB17" s="261">
        <v>0</v>
      </c>
      <c r="BC17" s="261">
        <v>0</v>
      </c>
      <c r="BD17" s="258">
        <v>0</v>
      </c>
      <c r="BE17" s="263">
        <v>0</v>
      </c>
      <c r="BF17" s="257">
        <v>0</v>
      </c>
      <c r="BG17" s="261">
        <v>0</v>
      </c>
      <c r="BH17" s="258">
        <v>0</v>
      </c>
      <c r="BI17" s="260">
        <v>0</v>
      </c>
      <c r="BJ17" s="261">
        <v>0</v>
      </c>
      <c r="BK17" s="261">
        <v>0</v>
      </c>
      <c r="BL17" s="261">
        <v>0</v>
      </c>
      <c r="BM17" s="261">
        <v>1</v>
      </c>
      <c r="BN17" s="261">
        <v>0</v>
      </c>
      <c r="BO17" s="262">
        <v>1</v>
      </c>
      <c r="BP17" s="263">
        <v>1</v>
      </c>
      <c r="BQ17" s="257">
        <v>0</v>
      </c>
      <c r="BR17" s="261">
        <v>0</v>
      </c>
      <c r="BS17" s="258">
        <v>0</v>
      </c>
      <c r="BT17" s="260">
        <v>0</v>
      </c>
      <c r="BU17" s="261">
        <v>0</v>
      </c>
      <c r="BV17" s="261">
        <v>0</v>
      </c>
      <c r="BW17" s="261">
        <v>0</v>
      </c>
      <c r="BX17" s="261">
        <v>0</v>
      </c>
      <c r="BY17" s="261">
        <v>0</v>
      </c>
      <c r="BZ17" s="258">
        <v>0</v>
      </c>
      <c r="CA17" s="263">
        <v>0</v>
      </c>
      <c r="CB17" s="257">
        <v>0</v>
      </c>
      <c r="CC17" s="261">
        <v>0</v>
      </c>
      <c r="CD17" s="258">
        <v>0</v>
      </c>
      <c r="CE17" s="260">
        <v>0</v>
      </c>
      <c r="CF17" s="261">
        <v>0</v>
      </c>
      <c r="CG17" s="261">
        <v>0</v>
      </c>
      <c r="CH17" s="261">
        <v>0</v>
      </c>
      <c r="CI17" s="261">
        <v>1</v>
      </c>
      <c r="CJ17" s="261">
        <v>1</v>
      </c>
      <c r="CK17" s="258">
        <v>2</v>
      </c>
      <c r="CL17" s="263">
        <v>2</v>
      </c>
      <c r="CM17" s="257">
        <v>0</v>
      </c>
      <c r="CN17" s="261">
        <v>0</v>
      </c>
      <c r="CO17" s="258">
        <v>0</v>
      </c>
      <c r="CP17" s="260">
        <v>0</v>
      </c>
      <c r="CQ17" s="261">
        <v>0</v>
      </c>
      <c r="CR17" s="261">
        <v>0</v>
      </c>
      <c r="CS17" s="261">
        <v>0</v>
      </c>
      <c r="CT17" s="261">
        <v>0</v>
      </c>
      <c r="CU17" s="261">
        <v>0</v>
      </c>
      <c r="CV17" s="258">
        <v>0</v>
      </c>
      <c r="CW17" s="263">
        <v>0</v>
      </c>
    </row>
    <row r="18" spans="2:101" ht="21" customHeight="1" x14ac:dyDescent="0.2">
      <c r="B18" s="472" t="s">
        <v>16</v>
      </c>
      <c r="C18" s="257">
        <v>0</v>
      </c>
      <c r="D18" s="258">
        <v>0</v>
      </c>
      <c r="E18" s="259">
        <v>0</v>
      </c>
      <c r="F18" s="260">
        <v>0</v>
      </c>
      <c r="G18" s="261">
        <v>0</v>
      </c>
      <c r="H18" s="261">
        <v>0</v>
      </c>
      <c r="I18" s="261">
        <v>0</v>
      </c>
      <c r="J18" s="261">
        <v>1</v>
      </c>
      <c r="K18" s="261">
        <v>1</v>
      </c>
      <c r="L18" s="262">
        <v>2</v>
      </c>
      <c r="M18" s="263">
        <v>2</v>
      </c>
      <c r="N18" s="257">
        <v>0</v>
      </c>
      <c r="O18" s="261">
        <v>0</v>
      </c>
      <c r="P18" s="258">
        <v>0</v>
      </c>
      <c r="Q18" s="260">
        <v>0</v>
      </c>
      <c r="R18" s="261">
        <v>0</v>
      </c>
      <c r="S18" s="261">
        <v>0</v>
      </c>
      <c r="T18" s="261">
        <v>0</v>
      </c>
      <c r="U18" s="261">
        <v>1</v>
      </c>
      <c r="V18" s="261">
        <v>0</v>
      </c>
      <c r="W18" s="258">
        <v>1</v>
      </c>
      <c r="X18" s="263">
        <v>1</v>
      </c>
      <c r="Y18" s="257">
        <v>0</v>
      </c>
      <c r="Z18" s="261">
        <v>0</v>
      </c>
      <c r="AA18" s="258">
        <v>0</v>
      </c>
      <c r="AB18" s="260">
        <v>0</v>
      </c>
      <c r="AC18" s="261">
        <v>5</v>
      </c>
      <c r="AD18" s="261">
        <v>6</v>
      </c>
      <c r="AE18" s="261">
        <v>6</v>
      </c>
      <c r="AF18" s="261">
        <v>1</v>
      </c>
      <c r="AG18" s="261">
        <v>0</v>
      </c>
      <c r="AH18" s="258">
        <v>18</v>
      </c>
      <c r="AI18" s="263">
        <v>18</v>
      </c>
      <c r="AJ18" s="257">
        <v>0</v>
      </c>
      <c r="AK18" s="261">
        <v>0</v>
      </c>
      <c r="AL18" s="258">
        <v>0</v>
      </c>
      <c r="AM18" s="260">
        <v>0</v>
      </c>
      <c r="AN18" s="261">
        <v>0</v>
      </c>
      <c r="AO18" s="261">
        <v>1</v>
      </c>
      <c r="AP18" s="261">
        <v>1</v>
      </c>
      <c r="AQ18" s="261">
        <v>0</v>
      </c>
      <c r="AR18" s="261">
        <v>0</v>
      </c>
      <c r="AS18" s="258">
        <v>2</v>
      </c>
      <c r="AT18" s="263">
        <v>2</v>
      </c>
      <c r="AU18" s="257">
        <v>0</v>
      </c>
      <c r="AV18" s="261">
        <v>1</v>
      </c>
      <c r="AW18" s="258">
        <v>1</v>
      </c>
      <c r="AX18" s="260">
        <v>0</v>
      </c>
      <c r="AY18" s="261">
        <v>0</v>
      </c>
      <c r="AZ18" s="261">
        <v>1</v>
      </c>
      <c r="BA18" s="261">
        <v>0</v>
      </c>
      <c r="BB18" s="261">
        <v>0</v>
      </c>
      <c r="BC18" s="261">
        <v>1</v>
      </c>
      <c r="BD18" s="258">
        <v>2</v>
      </c>
      <c r="BE18" s="263">
        <v>3</v>
      </c>
      <c r="BF18" s="257">
        <v>0</v>
      </c>
      <c r="BG18" s="261">
        <v>0</v>
      </c>
      <c r="BH18" s="258">
        <v>0</v>
      </c>
      <c r="BI18" s="260">
        <v>0</v>
      </c>
      <c r="BJ18" s="261">
        <v>0</v>
      </c>
      <c r="BK18" s="261">
        <v>3</v>
      </c>
      <c r="BL18" s="261">
        <v>2</v>
      </c>
      <c r="BM18" s="261">
        <v>1</v>
      </c>
      <c r="BN18" s="261">
        <v>1</v>
      </c>
      <c r="BO18" s="262">
        <v>7</v>
      </c>
      <c r="BP18" s="263">
        <v>7</v>
      </c>
      <c r="BQ18" s="257">
        <v>0</v>
      </c>
      <c r="BR18" s="261">
        <v>0</v>
      </c>
      <c r="BS18" s="258">
        <v>0</v>
      </c>
      <c r="BT18" s="260">
        <v>0</v>
      </c>
      <c r="BU18" s="261">
        <v>0</v>
      </c>
      <c r="BV18" s="261">
        <v>0</v>
      </c>
      <c r="BW18" s="261">
        <v>0</v>
      </c>
      <c r="BX18" s="261">
        <v>0</v>
      </c>
      <c r="BY18" s="261">
        <v>0</v>
      </c>
      <c r="BZ18" s="258">
        <v>0</v>
      </c>
      <c r="CA18" s="263">
        <v>0</v>
      </c>
      <c r="CB18" s="257">
        <v>0</v>
      </c>
      <c r="CC18" s="261">
        <v>0</v>
      </c>
      <c r="CD18" s="258">
        <v>0</v>
      </c>
      <c r="CE18" s="260">
        <v>0</v>
      </c>
      <c r="CF18" s="261">
        <v>0</v>
      </c>
      <c r="CG18" s="261">
        <v>0</v>
      </c>
      <c r="CH18" s="261">
        <v>0</v>
      </c>
      <c r="CI18" s="261">
        <v>0</v>
      </c>
      <c r="CJ18" s="261">
        <v>0</v>
      </c>
      <c r="CK18" s="258">
        <v>0</v>
      </c>
      <c r="CL18" s="263">
        <v>0</v>
      </c>
      <c r="CM18" s="257">
        <v>0</v>
      </c>
      <c r="CN18" s="261">
        <v>0</v>
      </c>
      <c r="CO18" s="258">
        <v>0</v>
      </c>
      <c r="CP18" s="260">
        <v>0</v>
      </c>
      <c r="CQ18" s="261">
        <v>0</v>
      </c>
      <c r="CR18" s="261">
        <v>0</v>
      </c>
      <c r="CS18" s="261">
        <v>0</v>
      </c>
      <c r="CT18" s="261">
        <v>0</v>
      </c>
      <c r="CU18" s="261">
        <v>0</v>
      </c>
      <c r="CV18" s="258">
        <v>0</v>
      </c>
      <c r="CW18" s="263">
        <v>0</v>
      </c>
    </row>
    <row r="19" spans="2:101" ht="21" customHeight="1" x14ac:dyDescent="0.2">
      <c r="B19" s="472" t="s">
        <v>17</v>
      </c>
      <c r="C19" s="257">
        <v>0</v>
      </c>
      <c r="D19" s="258">
        <v>0</v>
      </c>
      <c r="E19" s="259">
        <v>0</v>
      </c>
      <c r="F19" s="260">
        <v>0</v>
      </c>
      <c r="G19" s="261">
        <v>1</v>
      </c>
      <c r="H19" s="261">
        <v>0</v>
      </c>
      <c r="I19" s="261">
        <v>0</v>
      </c>
      <c r="J19" s="261">
        <v>0</v>
      </c>
      <c r="K19" s="261">
        <v>0</v>
      </c>
      <c r="L19" s="262">
        <v>1</v>
      </c>
      <c r="M19" s="263">
        <v>1</v>
      </c>
      <c r="N19" s="257">
        <v>0</v>
      </c>
      <c r="O19" s="261">
        <v>0</v>
      </c>
      <c r="P19" s="258">
        <v>0</v>
      </c>
      <c r="Q19" s="260">
        <v>0</v>
      </c>
      <c r="R19" s="261">
        <v>0</v>
      </c>
      <c r="S19" s="261">
        <v>0</v>
      </c>
      <c r="T19" s="261">
        <v>0</v>
      </c>
      <c r="U19" s="261">
        <v>0</v>
      </c>
      <c r="V19" s="261">
        <v>0</v>
      </c>
      <c r="W19" s="258">
        <v>0</v>
      </c>
      <c r="X19" s="263">
        <v>0</v>
      </c>
      <c r="Y19" s="257">
        <v>0</v>
      </c>
      <c r="Z19" s="261">
        <v>0</v>
      </c>
      <c r="AA19" s="258">
        <v>0</v>
      </c>
      <c r="AB19" s="260">
        <v>0</v>
      </c>
      <c r="AC19" s="261">
        <v>19</v>
      </c>
      <c r="AD19" s="261">
        <v>18</v>
      </c>
      <c r="AE19" s="261">
        <v>10</v>
      </c>
      <c r="AF19" s="261">
        <v>2</v>
      </c>
      <c r="AG19" s="261">
        <v>1</v>
      </c>
      <c r="AH19" s="258">
        <v>50</v>
      </c>
      <c r="AI19" s="263">
        <v>50</v>
      </c>
      <c r="AJ19" s="257">
        <v>0</v>
      </c>
      <c r="AK19" s="261">
        <v>0</v>
      </c>
      <c r="AL19" s="258">
        <v>0</v>
      </c>
      <c r="AM19" s="260">
        <v>0</v>
      </c>
      <c r="AN19" s="261">
        <v>1</v>
      </c>
      <c r="AO19" s="261">
        <v>0</v>
      </c>
      <c r="AP19" s="261">
        <v>0</v>
      </c>
      <c r="AQ19" s="261">
        <v>0</v>
      </c>
      <c r="AR19" s="261">
        <v>1</v>
      </c>
      <c r="AS19" s="258">
        <v>2</v>
      </c>
      <c r="AT19" s="263">
        <v>2</v>
      </c>
      <c r="AU19" s="257">
        <v>0</v>
      </c>
      <c r="AV19" s="261">
        <v>0</v>
      </c>
      <c r="AW19" s="258">
        <v>0</v>
      </c>
      <c r="AX19" s="260">
        <v>0</v>
      </c>
      <c r="AY19" s="261">
        <v>0</v>
      </c>
      <c r="AZ19" s="261">
        <v>1</v>
      </c>
      <c r="BA19" s="261">
        <v>1</v>
      </c>
      <c r="BB19" s="261">
        <v>1</v>
      </c>
      <c r="BC19" s="261">
        <v>1</v>
      </c>
      <c r="BD19" s="258">
        <v>4</v>
      </c>
      <c r="BE19" s="263">
        <v>4</v>
      </c>
      <c r="BF19" s="257">
        <v>0</v>
      </c>
      <c r="BG19" s="261">
        <v>0</v>
      </c>
      <c r="BH19" s="258">
        <v>0</v>
      </c>
      <c r="BI19" s="260">
        <v>0</v>
      </c>
      <c r="BJ19" s="261">
        <v>1</v>
      </c>
      <c r="BK19" s="261">
        <v>5</v>
      </c>
      <c r="BL19" s="261">
        <v>2</v>
      </c>
      <c r="BM19" s="261">
        <v>3</v>
      </c>
      <c r="BN19" s="261">
        <v>3</v>
      </c>
      <c r="BO19" s="262">
        <v>14</v>
      </c>
      <c r="BP19" s="263">
        <v>14</v>
      </c>
      <c r="BQ19" s="257">
        <v>0</v>
      </c>
      <c r="BR19" s="261">
        <v>0</v>
      </c>
      <c r="BS19" s="258">
        <v>0</v>
      </c>
      <c r="BT19" s="260">
        <v>0</v>
      </c>
      <c r="BU19" s="261">
        <v>0</v>
      </c>
      <c r="BV19" s="261">
        <v>0</v>
      </c>
      <c r="BW19" s="261">
        <v>0</v>
      </c>
      <c r="BX19" s="261">
        <v>0</v>
      </c>
      <c r="BY19" s="261">
        <v>0</v>
      </c>
      <c r="BZ19" s="258">
        <v>0</v>
      </c>
      <c r="CA19" s="263">
        <v>0</v>
      </c>
      <c r="CB19" s="257">
        <v>0</v>
      </c>
      <c r="CC19" s="261">
        <v>0</v>
      </c>
      <c r="CD19" s="258">
        <v>0</v>
      </c>
      <c r="CE19" s="260">
        <v>0</v>
      </c>
      <c r="CF19" s="261">
        <v>0</v>
      </c>
      <c r="CG19" s="261">
        <v>0</v>
      </c>
      <c r="CH19" s="261">
        <v>1</v>
      </c>
      <c r="CI19" s="261">
        <v>2</v>
      </c>
      <c r="CJ19" s="261">
        <v>2</v>
      </c>
      <c r="CK19" s="258">
        <v>5</v>
      </c>
      <c r="CL19" s="263">
        <v>5</v>
      </c>
      <c r="CM19" s="257">
        <v>0</v>
      </c>
      <c r="CN19" s="261">
        <v>0</v>
      </c>
      <c r="CO19" s="258">
        <v>0</v>
      </c>
      <c r="CP19" s="260">
        <v>0</v>
      </c>
      <c r="CQ19" s="261">
        <v>0</v>
      </c>
      <c r="CR19" s="261">
        <v>0</v>
      </c>
      <c r="CS19" s="261">
        <v>0</v>
      </c>
      <c r="CT19" s="261">
        <v>0</v>
      </c>
      <c r="CU19" s="261">
        <v>0</v>
      </c>
      <c r="CV19" s="258">
        <v>0</v>
      </c>
      <c r="CW19" s="263">
        <v>0</v>
      </c>
    </row>
    <row r="20" spans="2:101" ht="21" customHeight="1" x14ac:dyDescent="0.2">
      <c r="B20" s="472" t="s">
        <v>18</v>
      </c>
      <c r="C20" s="257">
        <v>0</v>
      </c>
      <c r="D20" s="258">
        <v>0</v>
      </c>
      <c r="E20" s="259">
        <v>0</v>
      </c>
      <c r="F20" s="260">
        <v>0</v>
      </c>
      <c r="G20" s="261">
        <v>0</v>
      </c>
      <c r="H20" s="261">
        <v>0</v>
      </c>
      <c r="I20" s="261">
        <v>0</v>
      </c>
      <c r="J20" s="261">
        <v>0</v>
      </c>
      <c r="K20" s="261">
        <v>0</v>
      </c>
      <c r="L20" s="262">
        <v>0</v>
      </c>
      <c r="M20" s="263">
        <v>0</v>
      </c>
      <c r="N20" s="257">
        <v>0</v>
      </c>
      <c r="O20" s="261">
        <v>0</v>
      </c>
      <c r="P20" s="258">
        <v>0</v>
      </c>
      <c r="Q20" s="260">
        <v>0</v>
      </c>
      <c r="R20" s="261">
        <v>0</v>
      </c>
      <c r="S20" s="261">
        <v>0</v>
      </c>
      <c r="T20" s="261">
        <v>0</v>
      </c>
      <c r="U20" s="261">
        <v>1</v>
      </c>
      <c r="V20" s="261">
        <v>0</v>
      </c>
      <c r="W20" s="258">
        <v>1</v>
      </c>
      <c r="X20" s="263">
        <v>1</v>
      </c>
      <c r="Y20" s="257">
        <v>0</v>
      </c>
      <c r="Z20" s="261">
        <v>0</v>
      </c>
      <c r="AA20" s="258">
        <v>0</v>
      </c>
      <c r="AB20" s="260">
        <v>0</v>
      </c>
      <c r="AC20" s="261">
        <v>18</v>
      </c>
      <c r="AD20" s="261">
        <v>11</v>
      </c>
      <c r="AE20" s="261">
        <v>9</v>
      </c>
      <c r="AF20" s="261">
        <v>3</v>
      </c>
      <c r="AG20" s="261">
        <v>0</v>
      </c>
      <c r="AH20" s="258">
        <v>41</v>
      </c>
      <c r="AI20" s="263">
        <v>41</v>
      </c>
      <c r="AJ20" s="257">
        <v>0</v>
      </c>
      <c r="AK20" s="261">
        <v>0</v>
      </c>
      <c r="AL20" s="258">
        <v>0</v>
      </c>
      <c r="AM20" s="260">
        <v>0</v>
      </c>
      <c r="AN20" s="261">
        <v>0</v>
      </c>
      <c r="AO20" s="261">
        <v>0</v>
      </c>
      <c r="AP20" s="261">
        <v>2</v>
      </c>
      <c r="AQ20" s="261">
        <v>1</v>
      </c>
      <c r="AR20" s="261">
        <v>0</v>
      </c>
      <c r="AS20" s="258">
        <v>3</v>
      </c>
      <c r="AT20" s="263">
        <v>3</v>
      </c>
      <c r="AU20" s="257">
        <v>0</v>
      </c>
      <c r="AV20" s="261">
        <v>1</v>
      </c>
      <c r="AW20" s="258">
        <v>1</v>
      </c>
      <c r="AX20" s="260">
        <v>0</v>
      </c>
      <c r="AY20" s="261">
        <v>1</v>
      </c>
      <c r="AZ20" s="261">
        <v>0</v>
      </c>
      <c r="BA20" s="261">
        <v>1</v>
      </c>
      <c r="BB20" s="261">
        <v>0</v>
      </c>
      <c r="BC20" s="261">
        <v>0</v>
      </c>
      <c r="BD20" s="258">
        <v>2</v>
      </c>
      <c r="BE20" s="263">
        <v>3</v>
      </c>
      <c r="BF20" s="257">
        <v>0</v>
      </c>
      <c r="BG20" s="261">
        <v>0</v>
      </c>
      <c r="BH20" s="258">
        <v>0</v>
      </c>
      <c r="BI20" s="260">
        <v>0</v>
      </c>
      <c r="BJ20" s="261">
        <v>2</v>
      </c>
      <c r="BK20" s="261">
        <v>4</v>
      </c>
      <c r="BL20" s="261">
        <v>5</v>
      </c>
      <c r="BM20" s="261">
        <v>0</v>
      </c>
      <c r="BN20" s="261">
        <v>1</v>
      </c>
      <c r="BO20" s="262">
        <v>12</v>
      </c>
      <c r="BP20" s="263">
        <v>12</v>
      </c>
      <c r="BQ20" s="257">
        <v>0</v>
      </c>
      <c r="BR20" s="261">
        <v>0</v>
      </c>
      <c r="BS20" s="258">
        <v>0</v>
      </c>
      <c r="BT20" s="260">
        <v>0</v>
      </c>
      <c r="BU20" s="261">
        <v>0</v>
      </c>
      <c r="BV20" s="261">
        <v>0</v>
      </c>
      <c r="BW20" s="261">
        <v>0</v>
      </c>
      <c r="BX20" s="261">
        <v>0</v>
      </c>
      <c r="BY20" s="261">
        <v>0</v>
      </c>
      <c r="BZ20" s="258">
        <v>0</v>
      </c>
      <c r="CA20" s="263">
        <v>0</v>
      </c>
      <c r="CB20" s="257">
        <v>0</v>
      </c>
      <c r="CC20" s="261">
        <v>0</v>
      </c>
      <c r="CD20" s="258">
        <v>0</v>
      </c>
      <c r="CE20" s="260">
        <v>0</v>
      </c>
      <c r="CF20" s="261">
        <v>0</v>
      </c>
      <c r="CG20" s="261">
        <v>0</v>
      </c>
      <c r="CH20" s="261">
        <v>0</v>
      </c>
      <c r="CI20" s="261">
        <v>1</v>
      </c>
      <c r="CJ20" s="261">
        <v>1</v>
      </c>
      <c r="CK20" s="258">
        <v>2</v>
      </c>
      <c r="CL20" s="263">
        <v>2</v>
      </c>
      <c r="CM20" s="257">
        <v>0</v>
      </c>
      <c r="CN20" s="261">
        <v>0</v>
      </c>
      <c r="CO20" s="258">
        <v>0</v>
      </c>
      <c r="CP20" s="260">
        <v>0</v>
      </c>
      <c r="CQ20" s="261">
        <v>0</v>
      </c>
      <c r="CR20" s="261">
        <v>1</v>
      </c>
      <c r="CS20" s="261">
        <v>1</v>
      </c>
      <c r="CT20" s="261">
        <v>1</v>
      </c>
      <c r="CU20" s="261">
        <v>3</v>
      </c>
      <c r="CV20" s="258">
        <v>6</v>
      </c>
      <c r="CW20" s="263">
        <v>6</v>
      </c>
    </row>
    <row r="21" spans="2:101" ht="21" customHeight="1" x14ac:dyDescent="0.2">
      <c r="B21" s="472" t="s">
        <v>19</v>
      </c>
      <c r="C21" s="257">
        <v>0</v>
      </c>
      <c r="D21" s="258">
        <v>0</v>
      </c>
      <c r="E21" s="259">
        <v>0</v>
      </c>
      <c r="F21" s="260">
        <v>0</v>
      </c>
      <c r="G21" s="261">
        <v>0</v>
      </c>
      <c r="H21" s="261">
        <v>2</v>
      </c>
      <c r="I21" s="261">
        <v>0</v>
      </c>
      <c r="J21" s="261">
        <v>1</v>
      </c>
      <c r="K21" s="261">
        <v>1</v>
      </c>
      <c r="L21" s="262">
        <v>4</v>
      </c>
      <c r="M21" s="263">
        <v>4</v>
      </c>
      <c r="N21" s="257">
        <v>0</v>
      </c>
      <c r="O21" s="261">
        <v>0</v>
      </c>
      <c r="P21" s="258">
        <v>0</v>
      </c>
      <c r="Q21" s="260">
        <v>0</v>
      </c>
      <c r="R21" s="261">
        <v>0</v>
      </c>
      <c r="S21" s="261">
        <v>0</v>
      </c>
      <c r="T21" s="261">
        <v>0</v>
      </c>
      <c r="U21" s="261">
        <v>1</v>
      </c>
      <c r="V21" s="261">
        <v>0</v>
      </c>
      <c r="W21" s="258">
        <v>1</v>
      </c>
      <c r="X21" s="263">
        <v>1</v>
      </c>
      <c r="Y21" s="257">
        <v>0</v>
      </c>
      <c r="Z21" s="261">
        <v>0</v>
      </c>
      <c r="AA21" s="258">
        <v>0</v>
      </c>
      <c r="AB21" s="260">
        <v>0</v>
      </c>
      <c r="AC21" s="261">
        <v>7</v>
      </c>
      <c r="AD21" s="261">
        <v>5</v>
      </c>
      <c r="AE21" s="261">
        <v>1</v>
      </c>
      <c r="AF21" s="261">
        <v>1</v>
      </c>
      <c r="AG21" s="261">
        <v>0</v>
      </c>
      <c r="AH21" s="258">
        <v>14</v>
      </c>
      <c r="AI21" s="263">
        <v>14</v>
      </c>
      <c r="AJ21" s="257">
        <v>0</v>
      </c>
      <c r="AK21" s="261">
        <v>0</v>
      </c>
      <c r="AL21" s="258">
        <v>0</v>
      </c>
      <c r="AM21" s="260">
        <v>0</v>
      </c>
      <c r="AN21" s="261">
        <v>1</v>
      </c>
      <c r="AO21" s="261">
        <v>2</v>
      </c>
      <c r="AP21" s="261">
        <v>0</v>
      </c>
      <c r="AQ21" s="261">
        <v>0</v>
      </c>
      <c r="AR21" s="261">
        <v>0</v>
      </c>
      <c r="AS21" s="258">
        <v>3</v>
      </c>
      <c r="AT21" s="263">
        <v>3</v>
      </c>
      <c r="AU21" s="257">
        <v>0</v>
      </c>
      <c r="AV21" s="261">
        <v>0</v>
      </c>
      <c r="AW21" s="258">
        <v>0</v>
      </c>
      <c r="AX21" s="260">
        <v>0</v>
      </c>
      <c r="AY21" s="261">
        <v>0</v>
      </c>
      <c r="AZ21" s="261">
        <v>0</v>
      </c>
      <c r="BA21" s="261">
        <v>2</v>
      </c>
      <c r="BB21" s="261">
        <v>0</v>
      </c>
      <c r="BC21" s="261">
        <v>0</v>
      </c>
      <c r="BD21" s="258">
        <v>2</v>
      </c>
      <c r="BE21" s="263">
        <v>2</v>
      </c>
      <c r="BF21" s="257">
        <v>0</v>
      </c>
      <c r="BG21" s="261">
        <v>0</v>
      </c>
      <c r="BH21" s="258">
        <v>0</v>
      </c>
      <c r="BI21" s="260">
        <v>0</v>
      </c>
      <c r="BJ21" s="261">
        <v>0</v>
      </c>
      <c r="BK21" s="261">
        <v>0</v>
      </c>
      <c r="BL21" s="261">
        <v>1</v>
      </c>
      <c r="BM21" s="261">
        <v>0</v>
      </c>
      <c r="BN21" s="261">
        <v>1</v>
      </c>
      <c r="BO21" s="262">
        <v>2</v>
      </c>
      <c r="BP21" s="263">
        <v>2</v>
      </c>
      <c r="BQ21" s="257">
        <v>0</v>
      </c>
      <c r="BR21" s="261">
        <v>0</v>
      </c>
      <c r="BS21" s="258">
        <v>0</v>
      </c>
      <c r="BT21" s="260">
        <v>0</v>
      </c>
      <c r="BU21" s="261">
        <v>0</v>
      </c>
      <c r="BV21" s="261">
        <v>0</v>
      </c>
      <c r="BW21" s="261">
        <v>0</v>
      </c>
      <c r="BX21" s="261">
        <v>0</v>
      </c>
      <c r="BY21" s="261">
        <v>0</v>
      </c>
      <c r="BZ21" s="258">
        <v>0</v>
      </c>
      <c r="CA21" s="263">
        <v>0</v>
      </c>
      <c r="CB21" s="257">
        <v>0</v>
      </c>
      <c r="CC21" s="261">
        <v>0</v>
      </c>
      <c r="CD21" s="258">
        <v>0</v>
      </c>
      <c r="CE21" s="260">
        <v>0</v>
      </c>
      <c r="CF21" s="261">
        <v>0</v>
      </c>
      <c r="CG21" s="261">
        <v>0</v>
      </c>
      <c r="CH21" s="261">
        <v>0</v>
      </c>
      <c r="CI21" s="261">
        <v>0</v>
      </c>
      <c r="CJ21" s="261">
        <v>0</v>
      </c>
      <c r="CK21" s="258">
        <v>0</v>
      </c>
      <c r="CL21" s="263">
        <v>0</v>
      </c>
      <c r="CM21" s="257">
        <v>0</v>
      </c>
      <c r="CN21" s="261">
        <v>0</v>
      </c>
      <c r="CO21" s="258">
        <v>0</v>
      </c>
      <c r="CP21" s="260">
        <v>0</v>
      </c>
      <c r="CQ21" s="261">
        <v>0</v>
      </c>
      <c r="CR21" s="261">
        <v>0</v>
      </c>
      <c r="CS21" s="261">
        <v>1</v>
      </c>
      <c r="CT21" s="261">
        <v>0</v>
      </c>
      <c r="CU21" s="261">
        <v>2</v>
      </c>
      <c r="CV21" s="258">
        <v>3</v>
      </c>
      <c r="CW21" s="263">
        <v>3</v>
      </c>
    </row>
    <row r="22" spans="2:101" ht="21" customHeight="1" x14ac:dyDescent="0.2">
      <c r="B22" s="472" t="s">
        <v>20</v>
      </c>
      <c r="C22" s="257">
        <v>0</v>
      </c>
      <c r="D22" s="258">
        <v>0</v>
      </c>
      <c r="E22" s="259">
        <v>0</v>
      </c>
      <c r="F22" s="260">
        <v>0</v>
      </c>
      <c r="G22" s="261">
        <v>0</v>
      </c>
      <c r="H22" s="261">
        <v>1</v>
      </c>
      <c r="I22" s="261">
        <v>0</v>
      </c>
      <c r="J22" s="261">
        <v>0</v>
      </c>
      <c r="K22" s="261">
        <v>0</v>
      </c>
      <c r="L22" s="262">
        <v>1</v>
      </c>
      <c r="M22" s="263">
        <v>1</v>
      </c>
      <c r="N22" s="257">
        <v>0</v>
      </c>
      <c r="O22" s="261">
        <v>0</v>
      </c>
      <c r="P22" s="258">
        <v>0</v>
      </c>
      <c r="Q22" s="260">
        <v>0</v>
      </c>
      <c r="R22" s="261">
        <v>0</v>
      </c>
      <c r="S22" s="261">
        <v>0</v>
      </c>
      <c r="T22" s="261">
        <v>0</v>
      </c>
      <c r="U22" s="261">
        <v>0</v>
      </c>
      <c r="V22" s="261">
        <v>0</v>
      </c>
      <c r="W22" s="258">
        <v>0</v>
      </c>
      <c r="X22" s="263">
        <v>0</v>
      </c>
      <c r="Y22" s="257">
        <v>0</v>
      </c>
      <c r="Z22" s="261">
        <v>0</v>
      </c>
      <c r="AA22" s="258">
        <v>0</v>
      </c>
      <c r="AB22" s="260">
        <v>0</v>
      </c>
      <c r="AC22" s="261">
        <v>6</v>
      </c>
      <c r="AD22" s="261">
        <v>8</v>
      </c>
      <c r="AE22" s="261">
        <v>2</v>
      </c>
      <c r="AF22" s="261">
        <v>0</v>
      </c>
      <c r="AG22" s="261">
        <v>0</v>
      </c>
      <c r="AH22" s="258">
        <v>16</v>
      </c>
      <c r="AI22" s="263">
        <v>16</v>
      </c>
      <c r="AJ22" s="257">
        <v>0</v>
      </c>
      <c r="AK22" s="261">
        <v>0</v>
      </c>
      <c r="AL22" s="258">
        <v>0</v>
      </c>
      <c r="AM22" s="260">
        <v>0</v>
      </c>
      <c r="AN22" s="261">
        <v>0</v>
      </c>
      <c r="AO22" s="261">
        <v>0</v>
      </c>
      <c r="AP22" s="261">
        <v>0</v>
      </c>
      <c r="AQ22" s="261">
        <v>0</v>
      </c>
      <c r="AR22" s="261">
        <v>0</v>
      </c>
      <c r="AS22" s="258">
        <v>0</v>
      </c>
      <c r="AT22" s="263">
        <v>0</v>
      </c>
      <c r="AU22" s="257">
        <v>0</v>
      </c>
      <c r="AV22" s="261">
        <v>1</v>
      </c>
      <c r="AW22" s="258">
        <v>1</v>
      </c>
      <c r="AX22" s="260">
        <v>0</v>
      </c>
      <c r="AY22" s="261">
        <v>2</v>
      </c>
      <c r="AZ22" s="261">
        <v>0</v>
      </c>
      <c r="BA22" s="261">
        <v>1</v>
      </c>
      <c r="BB22" s="261">
        <v>0</v>
      </c>
      <c r="BC22" s="261">
        <v>0</v>
      </c>
      <c r="BD22" s="258">
        <v>3</v>
      </c>
      <c r="BE22" s="263">
        <v>4</v>
      </c>
      <c r="BF22" s="257">
        <v>0</v>
      </c>
      <c r="BG22" s="261">
        <v>0</v>
      </c>
      <c r="BH22" s="258">
        <v>0</v>
      </c>
      <c r="BI22" s="260">
        <v>0</v>
      </c>
      <c r="BJ22" s="261">
        <v>1</v>
      </c>
      <c r="BK22" s="261">
        <v>1</v>
      </c>
      <c r="BL22" s="261">
        <v>2</v>
      </c>
      <c r="BM22" s="261">
        <v>0</v>
      </c>
      <c r="BN22" s="261">
        <v>1</v>
      </c>
      <c r="BO22" s="262">
        <v>5</v>
      </c>
      <c r="BP22" s="263">
        <v>5</v>
      </c>
      <c r="BQ22" s="257">
        <v>0</v>
      </c>
      <c r="BR22" s="261">
        <v>0</v>
      </c>
      <c r="BS22" s="258">
        <v>0</v>
      </c>
      <c r="BT22" s="260">
        <v>0</v>
      </c>
      <c r="BU22" s="261">
        <v>0</v>
      </c>
      <c r="BV22" s="261">
        <v>0</v>
      </c>
      <c r="BW22" s="261">
        <v>0</v>
      </c>
      <c r="BX22" s="261">
        <v>0</v>
      </c>
      <c r="BY22" s="261">
        <v>0</v>
      </c>
      <c r="BZ22" s="258">
        <v>0</v>
      </c>
      <c r="CA22" s="263">
        <v>0</v>
      </c>
      <c r="CB22" s="257">
        <v>0</v>
      </c>
      <c r="CC22" s="261">
        <v>0</v>
      </c>
      <c r="CD22" s="258">
        <v>0</v>
      </c>
      <c r="CE22" s="260">
        <v>0</v>
      </c>
      <c r="CF22" s="261">
        <v>0</v>
      </c>
      <c r="CG22" s="261">
        <v>0</v>
      </c>
      <c r="CH22" s="261">
        <v>0</v>
      </c>
      <c r="CI22" s="261">
        <v>0</v>
      </c>
      <c r="CJ22" s="261">
        <v>0</v>
      </c>
      <c r="CK22" s="258">
        <v>0</v>
      </c>
      <c r="CL22" s="263">
        <v>0</v>
      </c>
      <c r="CM22" s="257">
        <v>0</v>
      </c>
      <c r="CN22" s="261">
        <v>0</v>
      </c>
      <c r="CO22" s="258">
        <v>0</v>
      </c>
      <c r="CP22" s="260">
        <v>0</v>
      </c>
      <c r="CQ22" s="261">
        <v>0</v>
      </c>
      <c r="CR22" s="261">
        <v>0</v>
      </c>
      <c r="CS22" s="261">
        <v>0</v>
      </c>
      <c r="CT22" s="261">
        <v>0</v>
      </c>
      <c r="CU22" s="261">
        <v>0</v>
      </c>
      <c r="CV22" s="258">
        <v>0</v>
      </c>
      <c r="CW22" s="263">
        <v>0</v>
      </c>
    </row>
    <row r="23" spans="2:101" ht="21" customHeight="1" x14ac:dyDescent="0.2">
      <c r="B23" s="472" t="s">
        <v>21</v>
      </c>
      <c r="C23" s="257">
        <v>0</v>
      </c>
      <c r="D23" s="258">
        <v>0</v>
      </c>
      <c r="E23" s="259">
        <v>0</v>
      </c>
      <c r="F23" s="260">
        <v>0</v>
      </c>
      <c r="G23" s="261">
        <v>0</v>
      </c>
      <c r="H23" s="261">
        <v>0</v>
      </c>
      <c r="I23" s="261">
        <v>0</v>
      </c>
      <c r="J23" s="261">
        <v>0</v>
      </c>
      <c r="K23" s="261">
        <v>0</v>
      </c>
      <c r="L23" s="262">
        <v>0</v>
      </c>
      <c r="M23" s="263">
        <v>0</v>
      </c>
      <c r="N23" s="257">
        <v>0</v>
      </c>
      <c r="O23" s="261">
        <v>0</v>
      </c>
      <c r="P23" s="258">
        <v>0</v>
      </c>
      <c r="Q23" s="260">
        <v>0</v>
      </c>
      <c r="R23" s="261">
        <v>0</v>
      </c>
      <c r="S23" s="261">
        <v>0</v>
      </c>
      <c r="T23" s="261">
        <v>0</v>
      </c>
      <c r="U23" s="261">
        <v>0</v>
      </c>
      <c r="V23" s="261">
        <v>0</v>
      </c>
      <c r="W23" s="258">
        <v>0</v>
      </c>
      <c r="X23" s="263">
        <v>0</v>
      </c>
      <c r="Y23" s="257">
        <v>0</v>
      </c>
      <c r="Z23" s="261">
        <v>0</v>
      </c>
      <c r="AA23" s="258">
        <v>0</v>
      </c>
      <c r="AB23" s="260">
        <v>0</v>
      </c>
      <c r="AC23" s="261">
        <v>11</v>
      </c>
      <c r="AD23" s="261">
        <v>4</v>
      </c>
      <c r="AE23" s="261">
        <v>2</v>
      </c>
      <c r="AF23" s="261">
        <v>2</v>
      </c>
      <c r="AG23" s="261">
        <v>0</v>
      </c>
      <c r="AH23" s="258">
        <v>19</v>
      </c>
      <c r="AI23" s="263">
        <v>19</v>
      </c>
      <c r="AJ23" s="257">
        <v>0</v>
      </c>
      <c r="AK23" s="261">
        <v>0</v>
      </c>
      <c r="AL23" s="258">
        <v>0</v>
      </c>
      <c r="AM23" s="260">
        <v>0</v>
      </c>
      <c r="AN23" s="261">
        <v>0</v>
      </c>
      <c r="AO23" s="261">
        <v>0</v>
      </c>
      <c r="AP23" s="261">
        <v>0</v>
      </c>
      <c r="AQ23" s="261">
        <v>0</v>
      </c>
      <c r="AR23" s="261">
        <v>0</v>
      </c>
      <c r="AS23" s="258">
        <v>0</v>
      </c>
      <c r="AT23" s="263">
        <v>0</v>
      </c>
      <c r="AU23" s="257">
        <v>0</v>
      </c>
      <c r="AV23" s="261">
        <v>0</v>
      </c>
      <c r="AW23" s="258">
        <v>0</v>
      </c>
      <c r="AX23" s="260">
        <v>0</v>
      </c>
      <c r="AY23" s="261">
        <v>1</v>
      </c>
      <c r="AZ23" s="261">
        <v>0</v>
      </c>
      <c r="BA23" s="261">
        <v>1</v>
      </c>
      <c r="BB23" s="261">
        <v>1</v>
      </c>
      <c r="BC23" s="261">
        <v>0</v>
      </c>
      <c r="BD23" s="258">
        <v>3</v>
      </c>
      <c r="BE23" s="263">
        <v>3</v>
      </c>
      <c r="BF23" s="257">
        <v>0</v>
      </c>
      <c r="BG23" s="261">
        <v>0</v>
      </c>
      <c r="BH23" s="258">
        <v>0</v>
      </c>
      <c r="BI23" s="260">
        <v>0</v>
      </c>
      <c r="BJ23" s="261">
        <v>0</v>
      </c>
      <c r="BK23" s="261">
        <v>2</v>
      </c>
      <c r="BL23" s="261">
        <v>1</v>
      </c>
      <c r="BM23" s="261">
        <v>2</v>
      </c>
      <c r="BN23" s="261">
        <v>0</v>
      </c>
      <c r="BO23" s="262">
        <v>5</v>
      </c>
      <c r="BP23" s="263">
        <v>5</v>
      </c>
      <c r="BQ23" s="257">
        <v>0</v>
      </c>
      <c r="BR23" s="261">
        <v>0</v>
      </c>
      <c r="BS23" s="258">
        <v>0</v>
      </c>
      <c r="BT23" s="260">
        <v>0</v>
      </c>
      <c r="BU23" s="261">
        <v>0</v>
      </c>
      <c r="BV23" s="261">
        <v>0</v>
      </c>
      <c r="BW23" s="261">
        <v>0</v>
      </c>
      <c r="BX23" s="261">
        <v>0</v>
      </c>
      <c r="BY23" s="261">
        <v>0</v>
      </c>
      <c r="BZ23" s="258">
        <v>0</v>
      </c>
      <c r="CA23" s="263">
        <v>0</v>
      </c>
      <c r="CB23" s="257">
        <v>0</v>
      </c>
      <c r="CC23" s="261">
        <v>0</v>
      </c>
      <c r="CD23" s="258">
        <v>0</v>
      </c>
      <c r="CE23" s="260">
        <v>0</v>
      </c>
      <c r="CF23" s="261">
        <v>0</v>
      </c>
      <c r="CG23" s="261">
        <v>0</v>
      </c>
      <c r="CH23" s="261">
        <v>0</v>
      </c>
      <c r="CI23" s="261">
        <v>0</v>
      </c>
      <c r="CJ23" s="261">
        <v>0</v>
      </c>
      <c r="CK23" s="258">
        <v>0</v>
      </c>
      <c r="CL23" s="263">
        <v>0</v>
      </c>
      <c r="CM23" s="257">
        <v>0</v>
      </c>
      <c r="CN23" s="261">
        <v>0</v>
      </c>
      <c r="CO23" s="258">
        <v>0</v>
      </c>
      <c r="CP23" s="260">
        <v>0</v>
      </c>
      <c r="CQ23" s="261">
        <v>0</v>
      </c>
      <c r="CR23" s="261">
        <v>0</v>
      </c>
      <c r="CS23" s="261">
        <v>0</v>
      </c>
      <c r="CT23" s="261">
        <v>0</v>
      </c>
      <c r="CU23" s="261">
        <v>0</v>
      </c>
      <c r="CV23" s="258">
        <v>0</v>
      </c>
      <c r="CW23" s="263">
        <v>0</v>
      </c>
    </row>
    <row r="24" spans="2:101" ht="21" customHeight="1" x14ac:dyDescent="0.2">
      <c r="B24" s="472" t="s">
        <v>22</v>
      </c>
      <c r="C24" s="257">
        <v>0</v>
      </c>
      <c r="D24" s="258">
        <v>0</v>
      </c>
      <c r="E24" s="259">
        <v>0</v>
      </c>
      <c r="F24" s="260">
        <v>0</v>
      </c>
      <c r="G24" s="261">
        <v>0</v>
      </c>
      <c r="H24" s="261">
        <v>0</v>
      </c>
      <c r="I24" s="261">
        <v>1</v>
      </c>
      <c r="J24" s="261">
        <v>1</v>
      </c>
      <c r="K24" s="261">
        <v>0</v>
      </c>
      <c r="L24" s="262">
        <v>2</v>
      </c>
      <c r="M24" s="263">
        <v>2</v>
      </c>
      <c r="N24" s="257">
        <v>0</v>
      </c>
      <c r="O24" s="261">
        <v>0</v>
      </c>
      <c r="P24" s="258">
        <v>0</v>
      </c>
      <c r="Q24" s="260">
        <v>0</v>
      </c>
      <c r="R24" s="261">
        <v>0</v>
      </c>
      <c r="S24" s="261">
        <v>0</v>
      </c>
      <c r="T24" s="261">
        <v>0</v>
      </c>
      <c r="U24" s="261">
        <v>0</v>
      </c>
      <c r="V24" s="261">
        <v>0</v>
      </c>
      <c r="W24" s="258">
        <v>0</v>
      </c>
      <c r="X24" s="263">
        <v>0</v>
      </c>
      <c r="Y24" s="257">
        <v>0</v>
      </c>
      <c r="Z24" s="261">
        <v>0</v>
      </c>
      <c r="AA24" s="258">
        <v>0</v>
      </c>
      <c r="AB24" s="260">
        <v>0</v>
      </c>
      <c r="AC24" s="261">
        <v>8</v>
      </c>
      <c r="AD24" s="261">
        <v>5</v>
      </c>
      <c r="AE24" s="261">
        <v>1</v>
      </c>
      <c r="AF24" s="261">
        <v>0</v>
      </c>
      <c r="AG24" s="261">
        <v>0</v>
      </c>
      <c r="AH24" s="258">
        <v>14</v>
      </c>
      <c r="AI24" s="263">
        <v>14</v>
      </c>
      <c r="AJ24" s="257">
        <v>0</v>
      </c>
      <c r="AK24" s="261">
        <v>0</v>
      </c>
      <c r="AL24" s="258">
        <v>0</v>
      </c>
      <c r="AM24" s="260">
        <v>0</v>
      </c>
      <c r="AN24" s="261">
        <v>0</v>
      </c>
      <c r="AO24" s="261">
        <v>0</v>
      </c>
      <c r="AP24" s="261">
        <v>1</v>
      </c>
      <c r="AQ24" s="261">
        <v>0</v>
      </c>
      <c r="AR24" s="261">
        <v>0</v>
      </c>
      <c r="AS24" s="258">
        <v>1</v>
      </c>
      <c r="AT24" s="263">
        <v>1</v>
      </c>
      <c r="AU24" s="257">
        <v>0</v>
      </c>
      <c r="AV24" s="261">
        <v>0</v>
      </c>
      <c r="AW24" s="258">
        <v>0</v>
      </c>
      <c r="AX24" s="260">
        <v>0</v>
      </c>
      <c r="AY24" s="261">
        <v>0</v>
      </c>
      <c r="AZ24" s="261">
        <v>3</v>
      </c>
      <c r="BA24" s="261">
        <v>1</v>
      </c>
      <c r="BB24" s="261">
        <v>1</v>
      </c>
      <c r="BC24" s="261">
        <v>0</v>
      </c>
      <c r="BD24" s="258">
        <v>5</v>
      </c>
      <c r="BE24" s="263">
        <v>5</v>
      </c>
      <c r="BF24" s="257">
        <v>0</v>
      </c>
      <c r="BG24" s="261">
        <v>0</v>
      </c>
      <c r="BH24" s="258">
        <v>0</v>
      </c>
      <c r="BI24" s="260">
        <v>0</v>
      </c>
      <c r="BJ24" s="261">
        <v>0</v>
      </c>
      <c r="BK24" s="261">
        <v>0</v>
      </c>
      <c r="BL24" s="261">
        <v>0</v>
      </c>
      <c r="BM24" s="261">
        <v>0</v>
      </c>
      <c r="BN24" s="261">
        <v>0</v>
      </c>
      <c r="BO24" s="262">
        <v>0</v>
      </c>
      <c r="BP24" s="263">
        <v>0</v>
      </c>
      <c r="BQ24" s="257">
        <v>0</v>
      </c>
      <c r="BR24" s="261">
        <v>0</v>
      </c>
      <c r="BS24" s="258">
        <v>0</v>
      </c>
      <c r="BT24" s="260">
        <v>0</v>
      </c>
      <c r="BU24" s="261">
        <v>0</v>
      </c>
      <c r="BV24" s="261">
        <v>0</v>
      </c>
      <c r="BW24" s="261">
        <v>0</v>
      </c>
      <c r="BX24" s="261">
        <v>0</v>
      </c>
      <c r="BY24" s="261">
        <v>0</v>
      </c>
      <c r="BZ24" s="258">
        <v>0</v>
      </c>
      <c r="CA24" s="263">
        <v>0</v>
      </c>
      <c r="CB24" s="257">
        <v>0</v>
      </c>
      <c r="CC24" s="261">
        <v>0</v>
      </c>
      <c r="CD24" s="258">
        <v>0</v>
      </c>
      <c r="CE24" s="260">
        <v>0</v>
      </c>
      <c r="CF24" s="261">
        <v>0</v>
      </c>
      <c r="CG24" s="261">
        <v>0</v>
      </c>
      <c r="CH24" s="261">
        <v>0</v>
      </c>
      <c r="CI24" s="261">
        <v>0</v>
      </c>
      <c r="CJ24" s="261">
        <v>0</v>
      </c>
      <c r="CK24" s="258">
        <v>0</v>
      </c>
      <c r="CL24" s="263">
        <v>0</v>
      </c>
      <c r="CM24" s="257">
        <v>0</v>
      </c>
      <c r="CN24" s="261">
        <v>0</v>
      </c>
      <c r="CO24" s="258">
        <v>0</v>
      </c>
      <c r="CP24" s="260">
        <v>0</v>
      </c>
      <c r="CQ24" s="261">
        <v>0</v>
      </c>
      <c r="CR24" s="261">
        <v>0</v>
      </c>
      <c r="CS24" s="261">
        <v>0</v>
      </c>
      <c r="CT24" s="261">
        <v>0</v>
      </c>
      <c r="CU24" s="261">
        <v>0</v>
      </c>
      <c r="CV24" s="258">
        <v>0</v>
      </c>
      <c r="CW24" s="263">
        <v>0</v>
      </c>
    </row>
    <row r="25" spans="2:101" ht="21" customHeight="1" x14ac:dyDescent="0.2">
      <c r="B25" s="472" t="s">
        <v>23</v>
      </c>
      <c r="C25" s="257">
        <v>0</v>
      </c>
      <c r="D25" s="258">
        <v>0</v>
      </c>
      <c r="E25" s="259">
        <v>0</v>
      </c>
      <c r="F25" s="260">
        <v>0</v>
      </c>
      <c r="G25" s="261">
        <v>0</v>
      </c>
      <c r="H25" s="261">
        <v>0</v>
      </c>
      <c r="I25" s="261">
        <v>0</v>
      </c>
      <c r="J25" s="261">
        <v>0</v>
      </c>
      <c r="K25" s="261">
        <v>1</v>
      </c>
      <c r="L25" s="262">
        <v>1</v>
      </c>
      <c r="M25" s="263">
        <v>1</v>
      </c>
      <c r="N25" s="257">
        <v>0</v>
      </c>
      <c r="O25" s="261">
        <v>0</v>
      </c>
      <c r="P25" s="258">
        <v>0</v>
      </c>
      <c r="Q25" s="260">
        <v>0</v>
      </c>
      <c r="R25" s="261">
        <v>0</v>
      </c>
      <c r="S25" s="261">
        <v>0</v>
      </c>
      <c r="T25" s="261">
        <v>0</v>
      </c>
      <c r="U25" s="261">
        <v>0</v>
      </c>
      <c r="V25" s="261">
        <v>0</v>
      </c>
      <c r="W25" s="258">
        <v>0</v>
      </c>
      <c r="X25" s="263">
        <v>0</v>
      </c>
      <c r="Y25" s="257">
        <v>0</v>
      </c>
      <c r="Z25" s="261">
        <v>0</v>
      </c>
      <c r="AA25" s="258">
        <v>0</v>
      </c>
      <c r="AB25" s="260">
        <v>0</v>
      </c>
      <c r="AC25" s="261">
        <v>1</v>
      </c>
      <c r="AD25" s="261">
        <v>2</v>
      </c>
      <c r="AE25" s="261">
        <v>1</v>
      </c>
      <c r="AF25" s="261">
        <v>0</v>
      </c>
      <c r="AG25" s="261">
        <v>0</v>
      </c>
      <c r="AH25" s="258">
        <v>4</v>
      </c>
      <c r="AI25" s="263">
        <v>4</v>
      </c>
      <c r="AJ25" s="257">
        <v>0</v>
      </c>
      <c r="AK25" s="261">
        <v>0</v>
      </c>
      <c r="AL25" s="258">
        <v>0</v>
      </c>
      <c r="AM25" s="260">
        <v>0</v>
      </c>
      <c r="AN25" s="261">
        <v>0</v>
      </c>
      <c r="AO25" s="261">
        <v>0</v>
      </c>
      <c r="AP25" s="261">
        <v>0</v>
      </c>
      <c r="AQ25" s="261">
        <v>0</v>
      </c>
      <c r="AR25" s="261">
        <v>0</v>
      </c>
      <c r="AS25" s="258">
        <v>0</v>
      </c>
      <c r="AT25" s="263">
        <v>0</v>
      </c>
      <c r="AU25" s="257">
        <v>0</v>
      </c>
      <c r="AV25" s="261">
        <v>0</v>
      </c>
      <c r="AW25" s="258">
        <v>0</v>
      </c>
      <c r="AX25" s="260">
        <v>0</v>
      </c>
      <c r="AY25" s="261">
        <v>0</v>
      </c>
      <c r="AZ25" s="261">
        <v>0</v>
      </c>
      <c r="BA25" s="261">
        <v>0</v>
      </c>
      <c r="BB25" s="261">
        <v>0</v>
      </c>
      <c r="BC25" s="261">
        <v>0</v>
      </c>
      <c r="BD25" s="258">
        <v>0</v>
      </c>
      <c r="BE25" s="263">
        <v>0</v>
      </c>
      <c r="BF25" s="257">
        <v>0</v>
      </c>
      <c r="BG25" s="261">
        <v>0</v>
      </c>
      <c r="BH25" s="258">
        <v>0</v>
      </c>
      <c r="BI25" s="260">
        <v>0</v>
      </c>
      <c r="BJ25" s="261">
        <v>1</v>
      </c>
      <c r="BK25" s="261">
        <v>2</v>
      </c>
      <c r="BL25" s="261">
        <v>3</v>
      </c>
      <c r="BM25" s="261">
        <v>0</v>
      </c>
      <c r="BN25" s="261">
        <v>0</v>
      </c>
      <c r="BO25" s="262">
        <v>6</v>
      </c>
      <c r="BP25" s="263">
        <v>6</v>
      </c>
      <c r="BQ25" s="257">
        <v>0</v>
      </c>
      <c r="BR25" s="261">
        <v>0</v>
      </c>
      <c r="BS25" s="258">
        <v>0</v>
      </c>
      <c r="BT25" s="260">
        <v>0</v>
      </c>
      <c r="BU25" s="261">
        <v>0</v>
      </c>
      <c r="BV25" s="261">
        <v>0</v>
      </c>
      <c r="BW25" s="261">
        <v>0</v>
      </c>
      <c r="BX25" s="261">
        <v>0</v>
      </c>
      <c r="BY25" s="261">
        <v>0</v>
      </c>
      <c r="BZ25" s="258">
        <v>0</v>
      </c>
      <c r="CA25" s="263">
        <v>0</v>
      </c>
      <c r="CB25" s="257">
        <v>0</v>
      </c>
      <c r="CC25" s="261">
        <v>0</v>
      </c>
      <c r="CD25" s="258">
        <v>0</v>
      </c>
      <c r="CE25" s="260">
        <v>0</v>
      </c>
      <c r="CF25" s="261">
        <v>0</v>
      </c>
      <c r="CG25" s="261">
        <v>0</v>
      </c>
      <c r="CH25" s="261">
        <v>0</v>
      </c>
      <c r="CI25" s="261">
        <v>0</v>
      </c>
      <c r="CJ25" s="261">
        <v>0</v>
      </c>
      <c r="CK25" s="258">
        <v>0</v>
      </c>
      <c r="CL25" s="263">
        <v>0</v>
      </c>
      <c r="CM25" s="257">
        <v>0</v>
      </c>
      <c r="CN25" s="261">
        <v>0</v>
      </c>
      <c r="CO25" s="258">
        <v>0</v>
      </c>
      <c r="CP25" s="260">
        <v>0</v>
      </c>
      <c r="CQ25" s="261">
        <v>0</v>
      </c>
      <c r="CR25" s="261">
        <v>0</v>
      </c>
      <c r="CS25" s="261">
        <v>0</v>
      </c>
      <c r="CT25" s="261">
        <v>0</v>
      </c>
      <c r="CU25" s="261">
        <v>0</v>
      </c>
      <c r="CV25" s="258">
        <v>0</v>
      </c>
      <c r="CW25" s="263">
        <v>0</v>
      </c>
    </row>
    <row r="26" spans="2:101" ht="21" customHeight="1" x14ac:dyDescent="0.2">
      <c r="B26" s="472" t="s">
        <v>24</v>
      </c>
      <c r="C26" s="257">
        <v>0</v>
      </c>
      <c r="D26" s="258">
        <v>0</v>
      </c>
      <c r="E26" s="259">
        <v>0</v>
      </c>
      <c r="F26" s="260">
        <v>0</v>
      </c>
      <c r="G26" s="261">
        <v>0</v>
      </c>
      <c r="H26" s="261">
        <v>0</v>
      </c>
      <c r="I26" s="261">
        <v>0</v>
      </c>
      <c r="J26" s="261">
        <v>2</v>
      </c>
      <c r="K26" s="261">
        <v>0</v>
      </c>
      <c r="L26" s="262">
        <v>2</v>
      </c>
      <c r="M26" s="263">
        <v>2</v>
      </c>
      <c r="N26" s="257">
        <v>0</v>
      </c>
      <c r="O26" s="261">
        <v>0</v>
      </c>
      <c r="P26" s="258">
        <v>0</v>
      </c>
      <c r="Q26" s="260">
        <v>0</v>
      </c>
      <c r="R26" s="261">
        <v>0</v>
      </c>
      <c r="S26" s="261">
        <v>0</v>
      </c>
      <c r="T26" s="261">
        <v>0</v>
      </c>
      <c r="U26" s="261">
        <v>0</v>
      </c>
      <c r="V26" s="261">
        <v>0</v>
      </c>
      <c r="W26" s="258">
        <v>0</v>
      </c>
      <c r="X26" s="263">
        <v>0</v>
      </c>
      <c r="Y26" s="257">
        <v>0</v>
      </c>
      <c r="Z26" s="261">
        <v>0</v>
      </c>
      <c r="AA26" s="258">
        <v>0</v>
      </c>
      <c r="AB26" s="260">
        <v>0</v>
      </c>
      <c r="AC26" s="261">
        <v>1</v>
      </c>
      <c r="AD26" s="261">
        <v>0</v>
      </c>
      <c r="AE26" s="261">
        <v>0</v>
      </c>
      <c r="AF26" s="261">
        <v>1</v>
      </c>
      <c r="AG26" s="261">
        <v>0</v>
      </c>
      <c r="AH26" s="258">
        <v>2</v>
      </c>
      <c r="AI26" s="263">
        <v>2</v>
      </c>
      <c r="AJ26" s="257">
        <v>0</v>
      </c>
      <c r="AK26" s="261">
        <v>0</v>
      </c>
      <c r="AL26" s="258">
        <v>0</v>
      </c>
      <c r="AM26" s="260">
        <v>0</v>
      </c>
      <c r="AN26" s="261">
        <v>0</v>
      </c>
      <c r="AO26" s="261">
        <v>1</v>
      </c>
      <c r="AP26" s="261">
        <v>1</v>
      </c>
      <c r="AQ26" s="261">
        <v>1</v>
      </c>
      <c r="AR26" s="261">
        <v>1</v>
      </c>
      <c r="AS26" s="258">
        <v>4</v>
      </c>
      <c r="AT26" s="263">
        <v>4</v>
      </c>
      <c r="AU26" s="257">
        <v>0</v>
      </c>
      <c r="AV26" s="261">
        <v>0</v>
      </c>
      <c r="AW26" s="258">
        <v>0</v>
      </c>
      <c r="AX26" s="260">
        <v>0</v>
      </c>
      <c r="AY26" s="261">
        <v>3</v>
      </c>
      <c r="AZ26" s="261">
        <v>0</v>
      </c>
      <c r="BA26" s="261">
        <v>1</v>
      </c>
      <c r="BB26" s="261">
        <v>1</v>
      </c>
      <c r="BC26" s="261">
        <v>0</v>
      </c>
      <c r="BD26" s="258">
        <v>5</v>
      </c>
      <c r="BE26" s="263">
        <v>5</v>
      </c>
      <c r="BF26" s="257">
        <v>0</v>
      </c>
      <c r="BG26" s="261">
        <v>0</v>
      </c>
      <c r="BH26" s="258">
        <v>0</v>
      </c>
      <c r="BI26" s="260">
        <v>0</v>
      </c>
      <c r="BJ26" s="261">
        <v>0</v>
      </c>
      <c r="BK26" s="261">
        <v>0</v>
      </c>
      <c r="BL26" s="261">
        <v>1</v>
      </c>
      <c r="BM26" s="261">
        <v>0</v>
      </c>
      <c r="BN26" s="261">
        <v>1</v>
      </c>
      <c r="BO26" s="262">
        <v>2</v>
      </c>
      <c r="BP26" s="263">
        <v>2</v>
      </c>
      <c r="BQ26" s="257">
        <v>0</v>
      </c>
      <c r="BR26" s="261">
        <v>0</v>
      </c>
      <c r="BS26" s="258">
        <v>0</v>
      </c>
      <c r="BT26" s="260">
        <v>0</v>
      </c>
      <c r="BU26" s="261">
        <v>0</v>
      </c>
      <c r="BV26" s="261">
        <v>0</v>
      </c>
      <c r="BW26" s="261">
        <v>0</v>
      </c>
      <c r="BX26" s="261">
        <v>0</v>
      </c>
      <c r="BY26" s="261">
        <v>0</v>
      </c>
      <c r="BZ26" s="258">
        <v>0</v>
      </c>
      <c r="CA26" s="263">
        <v>0</v>
      </c>
      <c r="CB26" s="257">
        <v>0</v>
      </c>
      <c r="CC26" s="261">
        <v>0</v>
      </c>
      <c r="CD26" s="258">
        <v>0</v>
      </c>
      <c r="CE26" s="260">
        <v>0</v>
      </c>
      <c r="CF26" s="261">
        <v>0</v>
      </c>
      <c r="CG26" s="261">
        <v>0</v>
      </c>
      <c r="CH26" s="261">
        <v>0</v>
      </c>
      <c r="CI26" s="261">
        <v>0</v>
      </c>
      <c r="CJ26" s="261">
        <v>0</v>
      </c>
      <c r="CK26" s="258">
        <v>0</v>
      </c>
      <c r="CL26" s="263">
        <v>0</v>
      </c>
      <c r="CM26" s="257">
        <v>0</v>
      </c>
      <c r="CN26" s="261">
        <v>0</v>
      </c>
      <c r="CO26" s="258">
        <v>0</v>
      </c>
      <c r="CP26" s="260">
        <v>0</v>
      </c>
      <c r="CQ26" s="261">
        <v>0</v>
      </c>
      <c r="CR26" s="261">
        <v>0</v>
      </c>
      <c r="CS26" s="261">
        <v>0</v>
      </c>
      <c r="CT26" s="261">
        <v>0</v>
      </c>
      <c r="CU26" s="261">
        <v>0</v>
      </c>
      <c r="CV26" s="258">
        <v>0</v>
      </c>
      <c r="CW26" s="263">
        <v>0</v>
      </c>
    </row>
    <row r="27" spans="2:101" ht="21" customHeight="1" x14ac:dyDescent="0.2">
      <c r="B27" s="472" t="s">
        <v>25</v>
      </c>
      <c r="C27" s="257">
        <v>0</v>
      </c>
      <c r="D27" s="258">
        <v>0</v>
      </c>
      <c r="E27" s="259">
        <v>0</v>
      </c>
      <c r="F27" s="260">
        <v>0</v>
      </c>
      <c r="G27" s="261">
        <v>0</v>
      </c>
      <c r="H27" s="261">
        <v>0</v>
      </c>
      <c r="I27" s="261">
        <v>0</v>
      </c>
      <c r="J27" s="261">
        <v>0</v>
      </c>
      <c r="K27" s="261">
        <v>0</v>
      </c>
      <c r="L27" s="262">
        <v>0</v>
      </c>
      <c r="M27" s="263">
        <v>0</v>
      </c>
      <c r="N27" s="257">
        <v>0</v>
      </c>
      <c r="O27" s="261">
        <v>0</v>
      </c>
      <c r="P27" s="258">
        <v>0</v>
      </c>
      <c r="Q27" s="260">
        <v>0</v>
      </c>
      <c r="R27" s="261">
        <v>0</v>
      </c>
      <c r="S27" s="261">
        <v>0</v>
      </c>
      <c r="T27" s="261">
        <v>0</v>
      </c>
      <c r="U27" s="261">
        <v>0</v>
      </c>
      <c r="V27" s="261">
        <v>0</v>
      </c>
      <c r="W27" s="258">
        <v>0</v>
      </c>
      <c r="X27" s="263">
        <v>0</v>
      </c>
      <c r="Y27" s="257">
        <v>0</v>
      </c>
      <c r="Z27" s="261">
        <v>1</v>
      </c>
      <c r="AA27" s="258">
        <v>1</v>
      </c>
      <c r="AB27" s="260">
        <v>0</v>
      </c>
      <c r="AC27" s="261">
        <v>4</v>
      </c>
      <c r="AD27" s="261">
        <v>4</v>
      </c>
      <c r="AE27" s="261">
        <v>0</v>
      </c>
      <c r="AF27" s="261">
        <v>0</v>
      </c>
      <c r="AG27" s="261">
        <v>0</v>
      </c>
      <c r="AH27" s="258">
        <v>8</v>
      </c>
      <c r="AI27" s="263">
        <v>9</v>
      </c>
      <c r="AJ27" s="257">
        <v>0</v>
      </c>
      <c r="AK27" s="261">
        <v>0</v>
      </c>
      <c r="AL27" s="258">
        <v>0</v>
      </c>
      <c r="AM27" s="260">
        <v>0</v>
      </c>
      <c r="AN27" s="261">
        <v>0</v>
      </c>
      <c r="AO27" s="261">
        <v>0</v>
      </c>
      <c r="AP27" s="261">
        <v>0</v>
      </c>
      <c r="AQ27" s="261">
        <v>0</v>
      </c>
      <c r="AR27" s="261">
        <v>0</v>
      </c>
      <c r="AS27" s="258">
        <v>0</v>
      </c>
      <c r="AT27" s="263">
        <v>0</v>
      </c>
      <c r="AU27" s="257">
        <v>0</v>
      </c>
      <c r="AV27" s="261">
        <v>0</v>
      </c>
      <c r="AW27" s="258">
        <v>0</v>
      </c>
      <c r="AX27" s="260">
        <v>0</v>
      </c>
      <c r="AY27" s="261">
        <v>0</v>
      </c>
      <c r="AZ27" s="261">
        <v>0</v>
      </c>
      <c r="BA27" s="261">
        <v>0</v>
      </c>
      <c r="BB27" s="261">
        <v>0</v>
      </c>
      <c r="BC27" s="261">
        <v>0</v>
      </c>
      <c r="BD27" s="258">
        <v>0</v>
      </c>
      <c r="BE27" s="263">
        <v>0</v>
      </c>
      <c r="BF27" s="257">
        <v>0</v>
      </c>
      <c r="BG27" s="261">
        <v>0</v>
      </c>
      <c r="BH27" s="258">
        <v>0</v>
      </c>
      <c r="BI27" s="260">
        <v>0</v>
      </c>
      <c r="BJ27" s="261">
        <v>1</v>
      </c>
      <c r="BK27" s="261">
        <v>0</v>
      </c>
      <c r="BL27" s="261">
        <v>0</v>
      </c>
      <c r="BM27" s="261">
        <v>0</v>
      </c>
      <c r="BN27" s="261">
        <v>0</v>
      </c>
      <c r="BO27" s="262">
        <v>1</v>
      </c>
      <c r="BP27" s="263">
        <v>1</v>
      </c>
      <c r="BQ27" s="257">
        <v>0</v>
      </c>
      <c r="BR27" s="261">
        <v>0</v>
      </c>
      <c r="BS27" s="258">
        <v>0</v>
      </c>
      <c r="BT27" s="260">
        <v>0</v>
      </c>
      <c r="BU27" s="261">
        <v>0</v>
      </c>
      <c r="BV27" s="261">
        <v>0</v>
      </c>
      <c r="BW27" s="261">
        <v>0</v>
      </c>
      <c r="BX27" s="261">
        <v>0</v>
      </c>
      <c r="BY27" s="261">
        <v>0</v>
      </c>
      <c r="BZ27" s="258">
        <v>0</v>
      </c>
      <c r="CA27" s="263">
        <v>0</v>
      </c>
      <c r="CB27" s="257">
        <v>0</v>
      </c>
      <c r="CC27" s="261">
        <v>0</v>
      </c>
      <c r="CD27" s="258">
        <v>0</v>
      </c>
      <c r="CE27" s="260">
        <v>0</v>
      </c>
      <c r="CF27" s="261">
        <v>0</v>
      </c>
      <c r="CG27" s="261">
        <v>0</v>
      </c>
      <c r="CH27" s="261">
        <v>0</v>
      </c>
      <c r="CI27" s="261">
        <v>0</v>
      </c>
      <c r="CJ27" s="261">
        <v>0</v>
      </c>
      <c r="CK27" s="258">
        <v>0</v>
      </c>
      <c r="CL27" s="263">
        <v>0</v>
      </c>
      <c r="CM27" s="257">
        <v>0</v>
      </c>
      <c r="CN27" s="261">
        <v>0</v>
      </c>
      <c r="CO27" s="258">
        <v>0</v>
      </c>
      <c r="CP27" s="260">
        <v>0</v>
      </c>
      <c r="CQ27" s="261">
        <v>0</v>
      </c>
      <c r="CR27" s="261">
        <v>0</v>
      </c>
      <c r="CS27" s="261">
        <v>0</v>
      </c>
      <c r="CT27" s="261">
        <v>0</v>
      </c>
      <c r="CU27" s="261">
        <v>0</v>
      </c>
      <c r="CV27" s="258">
        <v>0</v>
      </c>
      <c r="CW27" s="263">
        <v>0</v>
      </c>
    </row>
    <row r="28" spans="2:101" ht="21" customHeight="1" x14ac:dyDescent="0.2">
      <c r="B28" s="472" t="s">
        <v>26</v>
      </c>
      <c r="C28" s="257">
        <v>0</v>
      </c>
      <c r="D28" s="258">
        <v>0</v>
      </c>
      <c r="E28" s="259">
        <v>0</v>
      </c>
      <c r="F28" s="260">
        <v>0</v>
      </c>
      <c r="G28" s="261">
        <v>0</v>
      </c>
      <c r="H28" s="261">
        <v>0</v>
      </c>
      <c r="I28" s="261">
        <v>0</v>
      </c>
      <c r="J28" s="261">
        <v>0</v>
      </c>
      <c r="K28" s="261">
        <v>0</v>
      </c>
      <c r="L28" s="262">
        <v>0</v>
      </c>
      <c r="M28" s="263">
        <v>0</v>
      </c>
      <c r="N28" s="257">
        <v>0</v>
      </c>
      <c r="O28" s="261">
        <v>0</v>
      </c>
      <c r="P28" s="258">
        <v>0</v>
      </c>
      <c r="Q28" s="260">
        <v>0</v>
      </c>
      <c r="R28" s="261">
        <v>0</v>
      </c>
      <c r="S28" s="261">
        <v>0</v>
      </c>
      <c r="T28" s="261">
        <v>0</v>
      </c>
      <c r="U28" s="261">
        <v>0</v>
      </c>
      <c r="V28" s="261">
        <v>0</v>
      </c>
      <c r="W28" s="258">
        <v>0</v>
      </c>
      <c r="X28" s="263">
        <v>0</v>
      </c>
      <c r="Y28" s="257">
        <v>0</v>
      </c>
      <c r="Z28" s="261">
        <v>0</v>
      </c>
      <c r="AA28" s="258">
        <v>0</v>
      </c>
      <c r="AB28" s="260">
        <v>0</v>
      </c>
      <c r="AC28" s="261">
        <v>3</v>
      </c>
      <c r="AD28" s="261">
        <v>1</v>
      </c>
      <c r="AE28" s="261">
        <v>2</v>
      </c>
      <c r="AF28" s="261">
        <v>0</v>
      </c>
      <c r="AG28" s="261">
        <v>1</v>
      </c>
      <c r="AH28" s="258">
        <v>7</v>
      </c>
      <c r="AI28" s="263">
        <v>7</v>
      </c>
      <c r="AJ28" s="257">
        <v>0</v>
      </c>
      <c r="AK28" s="261">
        <v>0</v>
      </c>
      <c r="AL28" s="258">
        <v>0</v>
      </c>
      <c r="AM28" s="260">
        <v>0</v>
      </c>
      <c r="AN28" s="261">
        <v>0</v>
      </c>
      <c r="AO28" s="261">
        <v>0</v>
      </c>
      <c r="AP28" s="261">
        <v>0</v>
      </c>
      <c r="AQ28" s="261">
        <v>0</v>
      </c>
      <c r="AR28" s="261">
        <v>0</v>
      </c>
      <c r="AS28" s="258">
        <v>0</v>
      </c>
      <c r="AT28" s="263">
        <v>0</v>
      </c>
      <c r="AU28" s="257">
        <v>0</v>
      </c>
      <c r="AV28" s="261">
        <v>0</v>
      </c>
      <c r="AW28" s="258">
        <v>0</v>
      </c>
      <c r="AX28" s="260">
        <v>0</v>
      </c>
      <c r="AY28" s="261">
        <v>1</v>
      </c>
      <c r="AZ28" s="261">
        <v>0</v>
      </c>
      <c r="BA28" s="261">
        <v>0</v>
      </c>
      <c r="BB28" s="261">
        <v>0</v>
      </c>
      <c r="BC28" s="261">
        <v>0</v>
      </c>
      <c r="BD28" s="258">
        <v>1</v>
      </c>
      <c r="BE28" s="263">
        <v>1</v>
      </c>
      <c r="BF28" s="257">
        <v>0</v>
      </c>
      <c r="BG28" s="261">
        <v>0</v>
      </c>
      <c r="BH28" s="258">
        <v>0</v>
      </c>
      <c r="BI28" s="260">
        <v>0</v>
      </c>
      <c r="BJ28" s="261">
        <v>0</v>
      </c>
      <c r="BK28" s="261">
        <v>1</v>
      </c>
      <c r="BL28" s="261">
        <v>2</v>
      </c>
      <c r="BM28" s="261">
        <v>1</v>
      </c>
      <c r="BN28" s="261">
        <v>0</v>
      </c>
      <c r="BO28" s="262">
        <v>4</v>
      </c>
      <c r="BP28" s="263">
        <v>4</v>
      </c>
      <c r="BQ28" s="257">
        <v>0</v>
      </c>
      <c r="BR28" s="261">
        <v>0</v>
      </c>
      <c r="BS28" s="258">
        <v>0</v>
      </c>
      <c r="BT28" s="260">
        <v>0</v>
      </c>
      <c r="BU28" s="261">
        <v>0</v>
      </c>
      <c r="BV28" s="261">
        <v>0</v>
      </c>
      <c r="BW28" s="261">
        <v>0</v>
      </c>
      <c r="BX28" s="261">
        <v>0</v>
      </c>
      <c r="BY28" s="261">
        <v>0</v>
      </c>
      <c r="BZ28" s="258">
        <v>0</v>
      </c>
      <c r="CA28" s="263">
        <v>0</v>
      </c>
      <c r="CB28" s="257">
        <v>0</v>
      </c>
      <c r="CC28" s="261">
        <v>0</v>
      </c>
      <c r="CD28" s="258">
        <v>0</v>
      </c>
      <c r="CE28" s="260">
        <v>0</v>
      </c>
      <c r="CF28" s="261">
        <v>0</v>
      </c>
      <c r="CG28" s="261">
        <v>0</v>
      </c>
      <c r="CH28" s="261">
        <v>0</v>
      </c>
      <c r="CI28" s="261">
        <v>0</v>
      </c>
      <c r="CJ28" s="261">
        <v>0</v>
      </c>
      <c r="CK28" s="258">
        <v>0</v>
      </c>
      <c r="CL28" s="263">
        <v>0</v>
      </c>
      <c r="CM28" s="257">
        <v>0</v>
      </c>
      <c r="CN28" s="261">
        <v>0</v>
      </c>
      <c r="CO28" s="258">
        <v>0</v>
      </c>
      <c r="CP28" s="260">
        <v>0</v>
      </c>
      <c r="CQ28" s="261">
        <v>0</v>
      </c>
      <c r="CR28" s="261">
        <v>0</v>
      </c>
      <c r="CS28" s="261">
        <v>0</v>
      </c>
      <c r="CT28" s="261">
        <v>0</v>
      </c>
      <c r="CU28" s="261">
        <v>0</v>
      </c>
      <c r="CV28" s="258">
        <v>0</v>
      </c>
      <c r="CW28" s="263">
        <v>0</v>
      </c>
    </row>
    <row r="29" spans="2:101" ht="21" customHeight="1" x14ac:dyDescent="0.2">
      <c r="B29" s="472" t="s">
        <v>27</v>
      </c>
      <c r="C29" s="257">
        <v>0</v>
      </c>
      <c r="D29" s="258">
        <v>0</v>
      </c>
      <c r="E29" s="259">
        <v>0</v>
      </c>
      <c r="F29" s="260">
        <v>0</v>
      </c>
      <c r="G29" s="261">
        <v>0</v>
      </c>
      <c r="H29" s="261">
        <v>0</v>
      </c>
      <c r="I29" s="261">
        <v>0</v>
      </c>
      <c r="J29" s="261">
        <v>0</v>
      </c>
      <c r="K29" s="261">
        <v>0</v>
      </c>
      <c r="L29" s="262">
        <v>0</v>
      </c>
      <c r="M29" s="263">
        <v>0</v>
      </c>
      <c r="N29" s="257">
        <v>0</v>
      </c>
      <c r="O29" s="261">
        <v>0</v>
      </c>
      <c r="P29" s="258">
        <v>0</v>
      </c>
      <c r="Q29" s="260">
        <v>0</v>
      </c>
      <c r="R29" s="261">
        <v>0</v>
      </c>
      <c r="S29" s="261">
        <v>0</v>
      </c>
      <c r="T29" s="261">
        <v>0</v>
      </c>
      <c r="U29" s="261">
        <v>0</v>
      </c>
      <c r="V29" s="261">
        <v>0</v>
      </c>
      <c r="W29" s="258">
        <v>0</v>
      </c>
      <c r="X29" s="263">
        <v>0</v>
      </c>
      <c r="Y29" s="257">
        <v>0</v>
      </c>
      <c r="Z29" s="261">
        <v>0</v>
      </c>
      <c r="AA29" s="258">
        <v>0</v>
      </c>
      <c r="AB29" s="260">
        <v>0</v>
      </c>
      <c r="AC29" s="261">
        <v>3</v>
      </c>
      <c r="AD29" s="261">
        <v>1</v>
      </c>
      <c r="AE29" s="261">
        <v>0</v>
      </c>
      <c r="AF29" s="261">
        <v>0</v>
      </c>
      <c r="AG29" s="261">
        <v>0</v>
      </c>
      <c r="AH29" s="258">
        <v>4</v>
      </c>
      <c r="AI29" s="263">
        <v>4</v>
      </c>
      <c r="AJ29" s="257">
        <v>0</v>
      </c>
      <c r="AK29" s="261">
        <v>0</v>
      </c>
      <c r="AL29" s="258">
        <v>0</v>
      </c>
      <c r="AM29" s="260">
        <v>0</v>
      </c>
      <c r="AN29" s="261">
        <v>0</v>
      </c>
      <c r="AO29" s="261">
        <v>1</v>
      </c>
      <c r="AP29" s="261">
        <v>1</v>
      </c>
      <c r="AQ29" s="261">
        <v>0</v>
      </c>
      <c r="AR29" s="261">
        <v>0</v>
      </c>
      <c r="AS29" s="258">
        <v>2</v>
      </c>
      <c r="AT29" s="263">
        <v>2</v>
      </c>
      <c r="AU29" s="257">
        <v>0</v>
      </c>
      <c r="AV29" s="261">
        <v>0</v>
      </c>
      <c r="AW29" s="258">
        <v>0</v>
      </c>
      <c r="AX29" s="260">
        <v>0</v>
      </c>
      <c r="AY29" s="261">
        <v>0</v>
      </c>
      <c r="AZ29" s="261">
        <v>0</v>
      </c>
      <c r="BA29" s="261">
        <v>0</v>
      </c>
      <c r="BB29" s="261">
        <v>0</v>
      </c>
      <c r="BC29" s="261">
        <v>0</v>
      </c>
      <c r="BD29" s="258">
        <v>0</v>
      </c>
      <c r="BE29" s="263">
        <v>0</v>
      </c>
      <c r="BF29" s="257">
        <v>0</v>
      </c>
      <c r="BG29" s="261">
        <v>0</v>
      </c>
      <c r="BH29" s="258">
        <v>0</v>
      </c>
      <c r="BI29" s="260">
        <v>0</v>
      </c>
      <c r="BJ29" s="261">
        <v>0</v>
      </c>
      <c r="BK29" s="261">
        <v>0</v>
      </c>
      <c r="BL29" s="261">
        <v>0</v>
      </c>
      <c r="BM29" s="261">
        <v>0</v>
      </c>
      <c r="BN29" s="261">
        <v>0</v>
      </c>
      <c r="BO29" s="262">
        <v>0</v>
      </c>
      <c r="BP29" s="263">
        <v>0</v>
      </c>
      <c r="BQ29" s="257">
        <v>0</v>
      </c>
      <c r="BR29" s="261">
        <v>0</v>
      </c>
      <c r="BS29" s="258">
        <v>0</v>
      </c>
      <c r="BT29" s="260">
        <v>0</v>
      </c>
      <c r="BU29" s="261">
        <v>0</v>
      </c>
      <c r="BV29" s="261">
        <v>0</v>
      </c>
      <c r="BW29" s="261">
        <v>0</v>
      </c>
      <c r="BX29" s="261">
        <v>0</v>
      </c>
      <c r="BY29" s="261">
        <v>0</v>
      </c>
      <c r="BZ29" s="258">
        <v>0</v>
      </c>
      <c r="CA29" s="263">
        <v>0</v>
      </c>
      <c r="CB29" s="257">
        <v>0</v>
      </c>
      <c r="CC29" s="261">
        <v>0</v>
      </c>
      <c r="CD29" s="258">
        <v>0</v>
      </c>
      <c r="CE29" s="260">
        <v>0</v>
      </c>
      <c r="CF29" s="261">
        <v>0</v>
      </c>
      <c r="CG29" s="261">
        <v>0</v>
      </c>
      <c r="CH29" s="261">
        <v>0</v>
      </c>
      <c r="CI29" s="261">
        <v>0</v>
      </c>
      <c r="CJ29" s="261">
        <v>0</v>
      </c>
      <c r="CK29" s="258">
        <v>0</v>
      </c>
      <c r="CL29" s="263">
        <v>0</v>
      </c>
      <c r="CM29" s="257">
        <v>0</v>
      </c>
      <c r="CN29" s="261">
        <v>0</v>
      </c>
      <c r="CO29" s="258">
        <v>0</v>
      </c>
      <c r="CP29" s="260">
        <v>0</v>
      </c>
      <c r="CQ29" s="261">
        <v>0</v>
      </c>
      <c r="CR29" s="261">
        <v>0</v>
      </c>
      <c r="CS29" s="261">
        <v>0</v>
      </c>
      <c r="CT29" s="261">
        <v>0</v>
      </c>
      <c r="CU29" s="261">
        <v>0</v>
      </c>
      <c r="CV29" s="258">
        <v>0</v>
      </c>
      <c r="CW29" s="263">
        <v>0</v>
      </c>
    </row>
    <row r="30" spans="2:101" ht="21" customHeight="1" x14ac:dyDescent="0.2">
      <c r="B30" s="472" t="s">
        <v>28</v>
      </c>
      <c r="C30" s="257">
        <v>0</v>
      </c>
      <c r="D30" s="258">
        <v>0</v>
      </c>
      <c r="E30" s="259">
        <v>0</v>
      </c>
      <c r="F30" s="260">
        <v>0</v>
      </c>
      <c r="G30" s="261">
        <v>0</v>
      </c>
      <c r="H30" s="261">
        <v>0</v>
      </c>
      <c r="I30" s="261">
        <v>0</v>
      </c>
      <c r="J30" s="261">
        <v>0</v>
      </c>
      <c r="K30" s="261">
        <v>0</v>
      </c>
      <c r="L30" s="262">
        <v>0</v>
      </c>
      <c r="M30" s="263">
        <v>0</v>
      </c>
      <c r="N30" s="257">
        <v>0</v>
      </c>
      <c r="O30" s="261">
        <v>0</v>
      </c>
      <c r="P30" s="258">
        <v>0</v>
      </c>
      <c r="Q30" s="260">
        <v>0</v>
      </c>
      <c r="R30" s="261">
        <v>0</v>
      </c>
      <c r="S30" s="261">
        <v>0</v>
      </c>
      <c r="T30" s="261">
        <v>0</v>
      </c>
      <c r="U30" s="261">
        <v>0</v>
      </c>
      <c r="V30" s="261">
        <v>0</v>
      </c>
      <c r="W30" s="258">
        <v>0</v>
      </c>
      <c r="X30" s="263">
        <v>0</v>
      </c>
      <c r="Y30" s="257">
        <v>0</v>
      </c>
      <c r="Z30" s="261">
        <v>0</v>
      </c>
      <c r="AA30" s="258">
        <v>0</v>
      </c>
      <c r="AB30" s="260">
        <v>0</v>
      </c>
      <c r="AC30" s="261">
        <v>4</v>
      </c>
      <c r="AD30" s="261">
        <v>1</v>
      </c>
      <c r="AE30" s="261">
        <v>0</v>
      </c>
      <c r="AF30" s="261">
        <v>0</v>
      </c>
      <c r="AG30" s="261">
        <v>0</v>
      </c>
      <c r="AH30" s="258">
        <v>5</v>
      </c>
      <c r="AI30" s="263">
        <v>5</v>
      </c>
      <c r="AJ30" s="257">
        <v>0</v>
      </c>
      <c r="AK30" s="261">
        <v>0</v>
      </c>
      <c r="AL30" s="258">
        <v>0</v>
      </c>
      <c r="AM30" s="260">
        <v>0</v>
      </c>
      <c r="AN30" s="261">
        <v>0</v>
      </c>
      <c r="AO30" s="261">
        <v>0</v>
      </c>
      <c r="AP30" s="261">
        <v>0</v>
      </c>
      <c r="AQ30" s="261">
        <v>0</v>
      </c>
      <c r="AR30" s="261">
        <v>0</v>
      </c>
      <c r="AS30" s="258">
        <v>0</v>
      </c>
      <c r="AT30" s="263">
        <v>0</v>
      </c>
      <c r="AU30" s="257">
        <v>0</v>
      </c>
      <c r="AV30" s="261">
        <v>0</v>
      </c>
      <c r="AW30" s="258">
        <v>0</v>
      </c>
      <c r="AX30" s="260">
        <v>0</v>
      </c>
      <c r="AY30" s="261">
        <v>0</v>
      </c>
      <c r="AZ30" s="261">
        <v>0</v>
      </c>
      <c r="BA30" s="261">
        <v>0</v>
      </c>
      <c r="BB30" s="261">
        <v>0</v>
      </c>
      <c r="BC30" s="261">
        <v>0</v>
      </c>
      <c r="BD30" s="258">
        <v>0</v>
      </c>
      <c r="BE30" s="263">
        <v>0</v>
      </c>
      <c r="BF30" s="257">
        <v>0</v>
      </c>
      <c r="BG30" s="261">
        <v>0</v>
      </c>
      <c r="BH30" s="258">
        <v>0</v>
      </c>
      <c r="BI30" s="260">
        <v>0</v>
      </c>
      <c r="BJ30" s="261">
        <v>0</v>
      </c>
      <c r="BK30" s="261">
        <v>1</v>
      </c>
      <c r="BL30" s="261">
        <v>0</v>
      </c>
      <c r="BM30" s="261">
        <v>0</v>
      </c>
      <c r="BN30" s="261">
        <v>0</v>
      </c>
      <c r="BO30" s="262">
        <v>1</v>
      </c>
      <c r="BP30" s="263">
        <v>1</v>
      </c>
      <c r="BQ30" s="257">
        <v>0</v>
      </c>
      <c r="BR30" s="261">
        <v>0</v>
      </c>
      <c r="BS30" s="258">
        <v>0</v>
      </c>
      <c r="BT30" s="260">
        <v>0</v>
      </c>
      <c r="BU30" s="261">
        <v>0</v>
      </c>
      <c r="BV30" s="261">
        <v>0</v>
      </c>
      <c r="BW30" s="261">
        <v>0</v>
      </c>
      <c r="BX30" s="261">
        <v>0</v>
      </c>
      <c r="BY30" s="261">
        <v>0</v>
      </c>
      <c r="BZ30" s="258">
        <v>0</v>
      </c>
      <c r="CA30" s="263">
        <v>0</v>
      </c>
      <c r="CB30" s="257">
        <v>0</v>
      </c>
      <c r="CC30" s="261">
        <v>0</v>
      </c>
      <c r="CD30" s="258">
        <v>0</v>
      </c>
      <c r="CE30" s="260">
        <v>0</v>
      </c>
      <c r="CF30" s="261">
        <v>0</v>
      </c>
      <c r="CG30" s="261">
        <v>0</v>
      </c>
      <c r="CH30" s="261">
        <v>0</v>
      </c>
      <c r="CI30" s="261">
        <v>0</v>
      </c>
      <c r="CJ30" s="261">
        <v>0</v>
      </c>
      <c r="CK30" s="258">
        <v>0</v>
      </c>
      <c r="CL30" s="263">
        <v>0</v>
      </c>
      <c r="CM30" s="257">
        <v>0</v>
      </c>
      <c r="CN30" s="261">
        <v>0</v>
      </c>
      <c r="CO30" s="258">
        <v>0</v>
      </c>
      <c r="CP30" s="260">
        <v>0</v>
      </c>
      <c r="CQ30" s="261">
        <v>0</v>
      </c>
      <c r="CR30" s="261">
        <v>0</v>
      </c>
      <c r="CS30" s="261">
        <v>0</v>
      </c>
      <c r="CT30" s="261">
        <v>0</v>
      </c>
      <c r="CU30" s="261">
        <v>0</v>
      </c>
      <c r="CV30" s="258">
        <v>0</v>
      </c>
      <c r="CW30" s="263">
        <v>0</v>
      </c>
    </row>
    <row r="31" spans="2:101" ht="21" customHeight="1" x14ac:dyDescent="0.2">
      <c r="B31" s="472" t="s">
        <v>29</v>
      </c>
      <c r="C31" s="257">
        <v>0</v>
      </c>
      <c r="D31" s="258">
        <v>0</v>
      </c>
      <c r="E31" s="259">
        <v>0</v>
      </c>
      <c r="F31" s="260">
        <v>0</v>
      </c>
      <c r="G31" s="261">
        <v>1</v>
      </c>
      <c r="H31" s="261">
        <v>0</v>
      </c>
      <c r="I31" s="261">
        <v>0</v>
      </c>
      <c r="J31" s="261">
        <v>0</v>
      </c>
      <c r="K31" s="261">
        <v>0</v>
      </c>
      <c r="L31" s="262">
        <v>1</v>
      </c>
      <c r="M31" s="263">
        <v>1</v>
      </c>
      <c r="N31" s="257">
        <v>0</v>
      </c>
      <c r="O31" s="261">
        <v>0</v>
      </c>
      <c r="P31" s="258">
        <v>0</v>
      </c>
      <c r="Q31" s="260">
        <v>0</v>
      </c>
      <c r="R31" s="261">
        <v>0</v>
      </c>
      <c r="S31" s="261">
        <v>0</v>
      </c>
      <c r="T31" s="261">
        <v>0</v>
      </c>
      <c r="U31" s="261">
        <v>0</v>
      </c>
      <c r="V31" s="261">
        <v>0</v>
      </c>
      <c r="W31" s="258">
        <v>0</v>
      </c>
      <c r="X31" s="263">
        <v>0</v>
      </c>
      <c r="Y31" s="257">
        <v>0</v>
      </c>
      <c r="Z31" s="261">
        <v>0</v>
      </c>
      <c r="AA31" s="258">
        <v>0</v>
      </c>
      <c r="AB31" s="260">
        <v>0</v>
      </c>
      <c r="AC31" s="261">
        <v>2</v>
      </c>
      <c r="AD31" s="261">
        <v>0</v>
      </c>
      <c r="AE31" s="261">
        <v>0</v>
      </c>
      <c r="AF31" s="261">
        <v>1</v>
      </c>
      <c r="AG31" s="261">
        <v>0</v>
      </c>
      <c r="AH31" s="258">
        <v>3</v>
      </c>
      <c r="AI31" s="263">
        <v>3</v>
      </c>
      <c r="AJ31" s="257">
        <v>0</v>
      </c>
      <c r="AK31" s="261">
        <v>0</v>
      </c>
      <c r="AL31" s="258">
        <v>0</v>
      </c>
      <c r="AM31" s="260">
        <v>0</v>
      </c>
      <c r="AN31" s="261">
        <v>0</v>
      </c>
      <c r="AO31" s="261">
        <v>0</v>
      </c>
      <c r="AP31" s="261">
        <v>0</v>
      </c>
      <c r="AQ31" s="261">
        <v>0</v>
      </c>
      <c r="AR31" s="261">
        <v>0</v>
      </c>
      <c r="AS31" s="258">
        <v>0</v>
      </c>
      <c r="AT31" s="263">
        <v>0</v>
      </c>
      <c r="AU31" s="257">
        <v>0</v>
      </c>
      <c r="AV31" s="261">
        <v>0</v>
      </c>
      <c r="AW31" s="258">
        <v>0</v>
      </c>
      <c r="AX31" s="260">
        <v>0</v>
      </c>
      <c r="AY31" s="261">
        <v>3</v>
      </c>
      <c r="AZ31" s="261">
        <v>1</v>
      </c>
      <c r="BA31" s="261">
        <v>0</v>
      </c>
      <c r="BB31" s="261">
        <v>0</v>
      </c>
      <c r="BC31" s="261">
        <v>0</v>
      </c>
      <c r="BD31" s="258">
        <v>4</v>
      </c>
      <c r="BE31" s="263">
        <v>4</v>
      </c>
      <c r="BF31" s="257">
        <v>0</v>
      </c>
      <c r="BG31" s="261">
        <v>0</v>
      </c>
      <c r="BH31" s="258">
        <v>0</v>
      </c>
      <c r="BI31" s="260">
        <v>0</v>
      </c>
      <c r="BJ31" s="261">
        <v>0</v>
      </c>
      <c r="BK31" s="261">
        <v>0</v>
      </c>
      <c r="BL31" s="261">
        <v>0</v>
      </c>
      <c r="BM31" s="261">
        <v>0</v>
      </c>
      <c r="BN31" s="261">
        <v>0</v>
      </c>
      <c r="BO31" s="262">
        <v>0</v>
      </c>
      <c r="BP31" s="263">
        <v>0</v>
      </c>
      <c r="BQ31" s="257">
        <v>0</v>
      </c>
      <c r="BR31" s="261">
        <v>0</v>
      </c>
      <c r="BS31" s="258">
        <v>0</v>
      </c>
      <c r="BT31" s="260">
        <v>0</v>
      </c>
      <c r="BU31" s="261">
        <v>0</v>
      </c>
      <c r="BV31" s="261">
        <v>0</v>
      </c>
      <c r="BW31" s="261">
        <v>0</v>
      </c>
      <c r="BX31" s="261">
        <v>0</v>
      </c>
      <c r="BY31" s="261">
        <v>0</v>
      </c>
      <c r="BZ31" s="258">
        <v>0</v>
      </c>
      <c r="CA31" s="263">
        <v>0</v>
      </c>
      <c r="CB31" s="257">
        <v>0</v>
      </c>
      <c r="CC31" s="261">
        <v>0</v>
      </c>
      <c r="CD31" s="258">
        <v>0</v>
      </c>
      <c r="CE31" s="260">
        <v>0</v>
      </c>
      <c r="CF31" s="261">
        <v>0</v>
      </c>
      <c r="CG31" s="261">
        <v>0</v>
      </c>
      <c r="CH31" s="261">
        <v>0</v>
      </c>
      <c r="CI31" s="261">
        <v>1</v>
      </c>
      <c r="CJ31" s="261">
        <v>0</v>
      </c>
      <c r="CK31" s="258">
        <v>1</v>
      </c>
      <c r="CL31" s="263">
        <v>1</v>
      </c>
      <c r="CM31" s="257">
        <v>0</v>
      </c>
      <c r="CN31" s="261">
        <v>0</v>
      </c>
      <c r="CO31" s="258">
        <v>0</v>
      </c>
      <c r="CP31" s="260">
        <v>0</v>
      </c>
      <c r="CQ31" s="261">
        <v>0</v>
      </c>
      <c r="CR31" s="261">
        <v>0</v>
      </c>
      <c r="CS31" s="261">
        <v>0</v>
      </c>
      <c r="CT31" s="261">
        <v>0</v>
      </c>
      <c r="CU31" s="261">
        <v>0</v>
      </c>
      <c r="CV31" s="258">
        <v>0</v>
      </c>
      <c r="CW31" s="263">
        <v>0</v>
      </c>
    </row>
    <row r="32" spans="2:101" ht="21" customHeight="1" x14ac:dyDescent="0.2">
      <c r="B32" s="472" t="s">
        <v>30</v>
      </c>
      <c r="C32" s="257">
        <v>0</v>
      </c>
      <c r="D32" s="258">
        <v>0</v>
      </c>
      <c r="E32" s="259">
        <v>0</v>
      </c>
      <c r="F32" s="260">
        <v>0</v>
      </c>
      <c r="G32" s="261">
        <v>0</v>
      </c>
      <c r="H32" s="261">
        <v>0</v>
      </c>
      <c r="I32" s="261">
        <v>0</v>
      </c>
      <c r="J32" s="261">
        <v>0</v>
      </c>
      <c r="K32" s="261">
        <v>0</v>
      </c>
      <c r="L32" s="262">
        <v>0</v>
      </c>
      <c r="M32" s="263">
        <v>0</v>
      </c>
      <c r="N32" s="257">
        <v>0</v>
      </c>
      <c r="O32" s="261">
        <v>0</v>
      </c>
      <c r="P32" s="258">
        <v>0</v>
      </c>
      <c r="Q32" s="260">
        <v>0</v>
      </c>
      <c r="R32" s="261">
        <v>0</v>
      </c>
      <c r="S32" s="261">
        <v>0</v>
      </c>
      <c r="T32" s="261">
        <v>0</v>
      </c>
      <c r="U32" s="261">
        <v>0</v>
      </c>
      <c r="V32" s="261">
        <v>0</v>
      </c>
      <c r="W32" s="258">
        <v>0</v>
      </c>
      <c r="X32" s="263">
        <v>0</v>
      </c>
      <c r="Y32" s="257">
        <v>0</v>
      </c>
      <c r="Z32" s="261">
        <v>0</v>
      </c>
      <c r="AA32" s="258">
        <v>0</v>
      </c>
      <c r="AB32" s="260">
        <v>0</v>
      </c>
      <c r="AC32" s="261">
        <v>2</v>
      </c>
      <c r="AD32" s="261">
        <v>0</v>
      </c>
      <c r="AE32" s="261">
        <v>0</v>
      </c>
      <c r="AF32" s="261">
        <v>0</v>
      </c>
      <c r="AG32" s="261">
        <v>0</v>
      </c>
      <c r="AH32" s="258">
        <v>2</v>
      </c>
      <c r="AI32" s="263">
        <v>2</v>
      </c>
      <c r="AJ32" s="257">
        <v>0</v>
      </c>
      <c r="AK32" s="261">
        <v>0</v>
      </c>
      <c r="AL32" s="258">
        <v>0</v>
      </c>
      <c r="AM32" s="260">
        <v>0</v>
      </c>
      <c r="AN32" s="261">
        <v>0</v>
      </c>
      <c r="AO32" s="261">
        <v>1</v>
      </c>
      <c r="AP32" s="261">
        <v>0</v>
      </c>
      <c r="AQ32" s="261">
        <v>0</v>
      </c>
      <c r="AR32" s="261">
        <v>0</v>
      </c>
      <c r="AS32" s="258">
        <v>1</v>
      </c>
      <c r="AT32" s="263">
        <v>1</v>
      </c>
      <c r="AU32" s="257">
        <v>0</v>
      </c>
      <c r="AV32" s="261">
        <v>0</v>
      </c>
      <c r="AW32" s="258">
        <v>0</v>
      </c>
      <c r="AX32" s="260">
        <v>0</v>
      </c>
      <c r="AY32" s="261">
        <v>0</v>
      </c>
      <c r="AZ32" s="261">
        <v>0</v>
      </c>
      <c r="BA32" s="261">
        <v>0</v>
      </c>
      <c r="BB32" s="261">
        <v>0</v>
      </c>
      <c r="BC32" s="261">
        <v>0</v>
      </c>
      <c r="BD32" s="258">
        <v>0</v>
      </c>
      <c r="BE32" s="263">
        <v>0</v>
      </c>
      <c r="BF32" s="257">
        <v>0</v>
      </c>
      <c r="BG32" s="261">
        <v>0</v>
      </c>
      <c r="BH32" s="258">
        <v>0</v>
      </c>
      <c r="BI32" s="260">
        <v>0</v>
      </c>
      <c r="BJ32" s="261">
        <v>0</v>
      </c>
      <c r="BK32" s="261">
        <v>0</v>
      </c>
      <c r="BL32" s="261">
        <v>0</v>
      </c>
      <c r="BM32" s="261">
        <v>0</v>
      </c>
      <c r="BN32" s="261">
        <v>0</v>
      </c>
      <c r="BO32" s="262">
        <v>0</v>
      </c>
      <c r="BP32" s="263">
        <v>0</v>
      </c>
      <c r="BQ32" s="257">
        <v>0</v>
      </c>
      <c r="BR32" s="261">
        <v>0</v>
      </c>
      <c r="BS32" s="258">
        <v>0</v>
      </c>
      <c r="BT32" s="260">
        <v>0</v>
      </c>
      <c r="BU32" s="261">
        <v>0</v>
      </c>
      <c r="BV32" s="261">
        <v>0</v>
      </c>
      <c r="BW32" s="261">
        <v>0</v>
      </c>
      <c r="BX32" s="261">
        <v>0</v>
      </c>
      <c r="BY32" s="261">
        <v>0</v>
      </c>
      <c r="BZ32" s="258">
        <v>0</v>
      </c>
      <c r="CA32" s="263">
        <v>0</v>
      </c>
      <c r="CB32" s="257">
        <v>0</v>
      </c>
      <c r="CC32" s="261">
        <v>0</v>
      </c>
      <c r="CD32" s="258">
        <v>0</v>
      </c>
      <c r="CE32" s="260">
        <v>0</v>
      </c>
      <c r="CF32" s="261">
        <v>0</v>
      </c>
      <c r="CG32" s="261">
        <v>0</v>
      </c>
      <c r="CH32" s="261">
        <v>0</v>
      </c>
      <c r="CI32" s="261">
        <v>0</v>
      </c>
      <c r="CJ32" s="261">
        <v>0</v>
      </c>
      <c r="CK32" s="258">
        <v>0</v>
      </c>
      <c r="CL32" s="263">
        <v>0</v>
      </c>
      <c r="CM32" s="257">
        <v>0</v>
      </c>
      <c r="CN32" s="261">
        <v>0</v>
      </c>
      <c r="CO32" s="258">
        <v>0</v>
      </c>
      <c r="CP32" s="260">
        <v>0</v>
      </c>
      <c r="CQ32" s="261">
        <v>0</v>
      </c>
      <c r="CR32" s="261">
        <v>0</v>
      </c>
      <c r="CS32" s="261">
        <v>0</v>
      </c>
      <c r="CT32" s="261">
        <v>0</v>
      </c>
      <c r="CU32" s="261">
        <v>0</v>
      </c>
      <c r="CV32" s="258">
        <v>0</v>
      </c>
      <c r="CW32" s="263">
        <v>0</v>
      </c>
    </row>
    <row r="33" spans="2:101" ht="21" customHeight="1" x14ac:dyDescent="0.2">
      <c r="B33" s="472" t="s">
        <v>31</v>
      </c>
      <c r="C33" s="257">
        <v>0</v>
      </c>
      <c r="D33" s="258">
        <v>0</v>
      </c>
      <c r="E33" s="259">
        <v>0</v>
      </c>
      <c r="F33" s="260">
        <v>0</v>
      </c>
      <c r="G33" s="261">
        <v>0</v>
      </c>
      <c r="H33" s="261">
        <v>1</v>
      </c>
      <c r="I33" s="261">
        <v>0</v>
      </c>
      <c r="J33" s="261">
        <v>0</v>
      </c>
      <c r="K33" s="261">
        <v>0</v>
      </c>
      <c r="L33" s="262">
        <v>1</v>
      </c>
      <c r="M33" s="263">
        <v>1</v>
      </c>
      <c r="N33" s="257">
        <v>0</v>
      </c>
      <c r="O33" s="261">
        <v>0</v>
      </c>
      <c r="P33" s="258">
        <v>0</v>
      </c>
      <c r="Q33" s="260">
        <v>0</v>
      </c>
      <c r="R33" s="261">
        <v>0</v>
      </c>
      <c r="S33" s="261">
        <v>0</v>
      </c>
      <c r="T33" s="261">
        <v>0</v>
      </c>
      <c r="U33" s="261">
        <v>0</v>
      </c>
      <c r="V33" s="261">
        <v>0</v>
      </c>
      <c r="W33" s="258">
        <v>0</v>
      </c>
      <c r="X33" s="263">
        <v>0</v>
      </c>
      <c r="Y33" s="257">
        <v>0</v>
      </c>
      <c r="Z33" s="261">
        <v>0</v>
      </c>
      <c r="AA33" s="258">
        <v>0</v>
      </c>
      <c r="AB33" s="260">
        <v>0</v>
      </c>
      <c r="AC33" s="261">
        <v>3</v>
      </c>
      <c r="AD33" s="261">
        <v>1</v>
      </c>
      <c r="AE33" s="261">
        <v>1</v>
      </c>
      <c r="AF33" s="261">
        <v>0</v>
      </c>
      <c r="AG33" s="261">
        <v>0</v>
      </c>
      <c r="AH33" s="258">
        <v>5</v>
      </c>
      <c r="AI33" s="263">
        <v>5</v>
      </c>
      <c r="AJ33" s="257">
        <v>0</v>
      </c>
      <c r="AK33" s="261">
        <v>0</v>
      </c>
      <c r="AL33" s="258">
        <v>0</v>
      </c>
      <c r="AM33" s="260">
        <v>0</v>
      </c>
      <c r="AN33" s="261">
        <v>0</v>
      </c>
      <c r="AO33" s="261">
        <v>0</v>
      </c>
      <c r="AP33" s="261">
        <v>0</v>
      </c>
      <c r="AQ33" s="261">
        <v>0</v>
      </c>
      <c r="AR33" s="261">
        <v>0</v>
      </c>
      <c r="AS33" s="258">
        <v>0</v>
      </c>
      <c r="AT33" s="263">
        <v>0</v>
      </c>
      <c r="AU33" s="257">
        <v>0</v>
      </c>
      <c r="AV33" s="261">
        <v>0</v>
      </c>
      <c r="AW33" s="258">
        <v>0</v>
      </c>
      <c r="AX33" s="260">
        <v>0</v>
      </c>
      <c r="AY33" s="261">
        <v>0</v>
      </c>
      <c r="AZ33" s="261">
        <v>1</v>
      </c>
      <c r="BA33" s="261">
        <v>0</v>
      </c>
      <c r="BB33" s="261">
        <v>0</v>
      </c>
      <c r="BC33" s="261">
        <v>0</v>
      </c>
      <c r="BD33" s="258">
        <v>1</v>
      </c>
      <c r="BE33" s="263">
        <v>1</v>
      </c>
      <c r="BF33" s="257">
        <v>0</v>
      </c>
      <c r="BG33" s="261">
        <v>0</v>
      </c>
      <c r="BH33" s="258">
        <v>0</v>
      </c>
      <c r="BI33" s="260">
        <v>0</v>
      </c>
      <c r="BJ33" s="261">
        <v>0</v>
      </c>
      <c r="BK33" s="261">
        <v>0</v>
      </c>
      <c r="BL33" s="261">
        <v>0</v>
      </c>
      <c r="BM33" s="261">
        <v>0</v>
      </c>
      <c r="BN33" s="261">
        <v>0</v>
      </c>
      <c r="BO33" s="262">
        <v>0</v>
      </c>
      <c r="BP33" s="263">
        <v>0</v>
      </c>
      <c r="BQ33" s="257">
        <v>0</v>
      </c>
      <c r="BR33" s="261">
        <v>0</v>
      </c>
      <c r="BS33" s="258">
        <v>0</v>
      </c>
      <c r="BT33" s="260">
        <v>0</v>
      </c>
      <c r="BU33" s="261">
        <v>0</v>
      </c>
      <c r="BV33" s="261">
        <v>0</v>
      </c>
      <c r="BW33" s="261">
        <v>0</v>
      </c>
      <c r="BX33" s="261">
        <v>0</v>
      </c>
      <c r="BY33" s="261">
        <v>0</v>
      </c>
      <c r="BZ33" s="258">
        <v>0</v>
      </c>
      <c r="CA33" s="263">
        <v>0</v>
      </c>
      <c r="CB33" s="257">
        <v>0</v>
      </c>
      <c r="CC33" s="261">
        <v>0</v>
      </c>
      <c r="CD33" s="258">
        <v>0</v>
      </c>
      <c r="CE33" s="260">
        <v>0</v>
      </c>
      <c r="CF33" s="261">
        <v>0</v>
      </c>
      <c r="CG33" s="261">
        <v>0</v>
      </c>
      <c r="CH33" s="261">
        <v>0</v>
      </c>
      <c r="CI33" s="261">
        <v>0</v>
      </c>
      <c r="CJ33" s="261">
        <v>0</v>
      </c>
      <c r="CK33" s="258">
        <v>0</v>
      </c>
      <c r="CL33" s="263">
        <v>0</v>
      </c>
      <c r="CM33" s="257">
        <v>0</v>
      </c>
      <c r="CN33" s="261">
        <v>0</v>
      </c>
      <c r="CO33" s="258">
        <v>0</v>
      </c>
      <c r="CP33" s="260">
        <v>0</v>
      </c>
      <c r="CQ33" s="261">
        <v>0</v>
      </c>
      <c r="CR33" s="261">
        <v>0</v>
      </c>
      <c r="CS33" s="261">
        <v>0</v>
      </c>
      <c r="CT33" s="261">
        <v>0</v>
      </c>
      <c r="CU33" s="261">
        <v>0</v>
      </c>
      <c r="CV33" s="258">
        <v>0</v>
      </c>
      <c r="CW33" s="263">
        <v>0</v>
      </c>
    </row>
    <row r="34" spans="2:101" ht="21" customHeight="1" x14ac:dyDescent="0.2">
      <c r="B34" s="472" t="s">
        <v>32</v>
      </c>
      <c r="C34" s="257">
        <v>0</v>
      </c>
      <c r="D34" s="258">
        <v>0</v>
      </c>
      <c r="E34" s="259">
        <v>0</v>
      </c>
      <c r="F34" s="260">
        <v>0</v>
      </c>
      <c r="G34" s="261">
        <v>0</v>
      </c>
      <c r="H34" s="261">
        <v>1</v>
      </c>
      <c r="I34" s="261">
        <v>0</v>
      </c>
      <c r="J34" s="261">
        <v>0</v>
      </c>
      <c r="K34" s="261">
        <v>0</v>
      </c>
      <c r="L34" s="262">
        <v>1</v>
      </c>
      <c r="M34" s="263">
        <v>1</v>
      </c>
      <c r="N34" s="257">
        <v>0</v>
      </c>
      <c r="O34" s="261">
        <v>0</v>
      </c>
      <c r="P34" s="258">
        <v>0</v>
      </c>
      <c r="Q34" s="260">
        <v>0</v>
      </c>
      <c r="R34" s="261">
        <v>0</v>
      </c>
      <c r="S34" s="261">
        <v>0</v>
      </c>
      <c r="T34" s="261">
        <v>0</v>
      </c>
      <c r="U34" s="261">
        <v>0</v>
      </c>
      <c r="V34" s="261">
        <v>0</v>
      </c>
      <c r="W34" s="258">
        <v>0</v>
      </c>
      <c r="X34" s="263">
        <v>0</v>
      </c>
      <c r="Y34" s="257">
        <v>0</v>
      </c>
      <c r="Z34" s="261">
        <v>0</v>
      </c>
      <c r="AA34" s="258">
        <v>0</v>
      </c>
      <c r="AB34" s="260">
        <v>0</v>
      </c>
      <c r="AC34" s="261">
        <v>2</v>
      </c>
      <c r="AD34" s="261">
        <v>0</v>
      </c>
      <c r="AE34" s="261">
        <v>1</v>
      </c>
      <c r="AF34" s="261">
        <v>0</v>
      </c>
      <c r="AG34" s="261">
        <v>0</v>
      </c>
      <c r="AH34" s="258">
        <v>3</v>
      </c>
      <c r="AI34" s="263">
        <v>3</v>
      </c>
      <c r="AJ34" s="257">
        <v>0</v>
      </c>
      <c r="AK34" s="261">
        <v>0</v>
      </c>
      <c r="AL34" s="258">
        <v>0</v>
      </c>
      <c r="AM34" s="260">
        <v>0</v>
      </c>
      <c r="AN34" s="261">
        <v>3</v>
      </c>
      <c r="AO34" s="261">
        <v>0</v>
      </c>
      <c r="AP34" s="261">
        <v>0</v>
      </c>
      <c r="AQ34" s="261">
        <v>0</v>
      </c>
      <c r="AR34" s="261">
        <v>0</v>
      </c>
      <c r="AS34" s="258">
        <v>3</v>
      </c>
      <c r="AT34" s="263">
        <v>3</v>
      </c>
      <c r="AU34" s="257">
        <v>0</v>
      </c>
      <c r="AV34" s="261">
        <v>0</v>
      </c>
      <c r="AW34" s="258">
        <v>0</v>
      </c>
      <c r="AX34" s="260">
        <v>0</v>
      </c>
      <c r="AY34" s="261">
        <v>0</v>
      </c>
      <c r="AZ34" s="261">
        <v>0</v>
      </c>
      <c r="BA34" s="261">
        <v>1</v>
      </c>
      <c r="BB34" s="261">
        <v>0</v>
      </c>
      <c r="BC34" s="261">
        <v>0</v>
      </c>
      <c r="BD34" s="258">
        <v>1</v>
      </c>
      <c r="BE34" s="263">
        <v>1</v>
      </c>
      <c r="BF34" s="257">
        <v>0</v>
      </c>
      <c r="BG34" s="261">
        <v>0</v>
      </c>
      <c r="BH34" s="258">
        <v>0</v>
      </c>
      <c r="BI34" s="260">
        <v>0</v>
      </c>
      <c r="BJ34" s="261">
        <v>0</v>
      </c>
      <c r="BK34" s="261">
        <v>0</v>
      </c>
      <c r="BL34" s="261">
        <v>0</v>
      </c>
      <c r="BM34" s="261">
        <v>0</v>
      </c>
      <c r="BN34" s="261">
        <v>1</v>
      </c>
      <c r="BO34" s="262">
        <v>1</v>
      </c>
      <c r="BP34" s="263">
        <v>1</v>
      </c>
      <c r="BQ34" s="257">
        <v>0</v>
      </c>
      <c r="BR34" s="261">
        <v>0</v>
      </c>
      <c r="BS34" s="258">
        <v>0</v>
      </c>
      <c r="BT34" s="260">
        <v>0</v>
      </c>
      <c r="BU34" s="261">
        <v>0</v>
      </c>
      <c r="BV34" s="261">
        <v>0</v>
      </c>
      <c r="BW34" s="261">
        <v>0</v>
      </c>
      <c r="BX34" s="261">
        <v>0</v>
      </c>
      <c r="BY34" s="261">
        <v>0</v>
      </c>
      <c r="BZ34" s="258">
        <v>0</v>
      </c>
      <c r="CA34" s="263">
        <v>0</v>
      </c>
      <c r="CB34" s="257">
        <v>0</v>
      </c>
      <c r="CC34" s="261">
        <v>0</v>
      </c>
      <c r="CD34" s="258">
        <v>0</v>
      </c>
      <c r="CE34" s="260">
        <v>0</v>
      </c>
      <c r="CF34" s="261">
        <v>0</v>
      </c>
      <c r="CG34" s="261">
        <v>0</v>
      </c>
      <c r="CH34" s="261">
        <v>0</v>
      </c>
      <c r="CI34" s="261">
        <v>0</v>
      </c>
      <c r="CJ34" s="261">
        <v>1</v>
      </c>
      <c r="CK34" s="258">
        <v>1</v>
      </c>
      <c r="CL34" s="263">
        <v>1</v>
      </c>
      <c r="CM34" s="257">
        <v>0</v>
      </c>
      <c r="CN34" s="261">
        <v>0</v>
      </c>
      <c r="CO34" s="258">
        <v>0</v>
      </c>
      <c r="CP34" s="260">
        <v>0</v>
      </c>
      <c r="CQ34" s="261">
        <v>0</v>
      </c>
      <c r="CR34" s="261">
        <v>0</v>
      </c>
      <c r="CS34" s="261">
        <v>0</v>
      </c>
      <c r="CT34" s="261">
        <v>0</v>
      </c>
      <c r="CU34" s="261">
        <v>0</v>
      </c>
      <c r="CV34" s="258">
        <v>0</v>
      </c>
      <c r="CW34" s="263">
        <v>0</v>
      </c>
    </row>
    <row r="35" spans="2:101" ht="21" customHeight="1" x14ac:dyDescent="0.2">
      <c r="B35" s="472" t="s">
        <v>33</v>
      </c>
      <c r="C35" s="257">
        <v>0</v>
      </c>
      <c r="D35" s="258">
        <v>0</v>
      </c>
      <c r="E35" s="259">
        <v>0</v>
      </c>
      <c r="F35" s="260">
        <v>0</v>
      </c>
      <c r="G35" s="261">
        <v>0</v>
      </c>
      <c r="H35" s="261">
        <v>0</v>
      </c>
      <c r="I35" s="261">
        <v>0</v>
      </c>
      <c r="J35" s="261">
        <v>0</v>
      </c>
      <c r="K35" s="261">
        <v>0</v>
      </c>
      <c r="L35" s="262">
        <v>0</v>
      </c>
      <c r="M35" s="263">
        <v>0</v>
      </c>
      <c r="N35" s="257">
        <v>0</v>
      </c>
      <c r="O35" s="261">
        <v>0</v>
      </c>
      <c r="P35" s="258">
        <v>0</v>
      </c>
      <c r="Q35" s="260">
        <v>0</v>
      </c>
      <c r="R35" s="261">
        <v>0</v>
      </c>
      <c r="S35" s="261">
        <v>0</v>
      </c>
      <c r="T35" s="261">
        <v>0</v>
      </c>
      <c r="U35" s="261">
        <v>0</v>
      </c>
      <c r="V35" s="261">
        <v>0</v>
      </c>
      <c r="W35" s="258">
        <v>0</v>
      </c>
      <c r="X35" s="263">
        <v>0</v>
      </c>
      <c r="Y35" s="257">
        <v>0</v>
      </c>
      <c r="Z35" s="261">
        <v>0</v>
      </c>
      <c r="AA35" s="258">
        <v>0</v>
      </c>
      <c r="AB35" s="260">
        <v>0</v>
      </c>
      <c r="AC35" s="261">
        <v>1</v>
      </c>
      <c r="AD35" s="261">
        <v>0</v>
      </c>
      <c r="AE35" s="261">
        <v>1</v>
      </c>
      <c r="AF35" s="261">
        <v>1</v>
      </c>
      <c r="AG35" s="261">
        <v>0</v>
      </c>
      <c r="AH35" s="258">
        <v>3</v>
      </c>
      <c r="AI35" s="263">
        <v>3</v>
      </c>
      <c r="AJ35" s="257">
        <v>0</v>
      </c>
      <c r="AK35" s="261">
        <v>0</v>
      </c>
      <c r="AL35" s="258">
        <v>0</v>
      </c>
      <c r="AM35" s="260">
        <v>0</v>
      </c>
      <c r="AN35" s="261">
        <v>0</v>
      </c>
      <c r="AO35" s="261">
        <v>0</v>
      </c>
      <c r="AP35" s="261">
        <v>0</v>
      </c>
      <c r="AQ35" s="261">
        <v>0</v>
      </c>
      <c r="AR35" s="261">
        <v>0</v>
      </c>
      <c r="AS35" s="258">
        <v>0</v>
      </c>
      <c r="AT35" s="263">
        <v>0</v>
      </c>
      <c r="AU35" s="257">
        <v>0</v>
      </c>
      <c r="AV35" s="261">
        <v>0</v>
      </c>
      <c r="AW35" s="258">
        <v>0</v>
      </c>
      <c r="AX35" s="260">
        <v>0</v>
      </c>
      <c r="AY35" s="261">
        <v>0</v>
      </c>
      <c r="AZ35" s="261">
        <v>0</v>
      </c>
      <c r="BA35" s="261">
        <v>0</v>
      </c>
      <c r="BB35" s="261">
        <v>0</v>
      </c>
      <c r="BC35" s="261">
        <v>0</v>
      </c>
      <c r="BD35" s="258">
        <v>0</v>
      </c>
      <c r="BE35" s="263">
        <v>0</v>
      </c>
      <c r="BF35" s="257">
        <v>0</v>
      </c>
      <c r="BG35" s="261">
        <v>0</v>
      </c>
      <c r="BH35" s="258">
        <v>0</v>
      </c>
      <c r="BI35" s="260">
        <v>0</v>
      </c>
      <c r="BJ35" s="261">
        <v>0</v>
      </c>
      <c r="BK35" s="261">
        <v>0</v>
      </c>
      <c r="BL35" s="261">
        <v>1</v>
      </c>
      <c r="BM35" s="261">
        <v>0</v>
      </c>
      <c r="BN35" s="261">
        <v>0</v>
      </c>
      <c r="BO35" s="262">
        <v>1</v>
      </c>
      <c r="BP35" s="263">
        <v>1</v>
      </c>
      <c r="BQ35" s="257">
        <v>0</v>
      </c>
      <c r="BR35" s="261">
        <v>0</v>
      </c>
      <c r="BS35" s="258">
        <v>0</v>
      </c>
      <c r="BT35" s="260">
        <v>0</v>
      </c>
      <c r="BU35" s="261">
        <v>0</v>
      </c>
      <c r="BV35" s="261">
        <v>0</v>
      </c>
      <c r="BW35" s="261">
        <v>0</v>
      </c>
      <c r="BX35" s="261">
        <v>0</v>
      </c>
      <c r="BY35" s="261">
        <v>0</v>
      </c>
      <c r="BZ35" s="258">
        <v>0</v>
      </c>
      <c r="CA35" s="263">
        <v>0</v>
      </c>
      <c r="CB35" s="257">
        <v>0</v>
      </c>
      <c r="CC35" s="261">
        <v>0</v>
      </c>
      <c r="CD35" s="258">
        <v>0</v>
      </c>
      <c r="CE35" s="260">
        <v>0</v>
      </c>
      <c r="CF35" s="261">
        <v>0</v>
      </c>
      <c r="CG35" s="261">
        <v>0</v>
      </c>
      <c r="CH35" s="261">
        <v>0</v>
      </c>
      <c r="CI35" s="261">
        <v>0</v>
      </c>
      <c r="CJ35" s="261">
        <v>0</v>
      </c>
      <c r="CK35" s="258">
        <v>0</v>
      </c>
      <c r="CL35" s="263">
        <v>0</v>
      </c>
      <c r="CM35" s="257">
        <v>0</v>
      </c>
      <c r="CN35" s="261">
        <v>0</v>
      </c>
      <c r="CO35" s="258">
        <v>0</v>
      </c>
      <c r="CP35" s="260">
        <v>0</v>
      </c>
      <c r="CQ35" s="261">
        <v>0</v>
      </c>
      <c r="CR35" s="261">
        <v>0</v>
      </c>
      <c r="CS35" s="261">
        <v>0</v>
      </c>
      <c r="CT35" s="261">
        <v>0</v>
      </c>
      <c r="CU35" s="261">
        <v>1</v>
      </c>
      <c r="CV35" s="258">
        <v>1</v>
      </c>
      <c r="CW35" s="263">
        <v>1</v>
      </c>
    </row>
    <row r="36" spans="2:101" ht="21" customHeight="1" x14ac:dyDescent="0.2">
      <c r="B36" s="472" t="s">
        <v>34</v>
      </c>
      <c r="C36" s="257">
        <v>0</v>
      </c>
      <c r="D36" s="258">
        <v>0</v>
      </c>
      <c r="E36" s="259">
        <v>0</v>
      </c>
      <c r="F36" s="260">
        <v>0</v>
      </c>
      <c r="G36" s="261">
        <v>0</v>
      </c>
      <c r="H36" s="261">
        <v>0</v>
      </c>
      <c r="I36" s="261">
        <v>0</v>
      </c>
      <c r="J36" s="261">
        <v>0</v>
      </c>
      <c r="K36" s="261">
        <v>0</v>
      </c>
      <c r="L36" s="262">
        <v>0</v>
      </c>
      <c r="M36" s="263">
        <v>0</v>
      </c>
      <c r="N36" s="257">
        <v>0</v>
      </c>
      <c r="O36" s="261">
        <v>0</v>
      </c>
      <c r="P36" s="258">
        <v>0</v>
      </c>
      <c r="Q36" s="260">
        <v>0</v>
      </c>
      <c r="R36" s="261">
        <v>0</v>
      </c>
      <c r="S36" s="261">
        <v>0</v>
      </c>
      <c r="T36" s="261">
        <v>0</v>
      </c>
      <c r="U36" s="261">
        <v>0</v>
      </c>
      <c r="V36" s="261">
        <v>0</v>
      </c>
      <c r="W36" s="258">
        <v>0</v>
      </c>
      <c r="X36" s="263">
        <v>0</v>
      </c>
      <c r="Y36" s="257">
        <v>0</v>
      </c>
      <c r="Z36" s="261">
        <v>0</v>
      </c>
      <c r="AA36" s="258">
        <v>0</v>
      </c>
      <c r="AB36" s="260">
        <v>0</v>
      </c>
      <c r="AC36" s="261">
        <v>0</v>
      </c>
      <c r="AD36" s="261">
        <v>0</v>
      </c>
      <c r="AE36" s="261">
        <v>0</v>
      </c>
      <c r="AF36" s="261">
        <v>0</v>
      </c>
      <c r="AG36" s="261">
        <v>0</v>
      </c>
      <c r="AH36" s="258">
        <v>0</v>
      </c>
      <c r="AI36" s="263">
        <v>0</v>
      </c>
      <c r="AJ36" s="257">
        <v>0</v>
      </c>
      <c r="AK36" s="261">
        <v>0</v>
      </c>
      <c r="AL36" s="258">
        <v>0</v>
      </c>
      <c r="AM36" s="260">
        <v>0</v>
      </c>
      <c r="AN36" s="261">
        <v>0</v>
      </c>
      <c r="AO36" s="261">
        <v>0</v>
      </c>
      <c r="AP36" s="261">
        <v>0</v>
      </c>
      <c r="AQ36" s="261">
        <v>0</v>
      </c>
      <c r="AR36" s="261">
        <v>0</v>
      </c>
      <c r="AS36" s="258">
        <v>0</v>
      </c>
      <c r="AT36" s="263">
        <v>0</v>
      </c>
      <c r="AU36" s="257">
        <v>0</v>
      </c>
      <c r="AV36" s="261">
        <v>0</v>
      </c>
      <c r="AW36" s="258">
        <v>0</v>
      </c>
      <c r="AX36" s="260">
        <v>0</v>
      </c>
      <c r="AY36" s="261">
        <v>1</v>
      </c>
      <c r="AZ36" s="261">
        <v>0</v>
      </c>
      <c r="BA36" s="261">
        <v>0</v>
      </c>
      <c r="BB36" s="261">
        <v>0</v>
      </c>
      <c r="BC36" s="261">
        <v>0</v>
      </c>
      <c r="BD36" s="258">
        <v>1</v>
      </c>
      <c r="BE36" s="263">
        <v>1</v>
      </c>
      <c r="BF36" s="257">
        <v>0</v>
      </c>
      <c r="BG36" s="261">
        <v>0</v>
      </c>
      <c r="BH36" s="258">
        <v>0</v>
      </c>
      <c r="BI36" s="260">
        <v>0</v>
      </c>
      <c r="BJ36" s="261">
        <v>0</v>
      </c>
      <c r="BK36" s="261">
        <v>0</v>
      </c>
      <c r="BL36" s="261">
        <v>0</v>
      </c>
      <c r="BM36" s="261">
        <v>0</v>
      </c>
      <c r="BN36" s="261">
        <v>0</v>
      </c>
      <c r="BO36" s="262">
        <v>0</v>
      </c>
      <c r="BP36" s="263">
        <v>0</v>
      </c>
      <c r="BQ36" s="257">
        <v>0</v>
      </c>
      <c r="BR36" s="261">
        <v>0</v>
      </c>
      <c r="BS36" s="258">
        <v>0</v>
      </c>
      <c r="BT36" s="260">
        <v>0</v>
      </c>
      <c r="BU36" s="261">
        <v>0</v>
      </c>
      <c r="BV36" s="261">
        <v>0</v>
      </c>
      <c r="BW36" s="261">
        <v>0</v>
      </c>
      <c r="BX36" s="261">
        <v>0</v>
      </c>
      <c r="BY36" s="261">
        <v>0</v>
      </c>
      <c r="BZ36" s="258">
        <v>0</v>
      </c>
      <c r="CA36" s="263">
        <v>0</v>
      </c>
      <c r="CB36" s="257">
        <v>0</v>
      </c>
      <c r="CC36" s="261">
        <v>0</v>
      </c>
      <c r="CD36" s="258">
        <v>0</v>
      </c>
      <c r="CE36" s="260">
        <v>0</v>
      </c>
      <c r="CF36" s="261">
        <v>0</v>
      </c>
      <c r="CG36" s="261">
        <v>0</v>
      </c>
      <c r="CH36" s="261">
        <v>0</v>
      </c>
      <c r="CI36" s="261">
        <v>0</v>
      </c>
      <c r="CJ36" s="261">
        <v>0</v>
      </c>
      <c r="CK36" s="258">
        <v>0</v>
      </c>
      <c r="CL36" s="263">
        <v>0</v>
      </c>
      <c r="CM36" s="257">
        <v>0</v>
      </c>
      <c r="CN36" s="261">
        <v>0</v>
      </c>
      <c r="CO36" s="258">
        <v>0</v>
      </c>
      <c r="CP36" s="260">
        <v>0</v>
      </c>
      <c r="CQ36" s="261">
        <v>0</v>
      </c>
      <c r="CR36" s="261">
        <v>0</v>
      </c>
      <c r="CS36" s="261">
        <v>1</v>
      </c>
      <c r="CT36" s="261">
        <v>0</v>
      </c>
      <c r="CU36" s="261">
        <v>0</v>
      </c>
      <c r="CV36" s="258">
        <v>1</v>
      </c>
      <c r="CW36" s="263">
        <v>1</v>
      </c>
    </row>
    <row r="37" spans="2:101" ht="21" customHeight="1" x14ac:dyDescent="0.2">
      <c r="B37" s="472" t="s">
        <v>35</v>
      </c>
      <c r="C37" s="257">
        <v>0</v>
      </c>
      <c r="D37" s="258">
        <v>0</v>
      </c>
      <c r="E37" s="259">
        <v>0</v>
      </c>
      <c r="F37" s="260">
        <v>0</v>
      </c>
      <c r="G37" s="261">
        <v>0</v>
      </c>
      <c r="H37" s="261">
        <v>0</v>
      </c>
      <c r="I37" s="261">
        <v>0</v>
      </c>
      <c r="J37" s="261">
        <v>0</v>
      </c>
      <c r="K37" s="261">
        <v>0</v>
      </c>
      <c r="L37" s="262">
        <v>0</v>
      </c>
      <c r="M37" s="263">
        <v>0</v>
      </c>
      <c r="N37" s="257">
        <v>0</v>
      </c>
      <c r="O37" s="261">
        <v>0</v>
      </c>
      <c r="P37" s="258">
        <v>0</v>
      </c>
      <c r="Q37" s="260">
        <v>0</v>
      </c>
      <c r="R37" s="261">
        <v>0</v>
      </c>
      <c r="S37" s="261">
        <v>0</v>
      </c>
      <c r="T37" s="261">
        <v>0</v>
      </c>
      <c r="U37" s="261">
        <v>0</v>
      </c>
      <c r="V37" s="261">
        <v>0</v>
      </c>
      <c r="W37" s="258">
        <v>0</v>
      </c>
      <c r="X37" s="263">
        <v>0</v>
      </c>
      <c r="Y37" s="257">
        <v>0</v>
      </c>
      <c r="Z37" s="261">
        <v>0</v>
      </c>
      <c r="AA37" s="258">
        <v>0</v>
      </c>
      <c r="AB37" s="260">
        <v>0</v>
      </c>
      <c r="AC37" s="261">
        <v>0</v>
      </c>
      <c r="AD37" s="261">
        <v>0</v>
      </c>
      <c r="AE37" s="261">
        <v>0</v>
      </c>
      <c r="AF37" s="261">
        <v>0</v>
      </c>
      <c r="AG37" s="261">
        <v>0</v>
      </c>
      <c r="AH37" s="258">
        <v>0</v>
      </c>
      <c r="AI37" s="263">
        <v>0</v>
      </c>
      <c r="AJ37" s="257">
        <v>0</v>
      </c>
      <c r="AK37" s="261">
        <v>0</v>
      </c>
      <c r="AL37" s="258">
        <v>0</v>
      </c>
      <c r="AM37" s="260">
        <v>0</v>
      </c>
      <c r="AN37" s="261">
        <v>0</v>
      </c>
      <c r="AO37" s="261">
        <v>0</v>
      </c>
      <c r="AP37" s="261">
        <v>0</v>
      </c>
      <c r="AQ37" s="261">
        <v>0</v>
      </c>
      <c r="AR37" s="261">
        <v>0</v>
      </c>
      <c r="AS37" s="258">
        <v>0</v>
      </c>
      <c r="AT37" s="263">
        <v>0</v>
      </c>
      <c r="AU37" s="257">
        <v>0</v>
      </c>
      <c r="AV37" s="261">
        <v>0</v>
      </c>
      <c r="AW37" s="258">
        <v>0</v>
      </c>
      <c r="AX37" s="260">
        <v>0</v>
      </c>
      <c r="AY37" s="261">
        <v>0</v>
      </c>
      <c r="AZ37" s="261">
        <v>0</v>
      </c>
      <c r="BA37" s="261">
        <v>0</v>
      </c>
      <c r="BB37" s="261">
        <v>0</v>
      </c>
      <c r="BC37" s="261">
        <v>1</v>
      </c>
      <c r="BD37" s="258">
        <v>1</v>
      </c>
      <c r="BE37" s="263">
        <v>1</v>
      </c>
      <c r="BF37" s="257">
        <v>0</v>
      </c>
      <c r="BG37" s="261">
        <v>0</v>
      </c>
      <c r="BH37" s="258">
        <v>0</v>
      </c>
      <c r="BI37" s="260">
        <v>0</v>
      </c>
      <c r="BJ37" s="261">
        <v>1</v>
      </c>
      <c r="BK37" s="261">
        <v>0</v>
      </c>
      <c r="BL37" s="261">
        <v>0</v>
      </c>
      <c r="BM37" s="261">
        <v>0</v>
      </c>
      <c r="BN37" s="261">
        <v>0</v>
      </c>
      <c r="BO37" s="262">
        <v>1</v>
      </c>
      <c r="BP37" s="263">
        <v>1</v>
      </c>
      <c r="BQ37" s="257">
        <v>0</v>
      </c>
      <c r="BR37" s="261">
        <v>0</v>
      </c>
      <c r="BS37" s="258">
        <v>0</v>
      </c>
      <c r="BT37" s="260">
        <v>0</v>
      </c>
      <c r="BU37" s="261">
        <v>0</v>
      </c>
      <c r="BV37" s="261">
        <v>0</v>
      </c>
      <c r="BW37" s="261">
        <v>0</v>
      </c>
      <c r="BX37" s="261">
        <v>0</v>
      </c>
      <c r="BY37" s="261">
        <v>0</v>
      </c>
      <c r="BZ37" s="258">
        <v>0</v>
      </c>
      <c r="CA37" s="263">
        <v>0</v>
      </c>
      <c r="CB37" s="257">
        <v>0</v>
      </c>
      <c r="CC37" s="261">
        <v>0</v>
      </c>
      <c r="CD37" s="258">
        <v>0</v>
      </c>
      <c r="CE37" s="260">
        <v>0</v>
      </c>
      <c r="CF37" s="261">
        <v>0</v>
      </c>
      <c r="CG37" s="261">
        <v>0</v>
      </c>
      <c r="CH37" s="261">
        <v>0</v>
      </c>
      <c r="CI37" s="261">
        <v>0</v>
      </c>
      <c r="CJ37" s="261">
        <v>0</v>
      </c>
      <c r="CK37" s="258">
        <v>0</v>
      </c>
      <c r="CL37" s="263">
        <v>0</v>
      </c>
      <c r="CM37" s="257">
        <v>0</v>
      </c>
      <c r="CN37" s="261">
        <v>0</v>
      </c>
      <c r="CO37" s="258">
        <v>0</v>
      </c>
      <c r="CP37" s="260">
        <v>0</v>
      </c>
      <c r="CQ37" s="261">
        <v>0</v>
      </c>
      <c r="CR37" s="261">
        <v>0</v>
      </c>
      <c r="CS37" s="261">
        <v>0</v>
      </c>
      <c r="CT37" s="261">
        <v>0</v>
      </c>
      <c r="CU37" s="261">
        <v>0</v>
      </c>
      <c r="CV37" s="258">
        <v>0</v>
      </c>
      <c r="CW37" s="263">
        <v>0</v>
      </c>
    </row>
    <row r="38" spans="2:101" ht="21" customHeight="1" x14ac:dyDescent="0.2">
      <c r="B38" s="472" t="s">
        <v>36</v>
      </c>
      <c r="C38" s="257">
        <v>0</v>
      </c>
      <c r="D38" s="258">
        <v>0</v>
      </c>
      <c r="E38" s="259">
        <v>0</v>
      </c>
      <c r="F38" s="260">
        <v>0</v>
      </c>
      <c r="G38" s="261">
        <v>0</v>
      </c>
      <c r="H38" s="261">
        <v>0</v>
      </c>
      <c r="I38" s="261">
        <v>0</v>
      </c>
      <c r="J38" s="261">
        <v>0</v>
      </c>
      <c r="K38" s="261">
        <v>0</v>
      </c>
      <c r="L38" s="262">
        <v>0</v>
      </c>
      <c r="M38" s="263">
        <v>0</v>
      </c>
      <c r="N38" s="257">
        <v>0</v>
      </c>
      <c r="O38" s="261">
        <v>0</v>
      </c>
      <c r="P38" s="258">
        <v>0</v>
      </c>
      <c r="Q38" s="260">
        <v>0</v>
      </c>
      <c r="R38" s="261">
        <v>0</v>
      </c>
      <c r="S38" s="261">
        <v>0</v>
      </c>
      <c r="T38" s="261">
        <v>0</v>
      </c>
      <c r="U38" s="261">
        <v>0</v>
      </c>
      <c r="V38" s="261">
        <v>0</v>
      </c>
      <c r="W38" s="258">
        <v>0</v>
      </c>
      <c r="X38" s="263">
        <v>0</v>
      </c>
      <c r="Y38" s="257">
        <v>0</v>
      </c>
      <c r="Z38" s="261">
        <v>0</v>
      </c>
      <c r="AA38" s="258">
        <v>0</v>
      </c>
      <c r="AB38" s="260">
        <v>0</v>
      </c>
      <c r="AC38" s="261">
        <v>1</v>
      </c>
      <c r="AD38" s="261">
        <v>0</v>
      </c>
      <c r="AE38" s="261">
        <v>0</v>
      </c>
      <c r="AF38" s="261">
        <v>0</v>
      </c>
      <c r="AG38" s="261">
        <v>0</v>
      </c>
      <c r="AH38" s="258">
        <v>1</v>
      </c>
      <c r="AI38" s="263">
        <v>1</v>
      </c>
      <c r="AJ38" s="257">
        <v>0</v>
      </c>
      <c r="AK38" s="261">
        <v>0</v>
      </c>
      <c r="AL38" s="258">
        <v>0</v>
      </c>
      <c r="AM38" s="260">
        <v>0</v>
      </c>
      <c r="AN38" s="261">
        <v>0</v>
      </c>
      <c r="AO38" s="261">
        <v>0</v>
      </c>
      <c r="AP38" s="261">
        <v>0</v>
      </c>
      <c r="AQ38" s="261">
        <v>0</v>
      </c>
      <c r="AR38" s="261">
        <v>0</v>
      </c>
      <c r="AS38" s="258">
        <v>0</v>
      </c>
      <c r="AT38" s="263">
        <v>0</v>
      </c>
      <c r="AU38" s="257">
        <v>0</v>
      </c>
      <c r="AV38" s="261">
        <v>0</v>
      </c>
      <c r="AW38" s="258">
        <v>0</v>
      </c>
      <c r="AX38" s="260">
        <v>0</v>
      </c>
      <c r="AY38" s="261">
        <v>0</v>
      </c>
      <c r="AZ38" s="261">
        <v>0</v>
      </c>
      <c r="BA38" s="261">
        <v>1</v>
      </c>
      <c r="BB38" s="261">
        <v>0</v>
      </c>
      <c r="BC38" s="261">
        <v>0</v>
      </c>
      <c r="BD38" s="258">
        <v>1</v>
      </c>
      <c r="BE38" s="263">
        <v>1</v>
      </c>
      <c r="BF38" s="257">
        <v>0</v>
      </c>
      <c r="BG38" s="261">
        <v>0</v>
      </c>
      <c r="BH38" s="258">
        <v>0</v>
      </c>
      <c r="BI38" s="260">
        <v>0</v>
      </c>
      <c r="BJ38" s="261">
        <v>0</v>
      </c>
      <c r="BK38" s="261">
        <v>1</v>
      </c>
      <c r="BL38" s="261">
        <v>1</v>
      </c>
      <c r="BM38" s="261">
        <v>0</v>
      </c>
      <c r="BN38" s="261">
        <v>1</v>
      </c>
      <c r="BO38" s="262">
        <v>3</v>
      </c>
      <c r="BP38" s="263">
        <v>3</v>
      </c>
      <c r="BQ38" s="257">
        <v>0</v>
      </c>
      <c r="BR38" s="261">
        <v>0</v>
      </c>
      <c r="BS38" s="258">
        <v>0</v>
      </c>
      <c r="BT38" s="260">
        <v>0</v>
      </c>
      <c r="BU38" s="261">
        <v>0</v>
      </c>
      <c r="BV38" s="261">
        <v>0</v>
      </c>
      <c r="BW38" s="261">
        <v>0</v>
      </c>
      <c r="BX38" s="261">
        <v>0</v>
      </c>
      <c r="BY38" s="261">
        <v>0</v>
      </c>
      <c r="BZ38" s="258">
        <v>0</v>
      </c>
      <c r="CA38" s="263">
        <v>0</v>
      </c>
      <c r="CB38" s="257">
        <v>0</v>
      </c>
      <c r="CC38" s="261">
        <v>0</v>
      </c>
      <c r="CD38" s="258">
        <v>0</v>
      </c>
      <c r="CE38" s="260">
        <v>0</v>
      </c>
      <c r="CF38" s="261">
        <v>0</v>
      </c>
      <c r="CG38" s="261">
        <v>0</v>
      </c>
      <c r="CH38" s="261">
        <v>0</v>
      </c>
      <c r="CI38" s="261">
        <v>0</v>
      </c>
      <c r="CJ38" s="261">
        <v>0</v>
      </c>
      <c r="CK38" s="258">
        <v>0</v>
      </c>
      <c r="CL38" s="263">
        <v>0</v>
      </c>
      <c r="CM38" s="257">
        <v>0</v>
      </c>
      <c r="CN38" s="261">
        <v>0</v>
      </c>
      <c r="CO38" s="258">
        <v>0</v>
      </c>
      <c r="CP38" s="260">
        <v>0</v>
      </c>
      <c r="CQ38" s="261">
        <v>0</v>
      </c>
      <c r="CR38" s="261">
        <v>0</v>
      </c>
      <c r="CS38" s="261">
        <v>0</v>
      </c>
      <c r="CT38" s="261">
        <v>0</v>
      </c>
      <c r="CU38" s="261">
        <v>0</v>
      </c>
      <c r="CV38" s="258">
        <v>0</v>
      </c>
      <c r="CW38" s="263">
        <v>0</v>
      </c>
    </row>
    <row r="39" spans="2:101" ht="21" customHeight="1" thickBot="1" x14ac:dyDescent="0.25">
      <c r="B39" s="473" t="s">
        <v>37</v>
      </c>
      <c r="C39" s="264">
        <v>0</v>
      </c>
      <c r="D39" s="265">
        <v>0</v>
      </c>
      <c r="E39" s="266">
        <v>0</v>
      </c>
      <c r="F39" s="267">
        <v>0</v>
      </c>
      <c r="G39" s="268">
        <v>0</v>
      </c>
      <c r="H39" s="268">
        <v>0</v>
      </c>
      <c r="I39" s="268">
        <v>0</v>
      </c>
      <c r="J39" s="268">
        <v>0</v>
      </c>
      <c r="K39" s="268">
        <v>0</v>
      </c>
      <c r="L39" s="269">
        <v>0</v>
      </c>
      <c r="M39" s="270">
        <v>0</v>
      </c>
      <c r="N39" s="264">
        <v>0</v>
      </c>
      <c r="O39" s="268">
        <v>0</v>
      </c>
      <c r="P39" s="265">
        <v>0</v>
      </c>
      <c r="Q39" s="267">
        <v>0</v>
      </c>
      <c r="R39" s="268">
        <v>0</v>
      </c>
      <c r="S39" s="268">
        <v>0</v>
      </c>
      <c r="T39" s="268">
        <v>0</v>
      </c>
      <c r="U39" s="268">
        <v>0</v>
      </c>
      <c r="V39" s="268">
        <v>0</v>
      </c>
      <c r="W39" s="265">
        <v>0</v>
      </c>
      <c r="X39" s="270">
        <v>0</v>
      </c>
      <c r="Y39" s="264">
        <v>0</v>
      </c>
      <c r="Z39" s="268">
        <v>0</v>
      </c>
      <c r="AA39" s="265">
        <v>0</v>
      </c>
      <c r="AB39" s="267">
        <v>0</v>
      </c>
      <c r="AC39" s="268">
        <v>0</v>
      </c>
      <c r="AD39" s="268">
        <v>0</v>
      </c>
      <c r="AE39" s="268">
        <v>0</v>
      </c>
      <c r="AF39" s="268">
        <v>0</v>
      </c>
      <c r="AG39" s="268">
        <v>1</v>
      </c>
      <c r="AH39" s="265">
        <v>1</v>
      </c>
      <c r="AI39" s="270">
        <v>1</v>
      </c>
      <c r="AJ39" s="264">
        <v>0</v>
      </c>
      <c r="AK39" s="268">
        <v>0</v>
      </c>
      <c r="AL39" s="265">
        <v>0</v>
      </c>
      <c r="AM39" s="267">
        <v>0</v>
      </c>
      <c r="AN39" s="268">
        <v>0</v>
      </c>
      <c r="AO39" s="268">
        <v>0</v>
      </c>
      <c r="AP39" s="268">
        <v>0</v>
      </c>
      <c r="AQ39" s="268">
        <v>0</v>
      </c>
      <c r="AR39" s="268">
        <v>0</v>
      </c>
      <c r="AS39" s="265">
        <v>0</v>
      </c>
      <c r="AT39" s="270">
        <v>0</v>
      </c>
      <c r="AU39" s="264">
        <v>0</v>
      </c>
      <c r="AV39" s="268">
        <v>0</v>
      </c>
      <c r="AW39" s="265">
        <v>0</v>
      </c>
      <c r="AX39" s="267">
        <v>0</v>
      </c>
      <c r="AY39" s="268">
        <v>0</v>
      </c>
      <c r="AZ39" s="268">
        <v>0</v>
      </c>
      <c r="BA39" s="268">
        <v>0</v>
      </c>
      <c r="BB39" s="268">
        <v>0</v>
      </c>
      <c r="BC39" s="268">
        <v>0</v>
      </c>
      <c r="BD39" s="265">
        <v>0</v>
      </c>
      <c r="BE39" s="270">
        <v>0</v>
      </c>
      <c r="BF39" s="264">
        <v>0</v>
      </c>
      <c r="BG39" s="268">
        <v>0</v>
      </c>
      <c r="BH39" s="265">
        <v>0</v>
      </c>
      <c r="BI39" s="267">
        <v>0</v>
      </c>
      <c r="BJ39" s="268">
        <v>0</v>
      </c>
      <c r="BK39" s="268">
        <v>0</v>
      </c>
      <c r="BL39" s="268">
        <v>0</v>
      </c>
      <c r="BM39" s="268">
        <v>0</v>
      </c>
      <c r="BN39" s="268">
        <v>0</v>
      </c>
      <c r="BO39" s="269">
        <v>0</v>
      </c>
      <c r="BP39" s="270">
        <v>0</v>
      </c>
      <c r="BQ39" s="264">
        <v>0</v>
      </c>
      <c r="BR39" s="268">
        <v>0</v>
      </c>
      <c r="BS39" s="265">
        <v>0</v>
      </c>
      <c r="BT39" s="267">
        <v>0</v>
      </c>
      <c r="BU39" s="268">
        <v>0</v>
      </c>
      <c r="BV39" s="268">
        <v>0</v>
      </c>
      <c r="BW39" s="268">
        <v>0</v>
      </c>
      <c r="BX39" s="268">
        <v>0</v>
      </c>
      <c r="BY39" s="268">
        <v>0</v>
      </c>
      <c r="BZ39" s="265">
        <v>0</v>
      </c>
      <c r="CA39" s="270">
        <v>0</v>
      </c>
      <c r="CB39" s="264">
        <v>0</v>
      </c>
      <c r="CC39" s="268">
        <v>0</v>
      </c>
      <c r="CD39" s="265">
        <v>0</v>
      </c>
      <c r="CE39" s="267">
        <v>0</v>
      </c>
      <c r="CF39" s="268">
        <v>0</v>
      </c>
      <c r="CG39" s="268">
        <v>0</v>
      </c>
      <c r="CH39" s="268">
        <v>0</v>
      </c>
      <c r="CI39" s="268">
        <v>0</v>
      </c>
      <c r="CJ39" s="268">
        <v>0</v>
      </c>
      <c r="CK39" s="265">
        <v>0</v>
      </c>
      <c r="CL39" s="270">
        <v>0</v>
      </c>
      <c r="CM39" s="264">
        <v>0</v>
      </c>
      <c r="CN39" s="268">
        <v>0</v>
      </c>
      <c r="CO39" s="265">
        <v>0</v>
      </c>
      <c r="CP39" s="267">
        <v>0</v>
      </c>
      <c r="CQ39" s="268">
        <v>0</v>
      </c>
      <c r="CR39" s="268">
        <v>0</v>
      </c>
      <c r="CS39" s="268">
        <v>0</v>
      </c>
      <c r="CT39" s="268">
        <v>0</v>
      </c>
      <c r="CU39" s="268">
        <v>0</v>
      </c>
      <c r="CV39" s="265">
        <v>0</v>
      </c>
      <c r="CW39" s="270">
        <v>0</v>
      </c>
    </row>
  </sheetData>
  <mergeCells count="39">
    <mergeCell ref="CW4:CW5"/>
    <mergeCell ref="CB3:CL3"/>
    <mergeCell ref="CM3:CW3"/>
    <mergeCell ref="I1:J1"/>
    <mergeCell ref="L1:M1"/>
    <mergeCell ref="BE4:BE5"/>
    <mergeCell ref="BF3:BP3"/>
    <mergeCell ref="BP4:BP5"/>
    <mergeCell ref="BQ3:CA3"/>
    <mergeCell ref="AJ4:AL4"/>
    <mergeCell ref="AJ3:AT3"/>
    <mergeCell ref="AU3:BE3"/>
    <mergeCell ref="CP4:CV4"/>
    <mergeCell ref="AM4:AS4"/>
    <mergeCell ref="AT4:AT5"/>
    <mergeCell ref="AU4:AW4"/>
    <mergeCell ref="B3:B5"/>
    <mergeCell ref="C3:M3"/>
    <mergeCell ref="N3:X3"/>
    <mergeCell ref="Y3:AI3"/>
    <mergeCell ref="C4:E4"/>
    <mergeCell ref="F4:L4"/>
    <mergeCell ref="M4:M5"/>
    <mergeCell ref="N4:P4"/>
    <mergeCell ref="Q4:W4"/>
    <mergeCell ref="X4:X5"/>
    <mergeCell ref="Y4:AA4"/>
    <mergeCell ref="AB4:AH4"/>
    <mergeCell ref="AI4:AI5"/>
    <mergeCell ref="CM4:CO4"/>
    <mergeCell ref="AX4:BD4"/>
    <mergeCell ref="BF4:BH4"/>
    <mergeCell ref="BI4:BO4"/>
    <mergeCell ref="CA4:CA5"/>
    <mergeCell ref="CL4:CL5"/>
    <mergeCell ref="BQ4:BS4"/>
    <mergeCell ref="BT4:BZ4"/>
    <mergeCell ref="CB4:CD4"/>
    <mergeCell ref="CE4:CK4"/>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6">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42" customWidth="1"/>
    <col min="3" max="4" width="9" style="242"/>
    <col min="5" max="5" width="10" style="242" customWidth="1"/>
    <col min="6" max="6" width="7.77734375" style="242" customWidth="1"/>
    <col min="7" max="7" width="10.77734375" style="242" customWidth="1"/>
    <col min="8" max="16" width="9" style="242"/>
    <col min="17" max="17" width="8" style="242" customWidth="1"/>
    <col min="18" max="16384" width="9" style="242"/>
  </cols>
  <sheetData>
    <row r="1" spans="2:24" ht="24" customHeight="1" x14ac:dyDescent="0.2">
      <c r="B1" s="271" t="s">
        <v>124</v>
      </c>
      <c r="H1" s="500">
        <f>第１表!F2</f>
        <v>5</v>
      </c>
      <c r="I1" s="500"/>
      <c r="J1" s="235">
        <f>第１表!G2</f>
        <v>12</v>
      </c>
      <c r="K1" s="505">
        <f>IF(J1&lt;3,J1+12-2,J1-2)</f>
        <v>10</v>
      </c>
      <c r="L1" s="505"/>
    </row>
    <row r="2" spans="2:24" ht="24" customHeight="1" thickBot="1" x14ac:dyDescent="0.25">
      <c r="B2" s="271" t="s">
        <v>131</v>
      </c>
    </row>
    <row r="3" spans="2:24" ht="21" customHeight="1" x14ac:dyDescent="0.2">
      <c r="B3" s="508"/>
      <c r="C3" s="509" t="s">
        <v>141</v>
      </c>
      <c r="D3" s="509"/>
      <c r="E3" s="509"/>
      <c r="F3" s="509"/>
      <c r="G3" s="509"/>
      <c r="H3" s="509"/>
      <c r="I3" s="509"/>
      <c r="J3" s="509"/>
      <c r="K3" s="509"/>
      <c r="L3" s="509"/>
      <c r="M3" s="541"/>
      <c r="N3" s="509" t="s">
        <v>113</v>
      </c>
      <c r="O3" s="509"/>
      <c r="P3" s="509"/>
      <c r="Q3" s="509"/>
      <c r="R3" s="509"/>
      <c r="S3" s="509"/>
      <c r="T3" s="509"/>
      <c r="U3" s="509"/>
      <c r="V3" s="509"/>
      <c r="W3" s="509"/>
      <c r="X3" s="541"/>
    </row>
    <row r="4" spans="2:24" ht="21" customHeight="1" x14ac:dyDescent="0.2">
      <c r="B4" s="547"/>
      <c r="C4" s="542" t="s">
        <v>61</v>
      </c>
      <c r="D4" s="542"/>
      <c r="E4" s="543"/>
      <c r="F4" s="544" t="s">
        <v>62</v>
      </c>
      <c r="G4" s="542"/>
      <c r="H4" s="542"/>
      <c r="I4" s="542"/>
      <c r="J4" s="542"/>
      <c r="K4" s="542"/>
      <c r="L4" s="545"/>
      <c r="M4" s="546" t="s">
        <v>52</v>
      </c>
      <c r="N4" s="542" t="s">
        <v>61</v>
      </c>
      <c r="O4" s="542"/>
      <c r="P4" s="543"/>
      <c r="Q4" s="544" t="s">
        <v>62</v>
      </c>
      <c r="R4" s="542"/>
      <c r="S4" s="542"/>
      <c r="T4" s="542"/>
      <c r="U4" s="542"/>
      <c r="V4" s="542"/>
      <c r="W4" s="545"/>
      <c r="X4" s="546" t="s">
        <v>52</v>
      </c>
    </row>
    <row r="5" spans="2:24" ht="30" customHeight="1" thickBot="1" x14ac:dyDescent="0.25">
      <c r="B5" s="548"/>
      <c r="C5" s="243" t="s">
        <v>43</v>
      </c>
      <c r="D5" s="243" t="s">
        <v>44</v>
      </c>
      <c r="E5" s="246" t="s">
        <v>45</v>
      </c>
      <c r="F5" s="248" t="s">
        <v>83</v>
      </c>
      <c r="G5" s="243" t="s">
        <v>47</v>
      </c>
      <c r="H5" s="243" t="s">
        <v>48</v>
      </c>
      <c r="I5" s="243" t="s">
        <v>49</v>
      </c>
      <c r="J5" s="243" t="s">
        <v>50</v>
      </c>
      <c r="K5" s="243" t="s">
        <v>51</v>
      </c>
      <c r="L5" s="246" t="s">
        <v>45</v>
      </c>
      <c r="M5" s="507"/>
      <c r="N5" s="243" t="s">
        <v>43</v>
      </c>
      <c r="O5" s="243" t="s">
        <v>44</v>
      </c>
      <c r="P5" s="246" t="s">
        <v>45</v>
      </c>
      <c r="Q5" s="248" t="s">
        <v>83</v>
      </c>
      <c r="R5" s="243" t="s">
        <v>47</v>
      </c>
      <c r="S5" s="243" t="s">
        <v>48</v>
      </c>
      <c r="T5" s="243" t="s">
        <v>49</v>
      </c>
      <c r="U5" s="243" t="s">
        <v>50</v>
      </c>
      <c r="V5" s="243" t="s">
        <v>51</v>
      </c>
      <c r="W5" s="246" t="s">
        <v>45</v>
      </c>
      <c r="X5" s="507"/>
    </row>
    <row r="6" spans="2:24" ht="21" customHeight="1" x14ac:dyDescent="0.2">
      <c r="B6" s="470" t="s">
        <v>4</v>
      </c>
      <c r="C6" s="254">
        <v>0</v>
      </c>
      <c r="D6" s="254">
        <v>8</v>
      </c>
      <c r="E6" s="251">
        <v>8</v>
      </c>
      <c r="F6" s="253">
        <v>0</v>
      </c>
      <c r="G6" s="254">
        <v>104801</v>
      </c>
      <c r="H6" s="254">
        <v>106563</v>
      </c>
      <c r="I6" s="254">
        <v>62777</v>
      </c>
      <c r="J6" s="254">
        <v>32937</v>
      </c>
      <c r="K6" s="254">
        <v>14785</v>
      </c>
      <c r="L6" s="251">
        <v>321863</v>
      </c>
      <c r="M6" s="256">
        <v>321871</v>
      </c>
      <c r="N6" s="254">
        <v>20</v>
      </c>
      <c r="O6" s="254">
        <v>49</v>
      </c>
      <c r="P6" s="251">
        <v>69</v>
      </c>
      <c r="Q6" s="253">
        <v>0</v>
      </c>
      <c r="R6" s="254">
        <v>6552</v>
      </c>
      <c r="S6" s="254">
        <v>9421</v>
      </c>
      <c r="T6" s="254">
        <v>12493</v>
      </c>
      <c r="U6" s="254">
        <v>6851</v>
      </c>
      <c r="V6" s="254">
        <v>5008</v>
      </c>
      <c r="W6" s="251">
        <v>40325</v>
      </c>
      <c r="X6" s="256">
        <v>40394</v>
      </c>
    </row>
    <row r="7" spans="2:24" ht="21" customHeight="1" x14ac:dyDescent="0.2">
      <c r="B7" s="471" t="s">
        <v>5</v>
      </c>
      <c r="C7" s="261">
        <v>0</v>
      </c>
      <c r="D7" s="261">
        <v>0</v>
      </c>
      <c r="E7" s="258">
        <v>0</v>
      </c>
      <c r="F7" s="260">
        <v>0</v>
      </c>
      <c r="G7" s="261">
        <v>36732</v>
      </c>
      <c r="H7" s="261">
        <v>50838</v>
      </c>
      <c r="I7" s="261">
        <v>29264</v>
      </c>
      <c r="J7" s="261">
        <v>15313</v>
      </c>
      <c r="K7" s="261">
        <v>6947</v>
      </c>
      <c r="L7" s="258">
        <v>139094</v>
      </c>
      <c r="M7" s="263">
        <v>139094</v>
      </c>
      <c r="N7" s="261">
        <v>10</v>
      </c>
      <c r="O7" s="261">
        <v>10</v>
      </c>
      <c r="P7" s="258">
        <v>20</v>
      </c>
      <c r="Q7" s="260">
        <v>0</v>
      </c>
      <c r="R7" s="261">
        <v>3169</v>
      </c>
      <c r="S7" s="261">
        <v>4769</v>
      </c>
      <c r="T7" s="261">
        <v>6344</v>
      </c>
      <c r="U7" s="261">
        <v>3879</v>
      </c>
      <c r="V7" s="261">
        <v>2658</v>
      </c>
      <c r="W7" s="258">
        <v>20819</v>
      </c>
      <c r="X7" s="263">
        <v>20839</v>
      </c>
    </row>
    <row r="8" spans="2:24" ht="21" customHeight="1" x14ac:dyDescent="0.2">
      <c r="B8" s="472" t="s">
        <v>6</v>
      </c>
      <c r="C8" s="261">
        <v>0</v>
      </c>
      <c r="D8" s="261">
        <v>0</v>
      </c>
      <c r="E8" s="258">
        <v>0</v>
      </c>
      <c r="F8" s="260">
        <v>0</v>
      </c>
      <c r="G8" s="261">
        <v>14412</v>
      </c>
      <c r="H8" s="261">
        <v>11375</v>
      </c>
      <c r="I8" s="261">
        <v>7605</v>
      </c>
      <c r="J8" s="261">
        <v>4502</v>
      </c>
      <c r="K8" s="261">
        <v>2000</v>
      </c>
      <c r="L8" s="258">
        <v>39894</v>
      </c>
      <c r="M8" s="263">
        <v>39894</v>
      </c>
      <c r="N8" s="261">
        <v>6</v>
      </c>
      <c r="O8" s="261">
        <v>9</v>
      </c>
      <c r="P8" s="258">
        <v>15</v>
      </c>
      <c r="Q8" s="260">
        <v>0</v>
      </c>
      <c r="R8" s="261">
        <v>1528</v>
      </c>
      <c r="S8" s="261">
        <v>2192</v>
      </c>
      <c r="T8" s="261">
        <v>2786</v>
      </c>
      <c r="U8" s="261">
        <v>1329</v>
      </c>
      <c r="V8" s="261">
        <v>1084</v>
      </c>
      <c r="W8" s="258">
        <v>8919</v>
      </c>
      <c r="X8" s="263">
        <v>8934</v>
      </c>
    </row>
    <row r="9" spans="2:24" ht="21" customHeight="1" x14ac:dyDescent="0.2">
      <c r="B9" s="472" t="s">
        <v>14</v>
      </c>
      <c r="C9" s="261">
        <v>0</v>
      </c>
      <c r="D9" s="261">
        <v>0</v>
      </c>
      <c r="E9" s="258">
        <v>0</v>
      </c>
      <c r="F9" s="260">
        <v>0</v>
      </c>
      <c r="G9" s="261">
        <v>8367</v>
      </c>
      <c r="H9" s="261">
        <v>9754</v>
      </c>
      <c r="I9" s="261">
        <v>5304</v>
      </c>
      <c r="J9" s="261">
        <v>2924</v>
      </c>
      <c r="K9" s="261">
        <v>1428</v>
      </c>
      <c r="L9" s="258">
        <v>27777</v>
      </c>
      <c r="M9" s="263">
        <v>27777</v>
      </c>
      <c r="N9" s="261">
        <v>0</v>
      </c>
      <c r="O9" s="261">
        <v>0</v>
      </c>
      <c r="P9" s="258">
        <v>0</v>
      </c>
      <c r="Q9" s="260">
        <v>0</v>
      </c>
      <c r="R9" s="261">
        <v>129</v>
      </c>
      <c r="S9" s="261">
        <v>171</v>
      </c>
      <c r="T9" s="261">
        <v>510</v>
      </c>
      <c r="U9" s="261">
        <v>205</v>
      </c>
      <c r="V9" s="261">
        <v>280</v>
      </c>
      <c r="W9" s="258">
        <v>1295</v>
      </c>
      <c r="X9" s="263">
        <v>1295</v>
      </c>
    </row>
    <row r="10" spans="2:24" ht="21" customHeight="1" x14ac:dyDescent="0.2">
      <c r="B10" s="472" t="s">
        <v>7</v>
      </c>
      <c r="C10" s="261">
        <v>0</v>
      </c>
      <c r="D10" s="261">
        <v>0</v>
      </c>
      <c r="E10" s="258">
        <v>0</v>
      </c>
      <c r="F10" s="260">
        <v>0</v>
      </c>
      <c r="G10" s="261">
        <v>8571</v>
      </c>
      <c r="H10" s="261">
        <v>5540</v>
      </c>
      <c r="I10" s="261">
        <v>2591</v>
      </c>
      <c r="J10" s="261">
        <v>1012</v>
      </c>
      <c r="K10" s="261">
        <v>499</v>
      </c>
      <c r="L10" s="258">
        <v>18213</v>
      </c>
      <c r="M10" s="263">
        <v>18213</v>
      </c>
      <c r="N10" s="261">
        <v>0</v>
      </c>
      <c r="O10" s="261">
        <v>4</v>
      </c>
      <c r="P10" s="258">
        <v>4</v>
      </c>
      <c r="Q10" s="260">
        <v>0</v>
      </c>
      <c r="R10" s="261">
        <v>737</v>
      </c>
      <c r="S10" s="261">
        <v>946</v>
      </c>
      <c r="T10" s="261">
        <v>1118</v>
      </c>
      <c r="U10" s="261">
        <v>439</v>
      </c>
      <c r="V10" s="261">
        <v>147</v>
      </c>
      <c r="W10" s="258">
        <v>3387</v>
      </c>
      <c r="X10" s="263">
        <v>3391</v>
      </c>
    </row>
    <row r="11" spans="2:24" ht="21" customHeight="1" x14ac:dyDescent="0.2">
      <c r="B11" s="472" t="s">
        <v>8</v>
      </c>
      <c r="C11" s="261">
        <v>0</v>
      </c>
      <c r="D11" s="261">
        <v>0</v>
      </c>
      <c r="E11" s="258">
        <v>0</v>
      </c>
      <c r="F11" s="260">
        <v>0</v>
      </c>
      <c r="G11" s="261">
        <v>4787</v>
      </c>
      <c r="H11" s="261">
        <v>4725</v>
      </c>
      <c r="I11" s="261">
        <v>2337</v>
      </c>
      <c r="J11" s="261">
        <v>1190</v>
      </c>
      <c r="K11" s="261">
        <v>550</v>
      </c>
      <c r="L11" s="258">
        <v>13589</v>
      </c>
      <c r="M11" s="263">
        <v>13589</v>
      </c>
      <c r="N11" s="261">
        <v>0</v>
      </c>
      <c r="O11" s="261">
        <v>0</v>
      </c>
      <c r="P11" s="258">
        <v>0</v>
      </c>
      <c r="Q11" s="260">
        <v>0</v>
      </c>
      <c r="R11" s="261">
        <v>68</v>
      </c>
      <c r="S11" s="261">
        <v>91</v>
      </c>
      <c r="T11" s="261">
        <v>64</v>
      </c>
      <c r="U11" s="261">
        <v>110</v>
      </c>
      <c r="V11" s="261">
        <v>99</v>
      </c>
      <c r="W11" s="258">
        <v>432</v>
      </c>
      <c r="X11" s="263">
        <v>432</v>
      </c>
    </row>
    <row r="12" spans="2:24" ht="21" customHeight="1" x14ac:dyDescent="0.2">
      <c r="B12" s="472" t="s">
        <v>9</v>
      </c>
      <c r="C12" s="261">
        <v>0</v>
      </c>
      <c r="D12" s="261">
        <v>0</v>
      </c>
      <c r="E12" s="258">
        <v>0</v>
      </c>
      <c r="F12" s="260">
        <v>0</v>
      </c>
      <c r="G12" s="261">
        <v>3285</v>
      </c>
      <c r="H12" s="261">
        <v>2111</v>
      </c>
      <c r="I12" s="261">
        <v>1780</v>
      </c>
      <c r="J12" s="261">
        <v>1033</v>
      </c>
      <c r="K12" s="261">
        <v>358</v>
      </c>
      <c r="L12" s="258">
        <v>8567</v>
      </c>
      <c r="M12" s="263">
        <v>8567</v>
      </c>
      <c r="N12" s="261">
        <v>0</v>
      </c>
      <c r="O12" s="261">
        <v>0</v>
      </c>
      <c r="P12" s="258">
        <v>0</v>
      </c>
      <c r="Q12" s="260">
        <v>0</v>
      </c>
      <c r="R12" s="261">
        <v>21</v>
      </c>
      <c r="S12" s="261">
        <v>55</v>
      </c>
      <c r="T12" s="261">
        <v>50</v>
      </c>
      <c r="U12" s="261">
        <v>1</v>
      </c>
      <c r="V12" s="261">
        <v>71</v>
      </c>
      <c r="W12" s="258">
        <v>198</v>
      </c>
      <c r="X12" s="263">
        <v>198</v>
      </c>
    </row>
    <row r="13" spans="2:24" ht="21" customHeight="1" x14ac:dyDescent="0.2">
      <c r="B13" s="472" t="s">
        <v>10</v>
      </c>
      <c r="C13" s="261">
        <v>0</v>
      </c>
      <c r="D13" s="261">
        <v>0</v>
      </c>
      <c r="E13" s="258">
        <v>0</v>
      </c>
      <c r="F13" s="260">
        <v>0</v>
      </c>
      <c r="G13" s="261">
        <v>4005</v>
      </c>
      <c r="H13" s="261">
        <v>2338</v>
      </c>
      <c r="I13" s="261">
        <v>1259</v>
      </c>
      <c r="J13" s="261">
        <v>747</v>
      </c>
      <c r="K13" s="261">
        <v>255</v>
      </c>
      <c r="L13" s="258">
        <v>8604</v>
      </c>
      <c r="M13" s="263">
        <v>8604</v>
      </c>
      <c r="N13" s="261">
        <v>0</v>
      </c>
      <c r="O13" s="261">
        <v>4</v>
      </c>
      <c r="P13" s="258">
        <v>4</v>
      </c>
      <c r="Q13" s="260">
        <v>0</v>
      </c>
      <c r="R13" s="261">
        <v>60</v>
      </c>
      <c r="S13" s="261">
        <v>127</v>
      </c>
      <c r="T13" s="261">
        <v>315</v>
      </c>
      <c r="U13" s="261">
        <v>117</v>
      </c>
      <c r="V13" s="261">
        <v>129</v>
      </c>
      <c r="W13" s="258">
        <v>748</v>
      </c>
      <c r="X13" s="263">
        <v>752</v>
      </c>
    </row>
    <row r="14" spans="2:24" ht="21" customHeight="1" x14ac:dyDescent="0.2">
      <c r="B14" s="472" t="s">
        <v>11</v>
      </c>
      <c r="C14" s="261">
        <v>0</v>
      </c>
      <c r="D14" s="261">
        <v>0</v>
      </c>
      <c r="E14" s="258">
        <v>0</v>
      </c>
      <c r="F14" s="260">
        <v>0</v>
      </c>
      <c r="G14" s="261">
        <v>4338</v>
      </c>
      <c r="H14" s="261">
        <v>2543</v>
      </c>
      <c r="I14" s="261">
        <v>1661</v>
      </c>
      <c r="J14" s="261">
        <v>745</v>
      </c>
      <c r="K14" s="261">
        <v>359</v>
      </c>
      <c r="L14" s="258">
        <v>9646</v>
      </c>
      <c r="M14" s="263">
        <v>9646</v>
      </c>
      <c r="N14" s="261">
        <v>0</v>
      </c>
      <c r="O14" s="261">
        <v>0</v>
      </c>
      <c r="P14" s="258">
        <v>0</v>
      </c>
      <c r="Q14" s="260">
        <v>0</v>
      </c>
      <c r="R14" s="261">
        <v>144</v>
      </c>
      <c r="S14" s="261">
        <v>159</v>
      </c>
      <c r="T14" s="261">
        <v>127</v>
      </c>
      <c r="U14" s="261">
        <v>0</v>
      </c>
      <c r="V14" s="261">
        <v>11</v>
      </c>
      <c r="W14" s="258">
        <v>441</v>
      </c>
      <c r="X14" s="263">
        <v>441</v>
      </c>
    </row>
    <row r="15" spans="2:24" ht="21" customHeight="1" x14ac:dyDescent="0.2">
      <c r="B15" s="472" t="s">
        <v>12</v>
      </c>
      <c r="C15" s="261">
        <v>0</v>
      </c>
      <c r="D15" s="261">
        <v>0</v>
      </c>
      <c r="E15" s="258">
        <v>0</v>
      </c>
      <c r="F15" s="260">
        <v>0</v>
      </c>
      <c r="G15" s="261">
        <v>3334</v>
      </c>
      <c r="H15" s="261">
        <v>2183</v>
      </c>
      <c r="I15" s="261">
        <v>1283</v>
      </c>
      <c r="J15" s="261">
        <v>705</v>
      </c>
      <c r="K15" s="261">
        <v>242</v>
      </c>
      <c r="L15" s="258">
        <v>7747</v>
      </c>
      <c r="M15" s="263">
        <v>7747</v>
      </c>
      <c r="N15" s="261">
        <v>0</v>
      </c>
      <c r="O15" s="261">
        <v>0</v>
      </c>
      <c r="P15" s="258">
        <v>0</v>
      </c>
      <c r="Q15" s="260">
        <v>0</v>
      </c>
      <c r="R15" s="261">
        <v>34</v>
      </c>
      <c r="S15" s="261">
        <v>17</v>
      </c>
      <c r="T15" s="261">
        <v>13</v>
      </c>
      <c r="U15" s="261">
        <v>9</v>
      </c>
      <c r="V15" s="261">
        <v>17</v>
      </c>
      <c r="W15" s="258">
        <v>90</v>
      </c>
      <c r="X15" s="263">
        <v>90</v>
      </c>
    </row>
    <row r="16" spans="2:24" ht="21" customHeight="1" x14ac:dyDescent="0.2">
      <c r="B16" s="472" t="s">
        <v>13</v>
      </c>
      <c r="C16" s="261">
        <v>0</v>
      </c>
      <c r="D16" s="261">
        <v>0</v>
      </c>
      <c r="E16" s="258">
        <v>0</v>
      </c>
      <c r="F16" s="260">
        <v>0</v>
      </c>
      <c r="G16" s="261">
        <v>1093</v>
      </c>
      <c r="H16" s="261">
        <v>1171</v>
      </c>
      <c r="I16" s="261">
        <v>807</v>
      </c>
      <c r="J16" s="261">
        <v>304</v>
      </c>
      <c r="K16" s="261">
        <v>135</v>
      </c>
      <c r="L16" s="258">
        <v>3510</v>
      </c>
      <c r="M16" s="263">
        <v>3510</v>
      </c>
      <c r="N16" s="261">
        <v>0</v>
      </c>
      <c r="O16" s="261">
        <v>0</v>
      </c>
      <c r="P16" s="258">
        <v>0</v>
      </c>
      <c r="Q16" s="260">
        <v>0</v>
      </c>
      <c r="R16" s="261">
        <v>40</v>
      </c>
      <c r="S16" s="261">
        <v>64</v>
      </c>
      <c r="T16" s="261">
        <v>91</v>
      </c>
      <c r="U16" s="261">
        <v>40</v>
      </c>
      <c r="V16" s="261">
        <v>58</v>
      </c>
      <c r="W16" s="258">
        <v>293</v>
      </c>
      <c r="X16" s="263">
        <v>293</v>
      </c>
    </row>
    <row r="17" spans="2:24" ht="21" customHeight="1" x14ac:dyDescent="0.2">
      <c r="B17" s="472" t="s">
        <v>15</v>
      </c>
      <c r="C17" s="261">
        <v>0</v>
      </c>
      <c r="D17" s="261">
        <v>0</v>
      </c>
      <c r="E17" s="258">
        <v>0</v>
      </c>
      <c r="F17" s="260">
        <v>0</v>
      </c>
      <c r="G17" s="261">
        <v>1259</v>
      </c>
      <c r="H17" s="261">
        <v>1414</v>
      </c>
      <c r="I17" s="261">
        <v>757</v>
      </c>
      <c r="J17" s="261">
        <v>262</v>
      </c>
      <c r="K17" s="261">
        <v>145</v>
      </c>
      <c r="L17" s="258">
        <v>3837</v>
      </c>
      <c r="M17" s="263">
        <v>3837</v>
      </c>
      <c r="N17" s="261">
        <v>0</v>
      </c>
      <c r="O17" s="261">
        <v>0</v>
      </c>
      <c r="P17" s="258">
        <v>0</v>
      </c>
      <c r="Q17" s="260">
        <v>0</v>
      </c>
      <c r="R17" s="261">
        <v>25</v>
      </c>
      <c r="S17" s="261">
        <v>35</v>
      </c>
      <c r="T17" s="261">
        <v>66</v>
      </c>
      <c r="U17" s="261">
        <v>16</v>
      </c>
      <c r="V17" s="261">
        <v>25</v>
      </c>
      <c r="W17" s="258">
        <v>167</v>
      </c>
      <c r="X17" s="263">
        <v>167</v>
      </c>
    </row>
    <row r="18" spans="2:24" ht="21" customHeight="1" x14ac:dyDescent="0.2">
      <c r="B18" s="472" t="s">
        <v>16</v>
      </c>
      <c r="C18" s="261">
        <v>0</v>
      </c>
      <c r="D18" s="261">
        <v>0</v>
      </c>
      <c r="E18" s="258">
        <v>0</v>
      </c>
      <c r="F18" s="260">
        <v>0</v>
      </c>
      <c r="G18" s="261">
        <v>1271</v>
      </c>
      <c r="H18" s="261">
        <v>1430</v>
      </c>
      <c r="I18" s="261">
        <v>944</v>
      </c>
      <c r="J18" s="261">
        <v>445</v>
      </c>
      <c r="K18" s="261">
        <v>178</v>
      </c>
      <c r="L18" s="258">
        <v>4268</v>
      </c>
      <c r="M18" s="263">
        <v>4268</v>
      </c>
      <c r="N18" s="261">
        <v>0</v>
      </c>
      <c r="O18" s="261">
        <v>0</v>
      </c>
      <c r="P18" s="258">
        <v>0</v>
      </c>
      <c r="Q18" s="260">
        <v>0</v>
      </c>
      <c r="R18" s="261">
        <v>41</v>
      </c>
      <c r="S18" s="261">
        <v>140</v>
      </c>
      <c r="T18" s="261">
        <v>74</v>
      </c>
      <c r="U18" s="261">
        <v>80</v>
      </c>
      <c r="V18" s="261">
        <v>47</v>
      </c>
      <c r="W18" s="258">
        <v>382</v>
      </c>
      <c r="X18" s="263">
        <v>382</v>
      </c>
    </row>
    <row r="19" spans="2:24" ht="21" customHeight="1" x14ac:dyDescent="0.2">
      <c r="B19" s="472" t="s">
        <v>17</v>
      </c>
      <c r="C19" s="261">
        <v>0</v>
      </c>
      <c r="D19" s="261">
        <v>0</v>
      </c>
      <c r="E19" s="258">
        <v>0</v>
      </c>
      <c r="F19" s="260">
        <v>0</v>
      </c>
      <c r="G19" s="261">
        <v>2115</v>
      </c>
      <c r="H19" s="261">
        <v>2846</v>
      </c>
      <c r="I19" s="261">
        <v>1654</v>
      </c>
      <c r="J19" s="261">
        <v>1306</v>
      </c>
      <c r="K19" s="261">
        <v>686</v>
      </c>
      <c r="L19" s="258">
        <v>8607</v>
      </c>
      <c r="M19" s="263">
        <v>8607</v>
      </c>
      <c r="N19" s="261">
        <v>4</v>
      </c>
      <c r="O19" s="261">
        <v>22</v>
      </c>
      <c r="P19" s="258">
        <v>26</v>
      </c>
      <c r="Q19" s="260">
        <v>0</v>
      </c>
      <c r="R19" s="261">
        <v>173</v>
      </c>
      <c r="S19" s="261">
        <v>220</v>
      </c>
      <c r="T19" s="261">
        <v>134</v>
      </c>
      <c r="U19" s="261">
        <v>144</v>
      </c>
      <c r="V19" s="261">
        <v>58</v>
      </c>
      <c r="W19" s="258">
        <v>729</v>
      </c>
      <c r="X19" s="263">
        <v>755</v>
      </c>
    </row>
    <row r="20" spans="2:24" ht="21" customHeight="1" x14ac:dyDescent="0.2">
      <c r="B20" s="472" t="s">
        <v>18</v>
      </c>
      <c r="C20" s="261">
        <v>0</v>
      </c>
      <c r="D20" s="261">
        <v>0</v>
      </c>
      <c r="E20" s="258">
        <v>0</v>
      </c>
      <c r="F20" s="260">
        <v>0</v>
      </c>
      <c r="G20" s="261">
        <v>2366</v>
      </c>
      <c r="H20" s="261">
        <v>1592</v>
      </c>
      <c r="I20" s="261">
        <v>927</v>
      </c>
      <c r="J20" s="261">
        <v>418</v>
      </c>
      <c r="K20" s="261">
        <v>214</v>
      </c>
      <c r="L20" s="258">
        <v>5517</v>
      </c>
      <c r="M20" s="263">
        <v>5517</v>
      </c>
      <c r="N20" s="261">
        <v>0</v>
      </c>
      <c r="O20" s="261">
        <v>0</v>
      </c>
      <c r="P20" s="258">
        <v>0</v>
      </c>
      <c r="Q20" s="260">
        <v>0</v>
      </c>
      <c r="R20" s="261">
        <v>70</v>
      </c>
      <c r="S20" s="261">
        <v>89</v>
      </c>
      <c r="T20" s="261">
        <v>362</v>
      </c>
      <c r="U20" s="261">
        <v>220</v>
      </c>
      <c r="V20" s="261">
        <v>79</v>
      </c>
      <c r="W20" s="258">
        <v>820</v>
      </c>
      <c r="X20" s="263">
        <v>820</v>
      </c>
    </row>
    <row r="21" spans="2:24" ht="21" customHeight="1" x14ac:dyDescent="0.2">
      <c r="B21" s="472" t="s">
        <v>19</v>
      </c>
      <c r="C21" s="261">
        <v>0</v>
      </c>
      <c r="D21" s="261">
        <v>0</v>
      </c>
      <c r="E21" s="258">
        <v>0</v>
      </c>
      <c r="F21" s="260">
        <v>0</v>
      </c>
      <c r="G21" s="261">
        <v>994</v>
      </c>
      <c r="H21" s="261">
        <v>973</v>
      </c>
      <c r="I21" s="261">
        <v>547</v>
      </c>
      <c r="J21" s="261">
        <v>238</v>
      </c>
      <c r="K21" s="261">
        <v>118</v>
      </c>
      <c r="L21" s="258">
        <v>2870</v>
      </c>
      <c r="M21" s="263">
        <v>2870</v>
      </c>
      <c r="N21" s="261">
        <v>0</v>
      </c>
      <c r="O21" s="261">
        <v>0</v>
      </c>
      <c r="P21" s="258">
        <v>0</v>
      </c>
      <c r="Q21" s="260">
        <v>0</v>
      </c>
      <c r="R21" s="261">
        <v>109</v>
      </c>
      <c r="S21" s="261">
        <v>174</v>
      </c>
      <c r="T21" s="261">
        <v>232</v>
      </c>
      <c r="U21" s="261">
        <v>29</v>
      </c>
      <c r="V21" s="261">
        <v>77</v>
      </c>
      <c r="W21" s="258">
        <v>621</v>
      </c>
      <c r="X21" s="263">
        <v>621</v>
      </c>
    </row>
    <row r="22" spans="2:24" ht="21" customHeight="1" x14ac:dyDescent="0.2">
      <c r="B22" s="472" t="s">
        <v>20</v>
      </c>
      <c r="C22" s="261">
        <v>0</v>
      </c>
      <c r="D22" s="261">
        <v>0</v>
      </c>
      <c r="E22" s="258">
        <v>0</v>
      </c>
      <c r="F22" s="260">
        <v>0</v>
      </c>
      <c r="G22" s="261">
        <v>1227</v>
      </c>
      <c r="H22" s="261">
        <v>777</v>
      </c>
      <c r="I22" s="261">
        <v>548</v>
      </c>
      <c r="J22" s="261">
        <v>211</v>
      </c>
      <c r="K22" s="261">
        <v>46</v>
      </c>
      <c r="L22" s="258">
        <v>2809</v>
      </c>
      <c r="M22" s="263">
        <v>2809</v>
      </c>
      <c r="N22" s="261">
        <v>0</v>
      </c>
      <c r="O22" s="261">
        <v>0</v>
      </c>
      <c r="P22" s="258">
        <v>0</v>
      </c>
      <c r="Q22" s="260">
        <v>0</v>
      </c>
      <c r="R22" s="261">
        <v>25</v>
      </c>
      <c r="S22" s="261">
        <v>5</v>
      </c>
      <c r="T22" s="261">
        <v>32</v>
      </c>
      <c r="U22" s="261">
        <v>27</v>
      </c>
      <c r="V22" s="261">
        <v>27</v>
      </c>
      <c r="W22" s="258">
        <v>116</v>
      </c>
      <c r="X22" s="263">
        <v>116</v>
      </c>
    </row>
    <row r="23" spans="2:24" ht="21" customHeight="1" x14ac:dyDescent="0.2">
      <c r="B23" s="472" t="s">
        <v>21</v>
      </c>
      <c r="C23" s="261">
        <v>0</v>
      </c>
      <c r="D23" s="261">
        <v>0</v>
      </c>
      <c r="E23" s="258">
        <v>0</v>
      </c>
      <c r="F23" s="260">
        <v>0</v>
      </c>
      <c r="G23" s="261">
        <v>1426</v>
      </c>
      <c r="H23" s="261">
        <v>1425</v>
      </c>
      <c r="I23" s="261">
        <v>674</v>
      </c>
      <c r="J23" s="261">
        <v>365</v>
      </c>
      <c r="K23" s="261">
        <v>98</v>
      </c>
      <c r="L23" s="258">
        <v>3988</v>
      </c>
      <c r="M23" s="263">
        <v>3988</v>
      </c>
      <c r="N23" s="261">
        <v>0</v>
      </c>
      <c r="O23" s="261">
        <v>0</v>
      </c>
      <c r="P23" s="258">
        <v>0</v>
      </c>
      <c r="Q23" s="260">
        <v>0</v>
      </c>
      <c r="R23" s="261">
        <v>0</v>
      </c>
      <c r="S23" s="261">
        <v>0</v>
      </c>
      <c r="T23" s="261">
        <v>0</v>
      </c>
      <c r="U23" s="261">
        <v>9</v>
      </c>
      <c r="V23" s="261">
        <v>0</v>
      </c>
      <c r="W23" s="258">
        <v>9</v>
      </c>
      <c r="X23" s="263">
        <v>9</v>
      </c>
    </row>
    <row r="24" spans="2:24" ht="21" customHeight="1" x14ac:dyDescent="0.2">
      <c r="B24" s="472" t="s">
        <v>22</v>
      </c>
      <c r="C24" s="261">
        <v>0</v>
      </c>
      <c r="D24" s="261">
        <v>0</v>
      </c>
      <c r="E24" s="258">
        <v>0</v>
      </c>
      <c r="F24" s="260">
        <v>0</v>
      </c>
      <c r="G24" s="261">
        <v>916</v>
      </c>
      <c r="H24" s="261">
        <v>880</v>
      </c>
      <c r="I24" s="261">
        <v>641</v>
      </c>
      <c r="J24" s="261">
        <v>353</v>
      </c>
      <c r="K24" s="261">
        <v>72</v>
      </c>
      <c r="L24" s="258">
        <v>2862</v>
      </c>
      <c r="M24" s="263">
        <v>2862</v>
      </c>
      <c r="N24" s="261">
        <v>0</v>
      </c>
      <c r="O24" s="261">
        <v>0</v>
      </c>
      <c r="P24" s="258">
        <v>0</v>
      </c>
      <c r="Q24" s="260">
        <v>0</v>
      </c>
      <c r="R24" s="261">
        <v>20</v>
      </c>
      <c r="S24" s="261">
        <v>33</v>
      </c>
      <c r="T24" s="261">
        <v>46</v>
      </c>
      <c r="U24" s="261">
        <v>18</v>
      </c>
      <c r="V24" s="261">
        <v>45</v>
      </c>
      <c r="W24" s="258">
        <v>162</v>
      </c>
      <c r="X24" s="263">
        <v>162</v>
      </c>
    </row>
    <row r="25" spans="2:24" ht="21" customHeight="1" x14ac:dyDescent="0.2">
      <c r="B25" s="472" t="s">
        <v>23</v>
      </c>
      <c r="C25" s="261">
        <v>0</v>
      </c>
      <c r="D25" s="261">
        <v>0</v>
      </c>
      <c r="E25" s="258">
        <v>0</v>
      </c>
      <c r="F25" s="260">
        <v>0</v>
      </c>
      <c r="G25" s="261">
        <v>491</v>
      </c>
      <c r="H25" s="261">
        <v>401</v>
      </c>
      <c r="I25" s="261">
        <v>297</v>
      </c>
      <c r="J25" s="261">
        <v>173</v>
      </c>
      <c r="K25" s="261">
        <v>59</v>
      </c>
      <c r="L25" s="258">
        <v>1421</v>
      </c>
      <c r="M25" s="263">
        <v>1421</v>
      </c>
      <c r="N25" s="261">
        <v>0</v>
      </c>
      <c r="O25" s="261">
        <v>0</v>
      </c>
      <c r="P25" s="258">
        <v>0</v>
      </c>
      <c r="Q25" s="260">
        <v>0</v>
      </c>
      <c r="R25" s="261">
        <v>0</v>
      </c>
      <c r="S25" s="261">
        <v>0</v>
      </c>
      <c r="T25" s="261">
        <v>16</v>
      </c>
      <c r="U25" s="261">
        <v>22</v>
      </c>
      <c r="V25" s="261">
        <v>0</v>
      </c>
      <c r="W25" s="258">
        <v>38</v>
      </c>
      <c r="X25" s="263">
        <v>38</v>
      </c>
    </row>
    <row r="26" spans="2:24" ht="21" customHeight="1" x14ac:dyDescent="0.2">
      <c r="B26" s="472" t="s">
        <v>24</v>
      </c>
      <c r="C26" s="261">
        <v>0</v>
      </c>
      <c r="D26" s="261">
        <v>0</v>
      </c>
      <c r="E26" s="258">
        <v>0</v>
      </c>
      <c r="F26" s="260">
        <v>0</v>
      </c>
      <c r="G26" s="261">
        <v>216</v>
      </c>
      <c r="H26" s="261">
        <v>136</v>
      </c>
      <c r="I26" s="261">
        <v>163</v>
      </c>
      <c r="J26" s="261">
        <v>67</v>
      </c>
      <c r="K26" s="261">
        <v>20</v>
      </c>
      <c r="L26" s="258">
        <v>602</v>
      </c>
      <c r="M26" s="263">
        <v>602</v>
      </c>
      <c r="N26" s="261">
        <v>0</v>
      </c>
      <c r="O26" s="261">
        <v>0</v>
      </c>
      <c r="P26" s="258">
        <v>0</v>
      </c>
      <c r="Q26" s="260">
        <v>0</v>
      </c>
      <c r="R26" s="261">
        <v>44</v>
      </c>
      <c r="S26" s="261">
        <v>61</v>
      </c>
      <c r="T26" s="261">
        <v>41</v>
      </c>
      <c r="U26" s="261">
        <v>42</v>
      </c>
      <c r="V26" s="261">
        <v>8</v>
      </c>
      <c r="W26" s="258">
        <v>196</v>
      </c>
      <c r="X26" s="263">
        <v>196</v>
      </c>
    </row>
    <row r="27" spans="2:24" ht="21" customHeight="1" x14ac:dyDescent="0.2">
      <c r="B27" s="472" t="s">
        <v>25</v>
      </c>
      <c r="C27" s="261">
        <v>0</v>
      </c>
      <c r="D27" s="261">
        <v>8</v>
      </c>
      <c r="E27" s="258">
        <v>8</v>
      </c>
      <c r="F27" s="260">
        <v>0</v>
      </c>
      <c r="G27" s="261">
        <v>799</v>
      </c>
      <c r="H27" s="261">
        <v>308</v>
      </c>
      <c r="I27" s="261">
        <v>151</v>
      </c>
      <c r="J27" s="261">
        <v>31</v>
      </c>
      <c r="K27" s="261">
        <v>7</v>
      </c>
      <c r="L27" s="258">
        <v>1296</v>
      </c>
      <c r="M27" s="263">
        <v>1304</v>
      </c>
      <c r="N27" s="261">
        <v>0</v>
      </c>
      <c r="O27" s="261">
        <v>0</v>
      </c>
      <c r="P27" s="258">
        <v>0</v>
      </c>
      <c r="Q27" s="260">
        <v>0</v>
      </c>
      <c r="R27" s="261">
        <v>0</v>
      </c>
      <c r="S27" s="261">
        <v>0</v>
      </c>
      <c r="T27" s="261">
        <v>0</v>
      </c>
      <c r="U27" s="261">
        <v>0</v>
      </c>
      <c r="V27" s="261">
        <v>0</v>
      </c>
      <c r="W27" s="258">
        <v>0</v>
      </c>
      <c r="X27" s="263">
        <v>0</v>
      </c>
    </row>
    <row r="28" spans="2:24" ht="21" customHeight="1" x14ac:dyDescent="0.2">
      <c r="B28" s="472" t="s">
        <v>26</v>
      </c>
      <c r="C28" s="261">
        <v>0</v>
      </c>
      <c r="D28" s="261">
        <v>0</v>
      </c>
      <c r="E28" s="258">
        <v>0</v>
      </c>
      <c r="F28" s="260">
        <v>0</v>
      </c>
      <c r="G28" s="261">
        <v>341</v>
      </c>
      <c r="H28" s="261">
        <v>330</v>
      </c>
      <c r="I28" s="261">
        <v>273</v>
      </c>
      <c r="J28" s="261">
        <v>110</v>
      </c>
      <c r="K28" s="261">
        <v>51</v>
      </c>
      <c r="L28" s="258">
        <v>1105</v>
      </c>
      <c r="M28" s="263">
        <v>1105</v>
      </c>
      <c r="N28" s="261">
        <v>0</v>
      </c>
      <c r="O28" s="261">
        <v>0</v>
      </c>
      <c r="P28" s="258">
        <v>0</v>
      </c>
      <c r="Q28" s="260">
        <v>0</v>
      </c>
      <c r="R28" s="261">
        <v>0</v>
      </c>
      <c r="S28" s="261">
        <v>29</v>
      </c>
      <c r="T28" s="261">
        <v>37</v>
      </c>
      <c r="U28" s="261">
        <v>45</v>
      </c>
      <c r="V28" s="261">
        <v>12</v>
      </c>
      <c r="W28" s="258">
        <v>123</v>
      </c>
      <c r="X28" s="263">
        <v>123</v>
      </c>
    </row>
    <row r="29" spans="2:24" ht="21" customHeight="1" x14ac:dyDescent="0.2">
      <c r="B29" s="472" t="s">
        <v>27</v>
      </c>
      <c r="C29" s="261">
        <v>0</v>
      </c>
      <c r="D29" s="261">
        <v>0</v>
      </c>
      <c r="E29" s="258">
        <v>0</v>
      </c>
      <c r="F29" s="260">
        <v>0</v>
      </c>
      <c r="G29" s="261">
        <v>266</v>
      </c>
      <c r="H29" s="261">
        <v>107</v>
      </c>
      <c r="I29" s="261">
        <v>73</v>
      </c>
      <c r="J29" s="261">
        <v>13</v>
      </c>
      <c r="K29" s="261">
        <v>0</v>
      </c>
      <c r="L29" s="258">
        <v>459</v>
      </c>
      <c r="M29" s="263">
        <v>459</v>
      </c>
      <c r="N29" s="261">
        <v>0</v>
      </c>
      <c r="O29" s="261">
        <v>0</v>
      </c>
      <c r="P29" s="258">
        <v>0</v>
      </c>
      <c r="Q29" s="260">
        <v>0</v>
      </c>
      <c r="R29" s="261">
        <v>17</v>
      </c>
      <c r="S29" s="261">
        <v>4</v>
      </c>
      <c r="T29" s="261">
        <v>9</v>
      </c>
      <c r="U29" s="261">
        <v>22</v>
      </c>
      <c r="V29" s="261">
        <v>24</v>
      </c>
      <c r="W29" s="258">
        <v>76</v>
      </c>
      <c r="X29" s="263">
        <v>76</v>
      </c>
    </row>
    <row r="30" spans="2:24" ht="21" customHeight="1" x14ac:dyDescent="0.2">
      <c r="B30" s="472" t="s">
        <v>28</v>
      </c>
      <c r="C30" s="261">
        <v>0</v>
      </c>
      <c r="D30" s="261">
        <v>0</v>
      </c>
      <c r="E30" s="258">
        <v>0</v>
      </c>
      <c r="F30" s="260">
        <v>0</v>
      </c>
      <c r="G30" s="261">
        <v>161</v>
      </c>
      <c r="H30" s="261">
        <v>102</v>
      </c>
      <c r="I30" s="261">
        <v>35</v>
      </c>
      <c r="J30" s="261">
        <v>25</v>
      </c>
      <c r="K30" s="261">
        <v>2</v>
      </c>
      <c r="L30" s="258">
        <v>325</v>
      </c>
      <c r="M30" s="263">
        <v>325</v>
      </c>
      <c r="N30" s="261">
        <v>0</v>
      </c>
      <c r="O30" s="261">
        <v>0</v>
      </c>
      <c r="P30" s="258">
        <v>0</v>
      </c>
      <c r="Q30" s="260">
        <v>0</v>
      </c>
      <c r="R30" s="261">
        <v>9</v>
      </c>
      <c r="S30" s="261">
        <v>9</v>
      </c>
      <c r="T30" s="261">
        <v>8</v>
      </c>
      <c r="U30" s="261">
        <v>23</v>
      </c>
      <c r="V30" s="261">
        <v>0</v>
      </c>
      <c r="W30" s="258">
        <v>49</v>
      </c>
      <c r="X30" s="263">
        <v>49</v>
      </c>
    </row>
    <row r="31" spans="2:24" ht="21" customHeight="1" x14ac:dyDescent="0.2">
      <c r="B31" s="472" t="s">
        <v>29</v>
      </c>
      <c r="C31" s="261">
        <v>0</v>
      </c>
      <c r="D31" s="261">
        <v>0</v>
      </c>
      <c r="E31" s="258">
        <v>0</v>
      </c>
      <c r="F31" s="260">
        <v>0</v>
      </c>
      <c r="G31" s="261">
        <v>159</v>
      </c>
      <c r="H31" s="261">
        <v>159</v>
      </c>
      <c r="I31" s="261">
        <v>67</v>
      </c>
      <c r="J31" s="261">
        <v>24</v>
      </c>
      <c r="K31" s="261">
        <v>0</v>
      </c>
      <c r="L31" s="258">
        <v>409</v>
      </c>
      <c r="M31" s="263">
        <v>409</v>
      </c>
      <c r="N31" s="261">
        <v>0</v>
      </c>
      <c r="O31" s="261">
        <v>0</v>
      </c>
      <c r="P31" s="258">
        <v>0</v>
      </c>
      <c r="Q31" s="260">
        <v>0</v>
      </c>
      <c r="R31" s="261">
        <v>11</v>
      </c>
      <c r="S31" s="261">
        <v>0</v>
      </c>
      <c r="T31" s="261">
        <v>0</v>
      </c>
      <c r="U31" s="261">
        <v>0</v>
      </c>
      <c r="V31" s="261">
        <v>0</v>
      </c>
      <c r="W31" s="258">
        <v>11</v>
      </c>
      <c r="X31" s="263">
        <v>11</v>
      </c>
    </row>
    <row r="32" spans="2:24" ht="21" customHeight="1" x14ac:dyDescent="0.2">
      <c r="B32" s="472" t="s">
        <v>30</v>
      </c>
      <c r="C32" s="261">
        <v>0</v>
      </c>
      <c r="D32" s="261">
        <v>0</v>
      </c>
      <c r="E32" s="258">
        <v>0</v>
      </c>
      <c r="F32" s="260">
        <v>0</v>
      </c>
      <c r="G32" s="261">
        <v>252</v>
      </c>
      <c r="H32" s="261">
        <v>54</v>
      </c>
      <c r="I32" s="261">
        <v>94</v>
      </c>
      <c r="J32" s="261">
        <v>39</v>
      </c>
      <c r="K32" s="261">
        <v>4</v>
      </c>
      <c r="L32" s="258">
        <v>443</v>
      </c>
      <c r="M32" s="263">
        <v>443</v>
      </c>
      <c r="N32" s="261">
        <v>0</v>
      </c>
      <c r="O32" s="261">
        <v>0</v>
      </c>
      <c r="P32" s="258">
        <v>0</v>
      </c>
      <c r="Q32" s="260">
        <v>0</v>
      </c>
      <c r="R32" s="261">
        <v>18</v>
      </c>
      <c r="S32" s="261">
        <v>23</v>
      </c>
      <c r="T32" s="261">
        <v>14</v>
      </c>
      <c r="U32" s="261">
        <v>0</v>
      </c>
      <c r="V32" s="261">
        <v>0</v>
      </c>
      <c r="W32" s="258">
        <v>55</v>
      </c>
      <c r="X32" s="263">
        <v>55</v>
      </c>
    </row>
    <row r="33" spans="2:24" ht="21" customHeight="1" x14ac:dyDescent="0.2">
      <c r="B33" s="472" t="s">
        <v>31</v>
      </c>
      <c r="C33" s="261">
        <v>0</v>
      </c>
      <c r="D33" s="261">
        <v>0</v>
      </c>
      <c r="E33" s="258">
        <v>0</v>
      </c>
      <c r="F33" s="260">
        <v>0</v>
      </c>
      <c r="G33" s="261">
        <v>211</v>
      </c>
      <c r="H33" s="261">
        <v>67</v>
      </c>
      <c r="I33" s="261">
        <v>89</v>
      </c>
      <c r="J33" s="261">
        <v>23</v>
      </c>
      <c r="K33" s="261">
        <v>0</v>
      </c>
      <c r="L33" s="258">
        <v>390</v>
      </c>
      <c r="M33" s="263">
        <v>390</v>
      </c>
      <c r="N33" s="261">
        <v>0</v>
      </c>
      <c r="O33" s="261">
        <v>0</v>
      </c>
      <c r="P33" s="258">
        <v>0</v>
      </c>
      <c r="Q33" s="260">
        <v>0</v>
      </c>
      <c r="R33" s="261">
        <v>0</v>
      </c>
      <c r="S33" s="261">
        <v>0</v>
      </c>
      <c r="T33" s="261">
        <v>4</v>
      </c>
      <c r="U33" s="261">
        <v>17</v>
      </c>
      <c r="V33" s="261">
        <v>18</v>
      </c>
      <c r="W33" s="258">
        <v>39</v>
      </c>
      <c r="X33" s="263">
        <v>39</v>
      </c>
    </row>
    <row r="34" spans="2:24" ht="21" customHeight="1" x14ac:dyDescent="0.2">
      <c r="B34" s="472" t="s">
        <v>32</v>
      </c>
      <c r="C34" s="261">
        <v>0</v>
      </c>
      <c r="D34" s="261">
        <v>0</v>
      </c>
      <c r="E34" s="258">
        <v>0</v>
      </c>
      <c r="F34" s="260">
        <v>0</v>
      </c>
      <c r="G34" s="261">
        <v>347</v>
      </c>
      <c r="H34" s="261">
        <v>239</v>
      </c>
      <c r="I34" s="261">
        <v>133</v>
      </c>
      <c r="J34" s="261">
        <v>51</v>
      </c>
      <c r="K34" s="261">
        <v>17</v>
      </c>
      <c r="L34" s="258">
        <v>787</v>
      </c>
      <c r="M34" s="263">
        <v>787</v>
      </c>
      <c r="N34" s="261">
        <v>0</v>
      </c>
      <c r="O34" s="261">
        <v>0</v>
      </c>
      <c r="P34" s="258">
        <v>0</v>
      </c>
      <c r="Q34" s="260">
        <v>0</v>
      </c>
      <c r="R34" s="261">
        <v>56</v>
      </c>
      <c r="S34" s="261">
        <v>8</v>
      </c>
      <c r="T34" s="261">
        <v>0</v>
      </c>
      <c r="U34" s="261">
        <v>0</v>
      </c>
      <c r="V34" s="261">
        <v>12</v>
      </c>
      <c r="W34" s="258">
        <v>76</v>
      </c>
      <c r="X34" s="263">
        <v>76</v>
      </c>
    </row>
    <row r="35" spans="2:24" ht="21" customHeight="1" x14ac:dyDescent="0.2">
      <c r="B35" s="472" t="s">
        <v>33</v>
      </c>
      <c r="C35" s="261">
        <v>0</v>
      </c>
      <c r="D35" s="261">
        <v>0</v>
      </c>
      <c r="E35" s="258">
        <v>0</v>
      </c>
      <c r="F35" s="260">
        <v>0</v>
      </c>
      <c r="G35" s="261">
        <v>140</v>
      </c>
      <c r="H35" s="261">
        <v>150</v>
      </c>
      <c r="I35" s="261">
        <v>86</v>
      </c>
      <c r="J35" s="261">
        <v>9</v>
      </c>
      <c r="K35" s="261">
        <v>9</v>
      </c>
      <c r="L35" s="258">
        <v>394</v>
      </c>
      <c r="M35" s="263">
        <v>394</v>
      </c>
      <c r="N35" s="261">
        <v>0</v>
      </c>
      <c r="O35" s="261">
        <v>0</v>
      </c>
      <c r="P35" s="258">
        <v>0</v>
      </c>
      <c r="Q35" s="260">
        <v>0</v>
      </c>
      <c r="R35" s="261">
        <v>0</v>
      </c>
      <c r="S35" s="261">
        <v>0</v>
      </c>
      <c r="T35" s="261">
        <v>0</v>
      </c>
      <c r="U35" s="261">
        <v>0</v>
      </c>
      <c r="V35" s="261">
        <v>0</v>
      </c>
      <c r="W35" s="258">
        <v>0</v>
      </c>
      <c r="X35" s="263">
        <v>0</v>
      </c>
    </row>
    <row r="36" spans="2:24" ht="21" customHeight="1" x14ac:dyDescent="0.2">
      <c r="B36" s="472" t="s">
        <v>34</v>
      </c>
      <c r="C36" s="261">
        <v>0</v>
      </c>
      <c r="D36" s="261">
        <v>0</v>
      </c>
      <c r="E36" s="258">
        <v>0</v>
      </c>
      <c r="F36" s="260">
        <v>0</v>
      </c>
      <c r="G36" s="261">
        <v>106</v>
      </c>
      <c r="H36" s="261">
        <v>34</v>
      </c>
      <c r="I36" s="261">
        <v>28</v>
      </c>
      <c r="J36" s="261">
        <v>14</v>
      </c>
      <c r="K36" s="261">
        <v>4</v>
      </c>
      <c r="L36" s="258">
        <v>186</v>
      </c>
      <c r="M36" s="263">
        <v>186</v>
      </c>
      <c r="N36" s="261">
        <v>0</v>
      </c>
      <c r="O36" s="261">
        <v>0</v>
      </c>
      <c r="P36" s="258">
        <v>0</v>
      </c>
      <c r="Q36" s="260">
        <v>0</v>
      </c>
      <c r="R36" s="261">
        <v>0</v>
      </c>
      <c r="S36" s="261">
        <v>0</v>
      </c>
      <c r="T36" s="261">
        <v>0</v>
      </c>
      <c r="U36" s="261">
        <v>0</v>
      </c>
      <c r="V36" s="261">
        <v>6</v>
      </c>
      <c r="W36" s="258">
        <v>6</v>
      </c>
      <c r="X36" s="263">
        <v>6</v>
      </c>
    </row>
    <row r="37" spans="2:24" ht="21" customHeight="1" x14ac:dyDescent="0.2">
      <c r="B37" s="472" t="s">
        <v>35</v>
      </c>
      <c r="C37" s="261">
        <v>0</v>
      </c>
      <c r="D37" s="261">
        <v>0</v>
      </c>
      <c r="E37" s="258">
        <v>0</v>
      </c>
      <c r="F37" s="260">
        <v>0</v>
      </c>
      <c r="G37" s="261">
        <v>141</v>
      </c>
      <c r="H37" s="261">
        <v>121</v>
      </c>
      <c r="I37" s="261">
        <v>190</v>
      </c>
      <c r="J37" s="261">
        <v>131</v>
      </c>
      <c r="K37" s="261">
        <v>27</v>
      </c>
      <c r="L37" s="258">
        <v>610</v>
      </c>
      <c r="M37" s="263">
        <v>610</v>
      </c>
      <c r="N37" s="261">
        <v>0</v>
      </c>
      <c r="O37" s="261">
        <v>0</v>
      </c>
      <c r="P37" s="258">
        <v>0</v>
      </c>
      <c r="Q37" s="260">
        <v>0</v>
      </c>
      <c r="R37" s="261">
        <v>0</v>
      </c>
      <c r="S37" s="261">
        <v>0</v>
      </c>
      <c r="T37" s="261">
        <v>0</v>
      </c>
      <c r="U37" s="261">
        <v>0</v>
      </c>
      <c r="V37" s="261">
        <v>0</v>
      </c>
      <c r="W37" s="258">
        <v>0</v>
      </c>
      <c r="X37" s="263">
        <v>0</v>
      </c>
    </row>
    <row r="38" spans="2:24" ht="21" customHeight="1" x14ac:dyDescent="0.2">
      <c r="B38" s="472" t="s">
        <v>36</v>
      </c>
      <c r="C38" s="261">
        <v>0</v>
      </c>
      <c r="D38" s="261">
        <v>0</v>
      </c>
      <c r="E38" s="258">
        <v>0</v>
      </c>
      <c r="F38" s="260">
        <v>0</v>
      </c>
      <c r="G38" s="261">
        <v>570</v>
      </c>
      <c r="H38" s="261">
        <v>391</v>
      </c>
      <c r="I38" s="261">
        <v>427</v>
      </c>
      <c r="J38" s="261">
        <v>133</v>
      </c>
      <c r="K38" s="261">
        <v>221</v>
      </c>
      <c r="L38" s="258">
        <v>1742</v>
      </c>
      <c r="M38" s="263">
        <v>1742</v>
      </c>
      <c r="N38" s="261">
        <v>0</v>
      </c>
      <c r="O38" s="261">
        <v>0</v>
      </c>
      <c r="P38" s="258">
        <v>0</v>
      </c>
      <c r="Q38" s="260">
        <v>0</v>
      </c>
      <c r="R38" s="261">
        <v>0</v>
      </c>
      <c r="S38" s="261">
        <v>0</v>
      </c>
      <c r="T38" s="261">
        <v>0</v>
      </c>
      <c r="U38" s="261">
        <v>0</v>
      </c>
      <c r="V38" s="261">
        <v>0</v>
      </c>
      <c r="W38" s="258">
        <v>0</v>
      </c>
      <c r="X38" s="263">
        <v>0</v>
      </c>
    </row>
    <row r="39" spans="2:24" ht="21" customHeight="1" thickBot="1" x14ac:dyDescent="0.25">
      <c r="B39" s="473" t="s">
        <v>37</v>
      </c>
      <c r="C39" s="268">
        <v>0</v>
      </c>
      <c r="D39" s="268">
        <v>0</v>
      </c>
      <c r="E39" s="265">
        <v>0</v>
      </c>
      <c r="F39" s="267">
        <v>0</v>
      </c>
      <c r="G39" s="268">
        <v>103</v>
      </c>
      <c r="H39" s="268">
        <v>49</v>
      </c>
      <c r="I39" s="268">
        <v>88</v>
      </c>
      <c r="J39" s="268">
        <v>21</v>
      </c>
      <c r="K39" s="268">
        <v>34</v>
      </c>
      <c r="L39" s="265">
        <v>295</v>
      </c>
      <c r="M39" s="270">
        <v>295</v>
      </c>
      <c r="N39" s="268">
        <v>0</v>
      </c>
      <c r="O39" s="268">
        <v>0</v>
      </c>
      <c r="P39" s="265">
        <v>0</v>
      </c>
      <c r="Q39" s="267">
        <v>0</v>
      </c>
      <c r="R39" s="268">
        <v>4</v>
      </c>
      <c r="S39" s="268">
        <v>0</v>
      </c>
      <c r="T39" s="268">
        <v>0</v>
      </c>
      <c r="U39" s="268">
        <v>8</v>
      </c>
      <c r="V39" s="268">
        <v>16</v>
      </c>
      <c r="W39" s="265">
        <v>28</v>
      </c>
      <c r="X39" s="270">
        <v>28</v>
      </c>
    </row>
  </sheetData>
  <mergeCells count="11">
    <mergeCell ref="B3:B5"/>
    <mergeCell ref="C3:M3"/>
    <mergeCell ref="C4:E4"/>
    <mergeCell ref="F4:L4"/>
    <mergeCell ref="M4:M5"/>
    <mergeCell ref="N3:X3"/>
    <mergeCell ref="N4:P4"/>
    <mergeCell ref="Q4:W4"/>
    <mergeCell ref="X4:X5"/>
    <mergeCell ref="H1:I1"/>
    <mergeCell ref="K1:L1"/>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7">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42" customWidth="1"/>
    <col min="3" max="4" width="9" style="242"/>
    <col min="5" max="5" width="10" style="242" customWidth="1"/>
    <col min="6" max="6" width="7.77734375" style="242" customWidth="1"/>
    <col min="7" max="7" width="10.77734375" style="242" customWidth="1"/>
    <col min="8" max="16" width="9" style="242"/>
    <col min="17" max="17" width="7.6640625" style="242" customWidth="1"/>
    <col min="18" max="16384" width="9" style="242"/>
  </cols>
  <sheetData>
    <row r="1" spans="2:24" ht="24" customHeight="1" x14ac:dyDescent="0.2">
      <c r="B1" s="271" t="s">
        <v>124</v>
      </c>
      <c r="H1" s="500">
        <f>第１表!F2</f>
        <v>5</v>
      </c>
      <c r="I1" s="500"/>
      <c r="J1" s="235">
        <f>第１表!G2</f>
        <v>12</v>
      </c>
      <c r="K1" s="505">
        <f>IF(J1&lt;3,J1+12-2,J1-2)</f>
        <v>10</v>
      </c>
      <c r="L1" s="505"/>
    </row>
    <row r="2" spans="2:24" ht="24" customHeight="1" thickBot="1" x14ac:dyDescent="0.25">
      <c r="B2" s="271" t="s">
        <v>133</v>
      </c>
    </row>
    <row r="3" spans="2:24" ht="21" customHeight="1" x14ac:dyDescent="0.2">
      <c r="B3" s="508"/>
      <c r="C3" s="509" t="s">
        <v>141</v>
      </c>
      <c r="D3" s="509"/>
      <c r="E3" s="509"/>
      <c r="F3" s="509"/>
      <c r="G3" s="509"/>
      <c r="H3" s="509"/>
      <c r="I3" s="509"/>
      <c r="J3" s="509"/>
      <c r="K3" s="509"/>
      <c r="L3" s="509"/>
      <c r="M3" s="541"/>
      <c r="N3" s="509" t="s">
        <v>113</v>
      </c>
      <c r="O3" s="509"/>
      <c r="P3" s="509"/>
      <c r="Q3" s="509"/>
      <c r="R3" s="509"/>
      <c r="S3" s="509"/>
      <c r="T3" s="509"/>
      <c r="U3" s="509"/>
      <c r="V3" s="509"/>
      <c r="W3" s="509"/>
      <c r="X3" s="541"/>
    </row>
    <row r="4" spans="2:24" ht="21" customHeight="1" x14ac:dyDescent="0.2">
      <c r="B4" s="547"/>
      <c r="C4" s="542" t="s">
        <v>61</v>
      </c>
      <c r="D4" s="542"/>
      <c r="E4" s="543"/>
      <c r="F4" s="544" t="s">
        <v>62</v>
      </c>
      <c r="G4" s="542"/>
      <c r="H4" s="542"/>
      <c r="I4" s="542"/>
      <c r="J4" s="542"/>
      <c r="K4" s="542"/>
      <c r="L4" s="545"/>
      <c r="M4" s="546" t="s">
        <v>52</v>
      </c>
      <c r="N4" s="542" t="s">
        <v>61</v>
      </c>
      <c r="O4" s="542"/>
      <c r="P4" s="543"/>
      <c r="Q4" s="544" t="s">
        <v>62</v>
      </c>
      <c r="R4" s="542"/>
      <c r="S4" s="542"/>
      <c r="T4" s="542"/>
      <c r="U4" s="542"/>
      <c r="V4" s="542"/>
      <c r="W4" s="545"/>
      <c r="X4" s="546" t="s">
        <v>52</v>
      </c>
    </row>
    <row r="5" spans="2:24" ht="30" customHeight="1" thickBot="1" x14ac:dyDescent="0.25">
      <c r="B5" s="548"/>
      <c r="C5" s="243" t="s">
        <v>43</v>
      </c>
      <c r="D5" s="243" t="s">
        <v>44</v>
      </c>
      <c r="E5" s="246" t="s">
        <v>45</v>
      </c>
      <c r="F5" s="248" t="s">
        <v>83</v>
      </c>
      <c r="G5" s="243" t="s">
        <v>47</v>
      </c>
      <c r="H5" s="243" t="s">
        <v>48</v>
      </c>
      <c r="I5" s="243" t="s">
        <v>49</v>
      </c>
      <c r="J5" s="243" t="s">
        <v>50</v>
      </c>
      <c r="K5" s="243" t="s">
        <v>51</v>
      </c>
      <c r="L5" s="246" t="s">
        <v>45</v>
      </c>
      <c r="M5" s="507"/>
      <c r="N5" s="243" t="s">
        <v>43</v>
      </c>
      <c r="O5" s="243" t="s">
        <v>44</v>
      </c>
      <c r="P5" s="246" t="s">
        <v>45</v>
      </c>
      <c r="Q5" s="248" t="s">
        <v>83</v>
      </c>
      <c r="R5" s="243" t="s">
        <v>47</v>
      </c>
      <c r="S5" s="243" t="s">
        <v>48</v>
      </c>
      <c r="T5" s="243" t="s">
        <v>49</v>
      </c>
      <c r="U5" s="243" t="s">
        <v>50</v>
      </c>
      <c r="V5" s="243" t="s">
        <v>51</v>
      </c>
      <c r="W5" s="246" t="s">
        <v>45</v>
      </c>
      <c r="X5" s="507"/>
    </row>
    <row r="6" spans="2:24" ht="21" customHeight="1" x14ac:dyDescent="0.2">
      <c r="B6" s="470" t="s">
        <v>4</v>
      </c>
      <c r="C6" s="254">
        <v>0</v>
      </c>
      <c r="D6" s="254">
        <v>0</v>
      </c>
      <c r="E6" s="251">
        <v>0</v>
      </c>
      <c r="F6" s="253">
        <v>0</v>
      </c>
      <c r="G6" s="254">
        <v>6758</v>
      </c>
      <c r="H6" s="254">
        <v>6095</v>
      </c>
      <c r="I6" s="254">
        <v>3363</v>
      </c>
      <c r="J6" s="254">
        <v>1615</v>
      </c>
      <c r="K6" s="254">
        <v>628</v>
      </c>
      <c r="L6" s="251">
        <v>18459</v>
      </c>
      <c r="M6" s="256">
        <v>18459</v>
      </c>
      <c r="N6" s="254">
        <v>0</v>
      </c>
      <c r="O6" s="254">
        <v>0</v>
      </c>
      <c r="P6" s="251">
        <v>0</v>
      </c>
      <c r="Q6" s="253">
        <v>0</v>
      </c>
      <c r="R6" s="254">
        <v>614</v>
      </c>
      <c r="S6" s="254">
        <v>648</v>
      </c>
      <c r="T6" s="254">
        <v>994</v>
      </c>
      <c r="U6" s="254">
        <v>367</v>
      </c>
      <c r="V6" s="254">
        <v>245</v>
      </c>
      <c r="W6" s="251">
        <v>2868</v>
      </c>
      <c r="X6" s="256">
        <v>2868</v>
      </c>
    </row>
    <row r="7" spans="2:24" ht="21" customHeight="1" x14ac:dyDescent="0.2">
      <c r="B7" s="471" t="s">
        <v>5</v>
      </c>
      <c r="C7" s="261">
        <v>0</v>
      </c>
      <c r="D7" s="261">
        <v>0</v>
      </c>
      <c r="E7" s="258">
        <v>0</v>
      </c>
      <c r="F7" s="260">
        <v>0</v>
      </c>
      <c r="G7" s="261">
        <v>2721</v>
      </c>
      <c r="H7" s="261">
        <v>2984</v>
      </c>
      <c r="I7" s="261">
        <v>1563</v>
      </c>
      <c r="J7" s="261">
        <v>880</v>
      </c>
      <c r="K7" s="261">
        <v>308</v>
      </c>
      <c r="L7" s="258">
        <v>8456</v>
      </c>
      <c r="M7" s="263">
        <v>8456</v>
      </c>
      <c r="N7" s="261">
        <v>0</v>
      </c>
      <c r="O7" s="261">
        <v>0</v>
      </c>
      <c r="P7" s="258">
        <v>0</v>
      </c>
      <c r="Q7" s="260">
        <v>0</v>
      </c>
      <c r="R7" s="261">
        <v>306</v>
      </c>
      <c r="S7" s="261">
        <v>275</v>
      </c>
      <c r="T7" s="261">
        <v>492</v>
      </c>
      <c r="U7" s="261">
        <v>203</v>
      </c>
      <c r="V7" s="261">
        <v>120</v>
      </c>
      <c r="W7" s="258">
        <v>1396</v>
      </c>
      <c r="X7" s="263">
        <v>1396</v>
      </c>
    </row>
    <row r="8" spans="2:24" ht="21" customHeight="1" x14ac:dyDescent="0.2">
      <c r="B8" s="472" t="s">
        <v>6</v>
      </c>
      <c r="C8" s="261">
        <v>0</v>
      </c>
      <c r="D8" s="261">
        <v>0</v>
      </c>
      <c r="E8" s="258">
        <v>0</v>
      </c>
      <c r="F8" s="260">
        <v>0</v>
      </c>
      <c r="G8" s="261">
        <v>810</v>
      </c>
      <c r="H8" s="261">
        <v>514</v>
      </c>
      <c r="I8" s="261">
        <v>268</v>
      </c>
      <c r="J8" s="261">
        <v>241</v>
      </c>
      <c r="K8" s="261">
        <v>65</v>
      </c>
      <c r="L8" s="258">
        <v>1898</v>
      </c>
      <c r="M8" s="263">
        <v>1898</v>
      </c>
      <c r="N8" s="261">
        <v>0</v>
      </c>
      <c r="O8" s="261">
        <v>0</v>
      </c>
      <c r="P8" s="258">
        <v>0</v>
      </c>
      <c r="Q8" s="260">
        <v>0</v>
      </c>
      <c r="R8" s="261">
        <v>155</v>
      </c>
      <c r="S8" s="261">
        <v>102</v>
      </c>
      <c r="T8" s="261">
        <v>206</v>
      </c>
      <c r="U8" s="261">
        <v>43</v>
      </c>
      <c r="V8" s="261">
        <v>83</v>
      </c>
      <c r="W8" s="258">
        <v>589</v>
      </c>
      <c r="X8" s="263">
        <v>589</v>
      </c>
    </row>
    <row r="9" spans="2:24" ht="21" customHeight="1" x14ac:dyDescent="0.2">
      <c r="B9" s="472" t="s">
        <v>14</v>
      </c>
      <c r="C9" s="261">
        <v>0</v>
      </c>
      <c r="D9" s="261">
        <v>0</v>
      </c>
      <c r="E9" s="258">
        <v>0</v>
      </c>
      <c r="F9" s="260">
        <v>0</v>
      </c>
      <c r="G9" s="261">
        <v>603</v>
      </c>
      <c r="H9" s="261">
        <v>576</v>
      </c>
      <c r="I9" s="261">
        <v>391</v>
      </c>
      <c r="J9" s="261">
        <v>140</v>
      </c>
      <c r="K9" s="261">
        <v>54</v>
      </c>
      <c r="L9" s="258">
        <v>1764</v>
      </c>
      <c r="M9" s="263">
        <v>1764</v>
      </c>
      <c r="N9" s="261">
        <v>0</v>
      </c>
      <c r="O9" s="261">
        <v>0</v>
      </c>
      <c r="P9" s="258">
        <v>0</v>
      </c>
      <c r="Q9" s="260">
        <v>0</v>
      </c>
      <c r="R9" s="261">
        <v>0</v>
      </c>
      <c r="S9" s="261">
        <v>29</v>
      </c>
      <c r="T9" s="261">
        <v>16</v>
      </c>
      <c r="U9" s="261">
        <v>4</v>
      </c>
      <c r="V9" s="261">
        <v>0</v>
      </c>
      <c r="W9" s="258">
        <v>49</v>
      </c>
      <c r="X9" s="263">
        <v>49</v>
      </c>
    </row>
    <row r="10" spans="2:24" ht="21" customHeight="1" x14ac:dyDescent="0.2">
      <c r="B10" s="472" t="s">
        <v>7</v>
      </c>
      <c r="C10" s="261">
        <v>0</v>
      </c>
      <c r="D10" s="261">
        <v>0</v>
      </c>
      <c r="E10" s="258">
        <v>0</v>
      </c>
      <c r="F10" s="260">
        <v>0</v>
      </c>
      <c r="G10" s="261">
        <v>540</v>
      </c>
      <c r="H10" s="261">
        <v>362</v>
      </c>
      <c r="I10" s="261">
        <v>176</v>
      </c>
      <c r="J10" s="261">
        <v>41</v>
      </c>
      <c r="K10" s="261">
        <v>25</v>
      </c>
      <c r="L10" s="258">
        <v>1144</v>
      </c>
      <c r="M10" s="263">
        <v>1144</v>
      </c>
      <c r="N10" s="261">
        <v>0</v>
      </c>
      <c r="O10" s="261">
        <v>0</v>
      </c>
      <c r="P10" s="258">
        <v>0</v>
      </c>
      <c r="Q10" s="260">
        <v>0</v>
      </c>
      <c r="R10" s="261">
        <v>68</v>
      </c>
      <c r="S10" s="261">
        <v>86</v>
      </c>
      <c r="T10" s="261">
        <v>67</v>
      </c>
      <c r="U10" s="261">
        <v>30</v>
      </c>
      <c r="V10" s="261">
        <v>19</v>
      </c>
      <c r="W10" s="258">
        <v>270</v>
      </c>
      <c r="X10" s="263">
        <v>270</v>
      </c>
    </row>
    <row r="11" spans="2:24" ht="21" customHeight="1" x14ac:dyDescent="0.2">
      <c r="B11" s="472" t="s">
        <v>8</v>
      </c>
      <c r="C11" s="261">
        <v>0</v>
      </c>
      <c r="D11" s="261">
        <v>0</v>
      </c>
      <c r="E11" s="258">
        <v>0</v>
      </c>
      <c r="F11" s="260">
        <v>0</v>
      </c>
      <c r="G11" s="261">
        <v>190</v>
      </c>
      <c r="H11" s="261">
        <v>221</v>
      </c>
      <c r="I11" s="261">
        <v>125</v>
      </c>
      <c r="J11" s="261">
        <v>29</v>
      </c>
      <c r="K11" s="261">
        <v>21</v>
      </c>
      <c r="L11" s="258">
        <v>586</v>
      </c>
      <c r="M11" s="263">
        <v>586</v>
      </c>
      <c r="N11" s="261">
        <v>0</v>
      </c>
      <c r="O11" s="261">
        <v>0</v>
      </c>
      <c r="P11" s="258">
        <v>0</v>
      </c>
      <c r="Q11" s="260">
        <v>0</v>
      </c>
      <c r="R11" s="261">
        <v>12</v>
      </c>
      <c r="S11" s="261">
        <v>0</v>
      </c>
      <c r="T11" s="261">
        <v>0</v>
      </c>
      <c r="U11" s="261">
        <v>9</v>
      </c>
      <c r="V11" s="261">
        <v>0</v>
      </c>
      <c r="W11" s="258">
        <v>21</v>
      </c>
      <c r="X11" s="263">
        <v>21</v>
      </c>
    </row>
    <row r="12" spans="2:24" ht="21" customHeight="1" x14ac:dyDescent="0.2">
      <c r="B12" s="472" t="s">
        <v>9</v>
      </c>
      <c r="C12" s="261">
        <v>0</v>
      </c>
      <c r="D12" s="261">
        <v>0</v>
      </c>
      <c r="E12" s="258">
        <v>0</v>
      </c>
      <c r="F12" s="260">
        <v>0</v>
      </c>
      <c r="G12" s="261">
        <v>278</v>
      </c>
      <c r="H12" s="261">
        <v>199</v>
      </c>
      <c r="I12" s="261">
        <v>116</v>
      </c>
      <c r="J12" s="261">
        <v>49</v>
      </c>
      <c r="K12" s="261">
        <v>39</v>
      </c>
      <c r="L12" s="258">
        <v>681</v>
      </c>
      <c r="M12" s="263">
        <v>681</v>
      </c>
      <c r="N12" s="261">
        <v>0</v>
      </c>
      <c r="O12" s="261">
        <v>0</v>
      </c>
      <c r="P12" s="258">
        <v>0</v>
      </c>
      <c r="Q12" s="260">
        <v>0</v>
      </c>
      <c r="R12" s="261">
        <v>0</v>
      </c>
      <c r="S12" s="261">
        <v>0</v>
      </c>
      <c r="T12" s="261">
        <v>0</v>
      </c>
      <c r="U12" s="261">
        <v>0</v>
      </c>
      <c r="V12" s="261">
        <v>13</v>
      </c>
      <c r="W12" s="258">
        <v>13</v>
      </c>
      <c r="X12" s="263">
        <v>13</v>
      </c>
    </row>
    <row r="13" spans="2:24" ht="21" customHeight="1" x14ac:dyDescent="0.2">
      <c r="B13" s="472" t="s">
        <v>10</v>
      </c>
      <c r="C13" s="261">
        <v>0</v>
      </c>
      <c r="D13" s="261">
        <v>0</v>
      </c>
      <c r="E13" s="258">
        <v>0</v>
      </c>
      <c r="F13" s="260">
        <v>0</v>
      </c>
      <c r="G13" s="261">
        <v>201</v>
      </c>
      <c r="H13" s="261">
        <v>160</v>
      </c>
      <c r="I13" s="261">
        <v>103</v>
      </c>
      <c r="J13" s="261">
        <v>67</v>
      </c>
      <c r="K13" s="261">
        <v>24</v>
      </c>
      <c r="L13" s="258">
        <v>555</v>
      </c>
      <c r="M13" s="263">
        <v>555</v>
      </c>
      <c r="N13" s="261">
        <v>0</v>
      </c>
      <c r="O13" s="261">
        <v>0</v>
      </c>
      <c r="P13" s="258">
        <v>0</v>
      </c>
      <c r="Q13" s="260">
        <v>0</v>
      </c>
      <c r="R13" s="261">
        <v>17</v>
      </c>
      <c r="S13" s="261">
        <v>10</v>
      </c>
      <c r="T13" s="261">
        <v>54</v>
      </c>
      <c r="U13" s="261">
        <v>0</v>
      </c>
      <c r="V13" s="261">
        <v>5</v>
      </c>
      <c r="W13" s="258">
        <v>86</v>
      </c>
      <c r="X13" s="263">
        <v>86</v>
      </c>
    </row>
    <row r="14" spans="2:24" ht="21" customHeight="1" x14ac:dyDescent="0.2">
      <c r="B14" s="472" t="s">
        <v>11</v>
      </c>
      <c r="C14" s="261">
        <v>0</v>
      </c>
      <c r="D14" s="261">
        <v>0</v>
      </c>
      <c r="E14" s="258">
        <v>0</v>
      </c>
      <c r="F14" s="260">
        <v>0</v>
      </c>
      <c r="G14" s="261">
        <v>104</v>
      </c>
      <c r="H14" s="261">
        <v>66</v>
      </c>
      <c r="I14" s="261">
        <v>63</v>
      </c>
      <c r="J14" s="261">
        <v>22</v>
      </c>
      <c r="K14" s="261">
        <v>13</v>
      </c>
      <c r="L14" s="258">
        <v>268</v>
      </c>
      <c r="M14" s="263">
        <v>268</v>
      </c>
      <c r="N14" s="261">
        <v>0</v>
      </c>
      <c r="O14" s="261">
        <v>0</v>
      </c>
      <c r="P14" s="258">
        <v>0</v>
      </c>
      <c r="Q14" s="260">
        <v>0</v>
      </c>
      <c r="R14" s="261">
        <v>9</v>
      </c>
      <c r="S14" s="261">
        <v>53</v>
      </c>
      <c r="T14" s="261">
        <v>14</v>
      </c>
      <c r="U14" s="261">
        <v>0</v>
      </c>
      <c r="V14" s="261">
        <v>0</v>
      </c>
      <c r="W14" s="258">
        <v>76</v>
      </c>
      <c r="X14" s="263">
        <v>76</v>
      </c>
    </row>
    <row r="15" spans="2:24" ht="21" customHeight="1" x14ac:dyDescent="0.2">
      <c r="B15" s="472" t="s">
        <v>12</v>
      </c>
      <c r="C15" s="261">
        <v>0</v>
      </c>
      <c r="D15" s="261">
        <v>0</v>
      </c>
      <c r="E15" s="258">
        <v>0</v>
      </c>
      <c r="F15" s="260">
        <v>0</v>
      </c>
      <c r="G15" s="261">
        <v>207</v>
      </c>
      <c r="H15" s="261">
        <v>151</v>
      </c>
      <c r="I15" s="261">
        <v>84</v>
      </c>
      <c r="J15" s="261">
        <v>37</v>
      </c>
      <c r="K15" s="261">
        <v>9</v>
      </c>
      <c r="L15" s="258">
        <v>488</v>
      </c>
      <c r="M15" s="263">
        <v>488</v>
      </c>
      <c r="N15" s="261">
        <v>0</v>
      </c>
      <c r="O15" s="261">
        <v>0</v>
      </c>
      <c r="P15" s="258">
        <v>0</v>
      </c>
      <c r="Q15" s="260">
        <v>0</v>
      </c>
      <c r="R15" s="261">
        <v>0</v>
      </c>
      <c r="S15" s="261">
        <v>0</v>
      </c>
      <c r="T15" s="261">
        <v>0</v>
      </c>
      <c r="U15" s="261">
        <v>0</v>
      </c>
      <c r="V15" s="261">
        <v>0</v>
      </c>
      <c r="W15" s="258">
        <v>0</v>
      </c>
      <c r="X15" s="263">
        <v>0</v>
      </c>
    </row>
    <row r="16" spans="2:24" ht="21" customHeight="1" x14ac:dyDescent="0.2">
      <c r="B16" s="472" t="s">
        <v>13</v>
      </c>
      <c r="C16" s="261">
        <v>0</v>
      </c>
      <c r="D16" s="261">
        <v>0</v>
      </c>
      <c r="E16" s="258">
        <v>0</v>
      </c>
      <c r="F16" s="260">
        <v>0</v>
      </c>
      <c r="G16" s="261">
        <v>119</v>
      </c>
      <c r="H16" s="261">
        <v>78</v>
      </c>
      <c r="I16" s="261">
        <v>57</v>
      </c>
      <c r="J16" s="261">
        <v>19</v>
      </c>
      <c r="K16" s="261">
        <v>0</v>
      </c>
      <c r="L16" s="258">
        <v>273</v>
      </c>
      <c r="M16" s="263">
        <v>273</v>
      </c>
      <c r="N16" s="261">
        <v>0</v>
      </c>
      <c r="O16" s="261">
        <v>0</v>
      </c>
      <c r="P16" s="258">
        <v>0</v>
      </c>
      <c r="Q16" s="260">
        <v>0</v>
      </c>
      <c r="R16" s="261">
        <v>0</v>
      </c>
      <c r="S16" s="261">
        <v>26</v>
      </c>
      <c r="T16" s="261">
        <v>32</v>
      </c>
      <c r="U16" s="261">
        <v>7</v>
      </c>
      <c r="V16" s="261">
        <v>5</v>
      </c>
      <c r="W16" s="258">
        <v>70</v>
      </c>
      <c r="X16" s="263">
        <v>70</v>
      </c>
    </row>
    <row r="17" spans="2:24" ht="21" customHeight="1" x14ac:dyDescent="0.2">
      <c r="B17" s="472" t="s">
        <v>15</v>
      </c>
      <c r="C17" s="261">
        <v>0</v>
      </c>
      <c r="D17" s="261">
        <v>0</v>
      </c>
      <c r="E17" s="258">
        <v>0</v>
      </c>
      <c r="F17" s="260">
        <v>0</v>
      </c>
      <c r="G17" s="261">
        <v>32</v>
      </c>
      <c r="H17" s="261">
        <v>41</v>
      </c>
      <c r="I17" s="261">
        <v>19</v>
      </c>
      <c r="J17" s="261">
        <v>13</v>
      </c>
      <c r="K17" s="261">
        <v>0</v>
      </c>
      <c r="L17" s="258">
        <v>105</v>
      </c>
      <c r="M17" s="263">
        <v>105</v>
      </c>
      <c r="N17" s="261">
        <v>0</v>
      </c>
      <c r="O17" s="261">
        <v>0</v>
      </c>
      <c r="P17" s="258">
        <v>0</v>
      </c>
      <c r="Q17" s="260">
        <v>0</v>
      </c>
      <c r="R17" s="261">
        <v>12</v>
      </c>
      <c r="S17" s="261">
        <v>0</v>
      </c>
      <c r="T17" s="261">
        <v>0</v>
      </c>
      <c r="U17" s="261">
        <v>10</v>
      </c>
      <c r="V17" s="261">
        <v>0</v>
      </c>
      <c r="W17" s="258">
        <v>22</v>
      </c>
      <c r="X17" s="263">
        <v>22</v>
      </c>
    </row>
    <row r="18" spans="2:24" ht="21" customHeight="1" x14ac:dyDescent="0.2">
      <c r="B18" s="472" t="s">
        <v>16</v>
      </c>
      <c r="C18" s="261">
        <v>0</v>
      </c>
      <c r="D18" s="261">
        <v>0</v>
      </c>
      <c r="E18" s="258">
        <v>0</v>
      </c>
      <c r="F18" s="260">
        <v>0</v>
      </c>
      <c r="G18" s="261">
        <v>74</v>
      </c>
      <c r="H18" s="261">
        <v>70</v>
      </c>
      <c r="I18" s="261">
        <v>70</v>
      </c>
      <c r="J18" s="261">
        <v>9</v>
      </c>
      <c r="K18" s="261">
        <v>13</v>
      </c>
      <c r="L18" s="258">
        <v>236</v>
      </c>
      <c r="M18" s="263">
        <v>236</v>
      </c>
      <c r="N18" s="261">
        <v>0</v>
      </c>
      <c r="O18" s="261">
        <v>0</v>
      </c>
      <c r="P18" s="258">
        <v>0</v>
      </c>
      <c r="Q18" s="260">
        <v>0</v>
      </c>
      <c r="R18" s="261">
        <v>11</v>
      </c>
      <c r="S18" s="261">
        <v>14</v>
      </c>
      <c r="T18" s="261">
        <v>7</v>
      </c>
      <c r="U18" s="261">
        <v>0</v>
      </c>
      <c r="V18" s="261">
        <v>0</v>
      </c>
      <c r="W18" s="258">
        <v>32</v>
      </c>
      <c r="X18" s="263">
        <v>32</v>
      </c>
    </row>
    <row r="19" spans="2:24" ht="21" customHeight="1" x14ac:dyDescent="0.2">
      <c r="B19" s="472" t="s">
        <v>17</v>
      </c>
      <c r="C19" s="261">
        <v>0</v>
      </c>
      <c r="D19" s="261">
        <v>0</v>
      </c>
      <c r="E19" s="258">
        <v>0</v>
      </c>
      <c r="F19" s="260">
        <v>0</v>
      </c>
      <c r="G19" s="261">
        <v>192</v>
      </c>
      <c r="H19" s="261">
        <v>183</v>
      </c>
      <c r="I19" s="261">
        <v>91</v>
      </c>
      <c r="J19" s="261">
        <v>12</v>
      </c>
      <c r="K19" s="261">
        <v>36</v>
      </c>
      <c r="L19" s="258">
        <v>514</v>
      </c>
      <c r="M19" s="263">
        <v>514</v>
      </c>
      <c r="N19" s="261">
        <v>0</v>
      </c>
      <c r="O19" s="261">
        <v>0</v>
      </c>
      <c r="P19" s="258">
        <v>0</v>
      </c>
      <c r="Q19" s="260">
        <v>0</v>
      </c>
      <c r="R19" s="261">
        <v>11</v>
      </c>
      <c r="S19" s="261">
        <v>7</v>
      </c>
      <c r="T19" s="261">
        <v>0</v>
      </c>
      <c r="U19" s="261">
        <v>0</v>
      </c>
      <c r="V19" s="261">
        <v>0</v>
      </c>
      <c r="W19" s="258">
        <v>18</v>
      </c>
      <c r="X19" s="263">
        <v>18</v>
      </c>
    </row>
    <row r="20" spans="2:24" ht="21" customHeight="1" x14ac:dyDescent="0.2">
      <c r="B20" s="472" t="s">
        <v>18</v>
      </c>
      <c r="C20" s="261">
        <v>0</v>
      </c>
      <c r="D20" s="261">
        <v>0</v>
      </c>
      <c r="E20" s="258">
        <v>0</v>
      </c>
      <c r="F20" s="260">
        <v>0</v>
      </c>
      <c r="G20" s="261">
        <v>176</v>
      </c>
      <c r="H20" s="261">
        <v>146</v>
      </c>
      <c r="I20" s="261">
        <v>52</v>
      </c>
      <c r="J20" s="261">
        <v>0</v>
      </c>
      <c r="K20" s="261">
        <v>0</v>
      </c>
      <c r="L20" s="258">
        <v>374</v>
      </c>
      <c r="M20" s="263">
        <v>374</v>
      </c>
      <c r="N20" s="261">
        <v>0</v>
      </c>
      <c r="O20" s="261">
        <v>0</v>
      </c>
      <c r="P20" s="258">
        <v>0</v>
      </c>
      <c r="Q20" s="260">
        <v>0</v>
      </c>
      <c r="R20" s="261">
        <v>0</v>
      </c>
      <c r="S20" s="261">
        <v>24</v>
      </c>
      <c r="T20" s="261">
        <v>47</v>
      </c>
      <c r="U20" s="261">
        <v>22</v>
      </c>
      <c r="V20" s="261">
        <v>0</v>
      </c>
      <c r="W20" s="258">
        <v>93</v>
      </c>
      <c r="X20" s="263">
        <v>93</v>
      </c>
    </row>
    <row r="21" spans="2:24" ht="21" customHeight="1" x14ac:dyDescent="0.2">
      <c r="B21" s="472" t="s">
        <v>19</v>
      </c>
      <c r="C21" s="261">
        <v>0</v>
      </c>
      <c r="D21" s="261">
        <v>0</v>
      </c>
      <c r="E21" s="258">
        <v>0</v>
      </c>
      <c r="F21" s="260">
        <v>0</v>
      </c>
      <c r="G21" s="261">
        <v>51</v>
      </c>
      <c r="H21" s="261">
        <v>46</v>
      </c>
      <c r="I21" s="261">
        <v>19</v>
      </c>
      <c r="J21" s="261">
        <v>0</v>
      </c>
      <c r="K21" s="261">
        <v>0</v>
      </c>
      <c r="L21" s="258">
        <v>116</v>
      </c>
      <c r="M21" s="263">
        <v>116</v>
      </c>
      <c r="N21" s="261">
        <v>0</v>
      </c>
      <c r="O21" s="261">
        <v>0</v>
      </c>
      <c r="P21" s="258">
        <v>0</v>
      </c>
      <c r="Q21" s="260">
        <v>0</v>
      </c>
      <c r="R21" s="261">
        <v>13</v>
      </c>
      <c r="S21" s="261">
        <v>12</v>
      </c>
      <c r="T21" s="261">
        <v>25</v>
      </c>
      <c r="U21" s="261">
        <v>0</v>
      </c>
      <c r="V21" s="261">
        <v>0</v>
      </c>
      <c r="W21" s="258">
        <v>50</v>
      </c>
      <c r="X21" s="263">
        <v>50</v>
      </c>
    </row>
    <row r="22" spans="2:24" ht="21" customHeight="1" x14ac:dyDescent="0.2">
      <c r="B22" s="472" t="s">
        <v>20</v>
      </c>
      <c r="C22" s="261">
        <v>0</v>
      </c>
      <c r="D22" s="261">
        <v>0</v>
      </c>
      <c r="E22" s="258">
        <v>0</v>
      </c>
      <c r="F22" s="260">
        <v>0</v>
      </c>
      <c r="G22" s="261">
        <v>111</v>
      </c>
      <c r="H22" s="261">
        <v>88</v>
      </c>
      <c r="I22" s="261">
        <v>46</v>
      </c>
      <c r="J22" s="261">
        <v>11</v>
      </c>
      <c r="K22" s="261">
        <v>13</v>
      </c>
      <c r="L22" s="258">
        <v>269</v>
      </c>
      <c r="M22" s="263">
        <v>269</v>
      </c>
      <c r="N22" s="261">
        <v>0</v>
      </c>
      <c r="O22" s="261">
        <v>0</v>
      </c>
      <c r="P22" s="258">
        <v>0</v>
      </c>
      <c r="Q22" s="260">
        <v>0</v>
      </c>
      <c r="R22" s="261">
        <v>0</v>
      </c>
      <c r="S22" s="261">
        <v>0</v>
      </c>
      <c r="T22" s="261">
        <v>0</v>
      </c>
      <c r="U22" s="261">
        <v>0</v>
      </c>
      <c r="V22" s="261">
        <v>0</v>
      </c>
      <c r="W22" s="258">
        <v>0</v>
      </c>
      <c r="X22" s="263">
        <v>0</v>
      </c>
    </row>
    <row r="23" spans="2:24" ht="21" customHeight="1" x14ac:dyDescent="0.2">
      <c r="B23" s="472" t="s">
        <v>21</v>
      </c>
      <c r="C23" s="261">
        <v>0</v>
      </c>
      <c r="D23" s="261">
        <v>0</v>
      </c>
      <c r="E23" s="258">
        <v>0</v>
      </c>
      <c r="F23" s="260">
        <v>0</v>
      </c>
      <c r="G23" s="261">
        <v>101</v>
      </c>
      <c r="H23" s="261">
        <v>65</v>
      </c>
      <c r="I23" s="261">
        <v>20</v>
      </c>
      <c r="J23" s="261">
        <v>15</v>
      </c>
      <c r="K23" s="261">
        <v>0</v>
      </c>
      <c r="L23" s="258">
        <v>201</v>
      </c>
      <c r="M23" s="263">
        <v>201</v>
      </c>
      <c r="N23" s="261">
        <v>0</v>
      </c>
      <c r="O23" s="261">
        <v>0</v>
      </c>
      <c r="P23" s="258">
        <v>0</v>
      </c>
      <c r="Q23" s="260">
        <v>0</v>
      </c>
      <c r="R23" s="261">
        <v>0</v>
      </c>
      <c r="S23" s="261">
        <v>0</v>
      </c>
      <c r="T23" s="261">
        <v>0</v>
      </c>
      <c r="U23" s="261">
        <v>0</v>
      </c>
      <c r="V23" s="261">
        <v>0</v>
      </c>
      <c r="W23" s="258">
        <v>0</v>
      </c>
      <c r="X23" s="263">
        <v>0</v>
      </c>
    </row>
    <row r="24" spans="2:24" ht="21" customHeight="1" x14ac:dyDescent="0.2">
      <c r="B24" s="472" t="s">
        <v>22</v>
      </c>
      <c r="C24" s="261">
        <v>0</v>
      </c>
      <c r="D24" s="261">
        <v>0</v>
      </c>
      <c r="E24" s="258">
        <v>0</v>
      </c>
      <c r="F24" s="260">
        <v>0</v>
      </c>
      <c r="G24" s="261">
        <v>39</v>
      </c>
      <c r="H24" s="261">
        <v>22</v>
      </c>
      <c r="I24" s="261">
        <v>7</v>
      </c>
      <c r="J24" s="261">
        <v>13</v>
      </c>
      <c r="K24" s="261">
        <v>0</v>
      </c>
      <c r="L24" s="258">
        <v>81</v>
      </c>
      <c r="M24" s="263">
        <v>81</v>
      </c>
      <c r="N24" s="261">
        <v>0</v>
      </c>
      <c r="O24" s="261">
        <v>0</v>
      </c>
      <c r="P24" s="258">
        <v>0</v>
      </c>
      <c r="Q24" s="260">
        <v>0</v>
      </c>
      <c r="R24" s="261">
        <v>0</v>
      </c>
      <c r="S24" s="261">
        <v>0</v>
      </c>
      <c r="T24" s="261">
        <v>9</v>
      </c>
      <c r="U24" s="261">
        <v>0</v>
      </c>
      <c r="V24" s="261">
        <v>0</v>
      </c>
      <c r="W24" s="258">
        <v>9</v>
      </c>
      <c r="X24" s="263">
        <v>9</v>
      </c>
    </row>
    <row r="25" spans="2:24" ht="21" customHeight="1" x14ac:dyDescent="0.2">
      <c r="B25" s="472" t="s">
        <v>23</v>
      </c>
      <c r="C25" s="261">
        <v>0</v>
      </c>
      <c r="D25" s="261">
        <v>0</v>
      </c>
      <c r="E25" s="258">
        <v>0</v>
      </c>
      <c r="F25" s="260">
        <v>0</v>
      </c>
      <c r="G25" s="261">
        <v>29</v>
      </c>
      <c r="H25" s="261">
        <v>17</v>
      </c>
      <c r="I25" s="261">
        <v>32</v>
      </c>
      <c r="J25" s="261">
        <v>0</v>
      </c>
      <c r="K25" s="261">
        <v>0</v>
      </c>
      <c r="L25" s="258">
        <v>78</v>
      </c>
      <c r="M25" s="263">
        <v>78</v>
      </c>
      <c r="N25" s="261">
        <v>0</v>
      </c>
      <c r="O25" s="261">
        <v>0</v>
      </c>
      <c r="P25" s="258">
        <v>0</v>
      </c>
      <c r="Q25" s="260">
        <v>0</v>
      </c>
      <c r="R25" s="261">
        <v>0</v>
      </c>
      <c r="S25" s="261">
        <v>0</v>
      </c>
      <c r="T25" s="261">
        <v>0</v>
      </c>
      <c r="U25" s="261">
        <v>0</v>
      </c>
      <c r="V25" s="261">
        <v>0</v>
      </c>
      <c r="W25" s="258">
        <v>0</v>
      </c>
      <c r="X25" s="263">
        <v>0</v>
      </c>
    </row>
    <row r="26" spans="2:24" ht="21" customHeight="1" x14ac:dyDescent="0.2">
      <c r="B26" s="472" t="s">
        <v>24</v>
      </c>
      <c r="C26" s="261">
        <v>0</v>
      </c>
      <c r="D26" s="261">
        <v>0</v>
      </c>
      <c r="E26" s="258">
        <v>0</v>
      </c>
      <c r="F26" s="260">
        <v>0</v>
      </c>
      <c r="G26" s="261">
        <v>4</v>
      </c>
      <c r="H26" s="261">
        <v>23</v>
      </c>
      <c r="I26" s="261">
        <v>7</v>
      </c>
      <c r="J26" s="261">
        <v>0</v>
      </c>
      <c r="K26" s="261">
        <v>0</v>
      </c>
      <c r="L26" s="258">
        <v>34</v>
      </c>
      <c r="M26" s="263">
        <v>34</v>
      </c>
      <c r="N26" s="261">
        <v>0</v>
      </c>
      <c r="O26" s="261">
        <v>0</v>
      </c>
      <c r="P26" s="258">
        <v>0</v>
      </c>
      <c r="Q26" s="260">
        <v>0</v>
      </c>
      <c r="R26" s="261">
        <v>0</v>
      </c>
      <c r="S26" s="261">
        <v>0</v>
      </c>
      <c r="T26" s="261">
        <v>14</v>
      </c>
      <c r="U26" s="261">
        <v>0</v>
      </c>
      <c r="V26" s="261">
        <v>0</v>
      </c>
      <c r="W26" s="258">
        <v>14</v>
      </c>
      <c r="X26" s="263">
        <v>14</v>
      </c>
    </row>
    <row r="27" spans="2:24" ht="21" customHeight="1" x14ac:dyDescent="0.2">
      <c r="B27" s="472" t="s">
        <v>25</v>
      </c>
      <c r="C27" s="261">
        <v>0</v>
      </c>
      <c r="D27" s="261">
        <v>0</v>
      </c>
      <c r="E27" s="258">
        <v>0</v>
      </c>
      <c r="F27" s="260">
        <v>0</v>
      </c>
      <c r="G27" s="261">
        <v>41</v>
      </c>
      <c r="H27" s="261">
        <v>8</v>
      </c>
      <c r="I27" s="261">
        <v>9</v>
      </c>
      <c r="J27" s="261">
        <v>0</v>
      </c>
      <c r="K27" s="261">
        <v>0</v>
      </c>
      <c r="L27" s="258">
        <v>58</v>
      </c>
      <c r="M27" s="263">
        <v>58</v>
      </c>
      <c r="N27" s="261">
        <v>0</v>
      </c>
      <c r="O27" s="261">
        <v>0</v>
      </c>
      <c r="P27" s="258">
        <v>0</v>
      </c>
      <c r="Q27" s="260">
        <v>0</v>
      </c>
      <c r="R27" s="261">
        <v>0</v>
      </c>
      <c r="S27" s="261">
        <v>0</v>
      </c>
      <c r="T27" s="261">
        <v>0</v>
      </c>
      <c r="U27" s="261">
        <v>0</v>
      </c>
      <c r="V27" s="261">
        <v>0</v>
      </c>
      <c r="W27" s="258">
        <v>0</v>
      </c>
      <c r="X27" s="263">
        <v>0</v>
      </c>
    </row>
    <row r="28" spans="2:24" ht="21" customHeight="1" x14ac:dyDescent="0.2">
      <c r="B28" s="472" t="s">
        <v>26</v>
      </c>
      <c r="C28" s="261">
        <v>0</v>
      </c>
      <c r="D28" s="261">
        <v>0</v>
      </c>
      <c r="E28" s="258">
        <v>0</v>
      </c>
      <c r="F28" s="260">
        <v>0</v>
      </c>
      <c r="G28" s="261">
        <v>37</v>
      </c>
      <c r="H28" s="261">
        <v>6</v>
      </c>
      <c r="I28" s="261">
        <v>9</v>
      </c>
      <c r="J28" s="261">
        <v>8</v>
      </c>
      <c r="K28" s="261">
        <v>4</v>
      </c>
      <c r="L28" s="258">
        <v>64</v>
      </c>
      <c r="M28" s="263">
        <v>64</v>
      </c>
      <c r="N28" s="261">
        <v>0</v>
      </c>
      <c r="O28" s="261">
        <v>0</v>
      </c>
      <c r="P28" s="258">
        <v>0</v>
      </c>
      <c r="Q28" s="260">
        <v>0</v>
      </c>
      <c r="R28" s="261">
        <v>0</v>
      </c>
      <c r="S28" s="261">
        <v>4</v>
      </c>
      <c r="T28" s="261">
        <v>11</v>
      </c>
      <c r="U28" s="261">
        <v>0</v>
      </c>
      <c r="V28" s="261">
        <v>0</v>
      </c>
      <c r="W28" s="258">
        <v>15</v>
      </c>
      <c r="X28" s="263">
        <v>15</v>
      </c>
    </row>
    <row r="29" spans="2:24" ht="21" customHeight="1" x14ac:dyDescent="0.2">
      <c r="B29" s="472" t="s">
        <v>27</v>
      </c>
      <c r="C29" s="261">
        <v>0</v>
      </c>
      <c r="D29" s="261">
        <v>0</v>
      </c>
      <c r="E29" s="258">
        <v>0</v>
      </c>
      <c r="F29" s="260">
        <v>0</v>
      </c>
      <c r="G29" s="261">
        <v>0</v>
      </c>
      <c r="H29" s="261">
        <v>5</v>
      </c>
      <c r="I29" s="261">
        <v>0</v>
      </c>
      <c r="J29" s="261">
        <v>0</v>
      </c>
      <c r="K29" s="261">
        <v>0</v>
      </c>
      <c r="L29" s="258">
        <v>5</v>
      </c>
      <c r="M29" s="263">
        <v>5</v>
      </c>
      <c r="N29" s="261">
        <v>0</v>
      </c>
      <c r="O29" s="261">
        <v>0</v>
      </c>
      <c r="P29" s="258">
        <v>0</v>
      </c>
      <c r="Q29" s="260">
        <v>0</v>
      </c>
      <c r="R29" s="261">
        <v>0</v>
      </c>
      <c r="S29" s="261">
        <v>0</v>
      </c>
      <c r="T29" s="261">
        <v>0</v>
      </c>
      <c r="U29" s="261">
        <v>22</v>
      </c>
      <c r="V29" s="261">
        <v>0</v>
      </c>
      <c r="W29" s="258">
        <v>22</v>
      </c>
      <c r="X29" s="263">
        <v>22</v>
      </c>
    </row>
    <row r="30" spans="2:24" ht="21" customHeight="1" x14ac:dyDescent="0.2">
      <c r="B30" s="472" t="s">
        <v>28</v>
      </c>
      <c r="C30" s="261">
        <v>0</v>
      </c>
      <c r="D30" s="261">
        <v>0</v>
      </c>
      <c r="E30" s="258">
        <v>0</v>
      </c>
      <c r="F30" s="260">
        <v>0</v>
      </c>
      <c r="G30" s="261">
        <v>18</v>
      </c>
      <c r="H30" s="261">
        <v>9</v>
      </c>
      <c r="I30" s="261">
        <v>0</v>
      </c>
      <c r="J30" s="261">
        <v>0</v>
      </c>
      <c r="K30" s="261">
        <v>0</v>
      </c>
      <c r="L30" s="258">
        <v>27</v>
      </c>
      <c r="M30" s="263">
        <v>27</v>
      </c>
      <c r="N30" s="261">
        <v>0</v>
      </c>
      <c r="O30" s="261">
        <v>0</v>
      </c>
      <c r="P30" s="258">
        <v>0</v>
      </c>
      <c r="Q30" s="260">
        <v>0</v>
      </c>
      <c r="R30" s="261">
        <v>0</v>
      </c>
      <c r="S30" s="261">
        <v>0</v>
      </c>
      <c r="T30" s="261">
        <v>0</v>
      </c>
      <c r="U30" s="261">
        <v>0</v>
      </c>
      <c r="V30" s="261">
        <v>0</v>
      </c>
      <c r="W30" s="258">
        <v>0</v>
      </c>
      <c r="X30" s="263">
        <v>0</v>
      </c>
    </row>
    <row r="31" spans="2:24" ht="21" customHeight="1" x14ac:dyDescent="0.2">
      <c r="B31" s="472" t="s">
        <v>29</v>
      </c>
      <c r="C31" s="261">
        <v>0</v>
      </c>
      <c r="D31" s="261">
        <v>0</v>
      </c>
      <c r="E31" s="258">
        <v>0</v>
      </c>
      <c r="F31" s="260">
        <v>0</v>
      </c>
      <c r="G31" s="261">
        <v>0</v>
      </c>
      <c r="H31" s="261">
        <v>15</v>
      </c>
      <c r="I31" s="261">
        <v>16</v>
      </c>
      <c r="J31" s="261">
        <v>0</v>
      </c>
      <c r="K31" s="261">
        <v>0</v>
      </c>
      <c r="L31" s="258">
        <v>31</v>
      </c>
      <c r="M31" s="263">
        <v>31</v>
      </c>
      <c r="N31" s="261">
        <v>0</v>
      </c>
      <c r="O31" s="261">
        <v>0</v>
      </c>
      <c r="P31" s="258">
        <v>0</v>
      </c>
      <c r="Q31" s="260">
        <v>0</v>
      </c>
      <c r="R31" s="261">
        <v>0</v>
      </c>
      <c r="S31" s="261">
        <v>0</v>
      </c>
      <c r="T31" s="261">
        <v>0</v>
      </c>
      <c r="U31" s="261">
        <v>0</v>
      </c>
      <c r="V31" s="261">
        <v>0</v>
      </c>
      <c r="W31" s="258">
        <v>0</v>
      </c>
      <c r="X31" s="263">
        <v>0</v>
      </c>
    </row>
    <row r="32" spans="2:24" ht="21" customHeight="1" x14ac:dyDescent="0.2">
      <c r="B32" s="472" t="s">
        <v>30</v>
      </c>
      <c r="C32" s="261">
        <v>0</v>
      </c>
      <c r="D32" s="261">
        <v>0</v>
      </c>
      <c r="E32" s="258">
        <v>0</v>
      </c>
      <c r="F32" s="260">
        <v>0</v>
      </c>
      <c r="G32" s="261">
        <v>20</v>
      </c>
      <c r="H32" s="261">
        <v>0</v>
      </c>
      <c r="I32" s="261">
        <v>16</v>
      </c>
      <c r="J32" s="261">
        <v>0</v>
      </c>
      <c r="K32" s="261">
        <v>0</v>
      </c>
      <c r="L32" s="258">
        <v>36</v>
      </c>
      <c r="M32" s="263">
        <v>36</v>
      </c>
      <c r="N32" s="261">
        <v>0</v>
      </c>
      <c r="O32" s="261">
        <v>0</v>
      </c>
      <c r="P32" s="258">
        <v>0</v>
      </c>
      <c r="Q32" s="260">
        <v>0</v>
      </c>
      <c r="R32" s="261">
        <v>0</v>
      </c>
      <c r="S32" s="261">
        <v>6</v>
      </c>
      <c r="T32" s="261">
        <v>0</v>
      </c>
      <c r="U32" s="261">
        <v>0</v>
      </c>
      <c r="V32" s="261">
        <v>0</v>
      </c>
      <c r="W32" s="258">
        <v>6</v>
      </c>
      <c r="X32" s="263">
        <v>6</v>
      </c>
    </row>
    <row r="33" spans="2:24" ht="21" customHeight="1" x14ac:dyDescent="0.2">
      <c r="B33" s="472" t="s">
        <v>31</v>
      </c>
      <c r="C33" s="261">
        <v>0</v>
      </c>
      <c r="D33" s="261">
        <v>0</v>
      </c>
      <c r="E33" s="258">
        <v>0</v>
      </c>
      <c r="F33" s="260">
        <v>0</v>
      </c>
      <c r="G33" s="261">
        <v>2</v>
      </c>
      <c r="H33" s="261">
        <v>3</v>
      </c>
      <c r="I33" s="261">
        <v>4</v>
      </c>
      <c r="J33" s="261">
        <v>0</v>
      </c>
      <c r="K33" s="261">
        <v>0</v>
      </c>
      <c r="L33" s="258">
        <v>9</v>
      </c>
      <c r="M33" s="263">
        <v>9</v>
      </c>
      <c r="N33" s="261">
        <v>0</v>
      </c>
      <c r="O33" s="261">
        <v>0</v>
      </c>
      <c r="P33" s="258">
        <v>0</v>
      </c>
      <c r="Q33" s="260">
        <v>0</v>
      </c>
      <c r="R33" s="261">
        <v>0</v>
      </c>
      <c r="S33" s="261">
        <v>0</v>
      </c>
      <c r="T33" s="261">
        <v>0</v>
      </c>
      <c r="U33" s="261">
        <v>17</v>
      </c>
      <c r="V33" s="261">
        <v>0</v>
      </c>
      <c r="W33" s="258">
        <v>17</v>
      </c>
      <c r="X33" s="263">
        <v>17</v>
      </c>
    </row>
    <row r="34" spans="2:24" ht="21" customHeight="1" x14ac:dyDescent="0.2">
      <c r="B34" s="472" t="s">
        <v>32</v>
      </c>
      <c r="C34" s="261">
        <v>0</v>
      </c>
      <c r="D34" s="261">
        <v>0</v>
      </c>
      <c r="E34" s="258">
        <v>0</v>
      </c>
      <c r="F34" s="260">
        <v>0</v>
      </c>
      <c r="G34" s="261">
        <v>21</v>
      </c>
      <c r="H34" s="261">
        <v>18</v>
      </c>
      <c r="I34" s="261">
        <v>0</v>
      </c>
      <c r="J34" s="261">
        <v>0</v>
      </c>
      <c r="K34" s="261">
        <v>4</v>
      </c>
      <c r="L34" s="258">
        <v>43</v>
      </c>
      <c r="M34" s="263">
        <v>43</v>
      </c>
      <c r="N34" s="261">
        <v>0</v>
      </c>
      <c r="O34" s="261">
        <v>0</v>
      </c>
      <c r="P34" s="258">
        <v>0</v>
      </c>
      <c r="Q34" s="260">
        <v>0</v>
      </c>
      <c r="R34" s="261">
        <v>0</v>
      </c>
      <c r="S34" s="261">
        <v>0</v>
      </c>
      <c r="T34" s="261">
        <v>0</v>
      </c>
      <c r="U34" s="261">
        <v>0</v>
      </c>
      <c r="V34" s="261">
        <v>0</v>
      </c>
      <c r="W34" s="258">
        <v>0</v>
      </c>
      <c r="X34" s="263">
        <v>0</v>
      </c>
    </row>
    <row r="35" spans="2:24" ht="21" customHeight="1" x14ac:dyDescent="0.2">
      <c r="B35" s="472" t="s">
        <v>33</v>
      </c>
      <c r="C35" s="261">
        <v>0</v>
      </c>
      <c r="D35" s="261">
        <v>0</v>
      </c>
      <c r="E35" s="258">
        <v>0</v>
      </c>
      <c r="F35" s="260">
        <v>0</v>
      </c>
      <c r="G35" s="261">
        <v>7</v>
      </c>
      <c r="H35" s="261">
        <v>0</v>
      </c>
      <c r="I35" s="261">
        <v>0</v>
      </c>
      <c r="J35" s="261">
        <v>0</v>
      </c>
      <c r="K35" s="261">
        <v>0</v>
      </c>
      <c r="L35" s="258">
        <v>7</v>
      </c>
      <c r="M35" s="263">
        <v>7</v>
      </c>
      <c r="N35" s="261">
        <v>0</v>
      </c>
      <c r="O35" s="261">
        <v>0</v>
      </c>
      <c r="P35" s="258">
        <v>0</v>
      </c>
      <c r="Q35" s="260">
        <v>0</v>
      </c>
      <c r="R35" s="261">
        <v>0</v>
      </c>
      <c r="S35" s="261">
        <v>0</v>
      </c>
      <c r="T35" s="261">
        <v>0</v>
      </c>
      <c r="U35" s="261">
        <v>0</v>
      </c>
      <c r="V35" s="261">
        <v>0</v>
      </c>
      <c r="W35" s="258">
        <v>0</v>
      </c>
      <c r="X35" s="263">
        <v>0</v>
      </c>
    </row>
    <row r="36" spans="2:24" ht="21" customHeight="1" x14ac:dyDescent="0.2">
      <c r="B36" s="472" t="s">
        <v>34</v>
      </c>
      <c r="C36" s="261">
        <v>0</v>
      </c>
      <c r="D36" s="261">
        <v>0</v>
      </c>
      <c r="E36" s="258">
        <v>0</v>
      </c>
      <c r="F36" s="260">
        <v>0</v>
      </c>
      <c r="G36" s="261">
        <v>14</v>
      </c>
      <c r="H36" s="261">
        <v>15</v>
      </c>
      <c r="I36" s="261">
        <v>0</v>
      </c>
      <c r="J36" s="261">
        <v>0</v>
      </c>
      <c r="K36" s="261">
        <v>0</v>
      </c>
      <c r="L36" s="258">
        <v>29</v>
      </c>
      <c r="M36" s="263">
        <v>29</v>
      </c>
      <c r="N36" s="261">
        <v>0</v>
      </c>
      <c r="O36" s="261">
        <v>0</v>
      </c>
      <c r="P36" s="258">
        <v>0</v>
      </c>
      <c r="Q36" s="260">
        <v>0</v>
      </c>
      <c r="R36" s="261">
        <v>0</v>
      </c>
      <c r="S36" s="261">
        <v>0</v>
      </c>
      <c r="T36" s="261">
        <v>0</v>
      </c>
      <c r="U36" s="261">
        <v>0</v>
      </c>
      <c r="V36" s="261">
        <v>0</v>
      </c>
      <c r="W36" s="258">
        <v>0</v>
      </c>
      <c r="X36" s="263">
        <v>0</v>
      </c>
    </row>
    <row r="37" spans="2:24" ht="21" customHeight="1" x14ac:dyDescent="0.2">
      <c r="B37" s="472" t="s">
        <v>35</v>
      </c>
      <c r="C37" s="261">
        <v>0</v>
      </c>
      <c r="D37" s="261">
        <v>0</v>
      </c>
      <c r="E37" s="258">
        <v>0</v>
      </c>
      <c r="F37" s="260">
        <v>0</v>
      </c>
      <c r="G37" s="261">
        <v>0</v>
      </c>
      <c r="H37" s="261">
        <v>0</v>
      </c>
      <c r="I37" s="261">
        <v>0</v>
      </c>
      <c r="J37" s="261">
        <v>0</v>
      </c>
      <c r="K37" s="261">
        <v>0</v>
      </c>
      <c r="L37" s="258">
        <v>0</v>
      </c>
      <c r="M37" s="263">
        <v>0</v>
      </c>
      <c r="N37" s="261">
        <v>0</v>
      </c>
      <c r="O37" s="261">
        <v>0</v>
      </c>
      <c r="P37" s="258">
        <v>0</v>
      </c>
      <c r="Q37" s="260">
        <v>0</v>
      </c>
      <c r="R37" s="261">
        <v>0</v>
      </c>
      <c r="S37" s="261">
        <v>0</v>
      </c>
      <c r="T37" s="261">
        <v>0</v>
      </c>
      <c r="U37" s="261">
        <v>0</v>
      </c>
      <c r="V37" s="261">
        <v>0</v>
      </c>
      <c r="W37" s="258">
        <v>0</v>
      </c>
      <c r="X37" s="263">
        <v>0</v>
      </c>
    </row>
    <row r="38" spans="2:24" ht="21" customHeight="1" x14ac:dyDescent="0.2">
      <c r="B38" s="472" t="s">
        <v>36</v>
      </c>
      <c r="C38" s="261">
        <v>0</v>
      </c>
      <c r="D38" s="261">
        <v>0</v>
      </c>
      <c r="E38" s="258">
        <v>0</v>
      </c>
      <c r="F38" s="260">
        <v>0</v>
      </c>
      <c r="G38" s="261">
        <v>16</v>
      </c>
      <c r="H38" s="261">
        <v>4</v>
      </c>
      <c r="I38" s="261">
        <v>0</v>
      </c>
      <c r="J38" s="261">
        <v>9</v>
      </c>
      <c r="K38" s="261">
        <v>0</v>
      </c>
      <c r="L38" s="258">
        <v>29</v>
      </c>
      <c r="M38" s="263">
        <v>29</v>
      </c>
      <c r="N38" s="261">
        <v>0</v>
      </c>
      <c r="O38" s="261">
        <v>0</v>
      </c>
      <c r="P38" s="258">
        <v>0</v>
      </c>
      <c r="Q38" s="260">
        <v>0</v>
      </c>
      <c r="R38" s="261">
        <v>0</v>
      </c>
      <c r="S38" s="261">
        <v>0</v>
      </c>
      <c r="T38" s="261">
        <v>0</v>
      </c>
      <c r="U38" s="261">
        <v>0</v>
      </c>
      <c r="V38" s="261">
        <v>0</v>
      </c>
      <c r="W38" s="258">
        <v>0</v>
      </c>
      <c r="X38" s="263">
        <v>0</v>
      </c>
    </row>
    <row r="39" spans="2:24" ht="21" customHeight="1" thickBot="1" x14ac:dyDescent="0.25">
      <c r="B39" s="473" t="s">
        <v>37</v>
      </c>
      <c r="C39" s="268">
        <v>0</v>
      </c>
      <c r="D39" s="268">
        <v>0</v>
      </c>
      <c r="E39" s="265">
        <v>0</v>
      </c>
      <c r="F39" s="267">
        <v>0</v>
      </c>
      <c r="G39" s="268">
        <v>0</v>
      </c>
      <c r="H39" s="268">
        <v>0</v>
      </c>
      <c r="I39" s="268">
        <v>0</v>
      </c>
      <c r="J39" s="268">
        <v>0</v>
      </c>
      <c r="K39" s="268">
        <v>0</v>
      </c>
      <c r="L39" s="265">
        <v>0</v>
      </c>
      <c r="M39" s="270">
        <v>0</v>
      </c>
      <c r="N39" s="268">
        <v>0</v>
      </c>
      <c r="O39" s="268">
        <v>0</v>
      </c>
      <c r="P39" s="265">
        <v>0</v>
      </c>
      <c r="Q39" s="267">
        <v>0</v>
      </c>
      <c r="R39" s="268">
        <v>0</v>
      </c>
      <c r="S39" s="268">
        <v>0</v>
      </c>
      <c r="T39" s="268">
        <v>0</v>
      </c>
      <c r="U39" s="268">
        <v>0</v>
      </c>
      <c r="V39" s="268">
        <v>0</v>
      </c>
      <c r="W39" s="265">
        <v>0</v>
      </c>
      <c r="X39" s="270">
        <v>0</v>
      </c>
    </row>
  </sheetData>
  <mergeCells count="11">
    <mergeCell ref="B3:B5"/>
    <mergeCell ref="C3:M3"/>
    <mergeCell ref="C4:E4"/>
    <mergeCell ref="F4:L4"/>
    <mergeCell ref="M4:M5"/>
    <mergeCell ref="N3:X3"/>
    <mergeCell ref="N4:P4"/>
    <mergeCell ref="Q4:W4"/>
    <mergeCell ref="X4:X5"/>
    <mergeCell ref="H1:I1"/>
    <mergeCell ref="K1:L1"/>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8">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42" customWidth="1"/>
    <col min="3" max="4" width="9" style="242"/>
    <col min="5" max="5" width="10" style="242" customWidth="1"/>
    <col min="6" max="6" width="7.77734375" style="242" customWidth="1"/>
    <col min="7" max="7" width="10.77734375" style="242" customWidth="1"/>
    <col min="8" max="16" width="9" style="242"/>
    <col min="17" max="17" width="7.6640625" style="242" customWidth="1"/>
    <col min="18" max="16384" width="9" style="242"/>
  </cols>
  <sheetData>
    <row r="1" spans="2:24" ht="24" customHeight="1" x14ac:dyDescent="0.2">
      <c r="B1" s="271" t="s">
        <v>124</v>
      </c>
      <c r="H1" s="500">
        <f>第１表!F2</f>
        <v>5</v>
      </c>
      <c r="I1" s="500"/>
      <c r="J1" s="235">
        <f>第１表!G2</f>
        <v>12</v>
      </c>
      <c r="K1" s="505">
        <f>IF(J1&lt;3,J1+12-2,J1-2)</f>
        <v>10</v>
      </c>
      <c r="L1" s="505"/>
    </row>
    <row r="2" spans="2:24" ht="24" customHeight="1" thickBot="1" x14ac:dyDescent="0.25">
      <c r="B2" s="271" t="s">
        <v>153</v>
      </c>
    </row>
    <row r="3" spans="2:24" ht="21" customHeight="1" x14ac:dyDescent="0.2">
      <c r="B3" s="508"/>
      <c r="C3" s="509" t="s">
        <v>140</v>
      </c>
      <c r="D3" s="509"/>
      <c r="E3" s="509"/>
      <c r="F3" s="509"/>
      <c r="G3" s="509"/>
      <c r="H3" s="509"/>
      <c r="I3" s="509"/>
      <c r="J3" s="509"/>
      <c r="K3" s="509"/>
      <c r="L3" s="509"/>
      <c r="M3" s="541"/>
      <c r="N3" s="509" t="s">
        <v>113</v>
      </c>
      <c r="O3" s="509"/>
      <c r="P3" s="509"/>
      <c r="Q3" s="509"/>
      <c r="R3" s="509"/>
      <c r="S3" s="509"/>
      <c r="T3" s="509"/>
      <c r="U3" s="509"/>
      <c r="V3" s="509"/>
      <c r="W3" s="509"/>
      <c r="X3" s="541"/>
    </row>
    <row r="4" spans="2:24" ht="21" customHeight="1" x14ac:dyDescent="0.2">
      <c r="B4" s="547"/>
      <c r="C4" s="542" t="s">
        <v>61</v>
      </c>
      <c r="D4" s="542"/>
      <c r="E4" s="543"/>
      <c r="F4" s="544" t="s">
        <v>62</v>
      </c>
      <c r="G4" s="542"/>
      <c r="H4" s="542"/>
      <c r="I4" s="542"/>
      <c r="J4" s="542"/>
      <c r="K4" s="542"/>
      <c r="L4" s="545"/>
      <c r="M4" s="546" t="s">
        <v>52</v>
      </c>
      <c r="N4" s="542" t="s">
        <v>61</v>
      </c>
      <c r="O4" s="542"/>
      <c r="P4" s="543"/>
      <c r="Q4" s="544" t="s">
        <v>62</v>
      </c>
      <c r="R4" s="542"/>
      <c r="S4" s="542"/>
      <c r="T4" s="542"/>
      <c r="U4" s="542"/>
      <c r="V4" s="542"/>
      <c r="W4" s="545"/>
      <c r="X4" s="546" t="s">
        <v>52</v>
      </c>
    </row>
    <row r="5" spans="2:24" ht="30" customHeight="1" thickBot="1" x14ac:dyDescent="0.25">
      <c r="B5" s="548"/>
      <c r="C5" s="243" t="s">
        <v>43</v>
      </c>
      <c r="D5" s="243" t="s">
        <v>44</v>
      </c>
      <c r="E5" s="246" t="s">
        <v>45</v>
      </c>
      <c r="F5" s="248" t="s">
        <v>83</v>
      </c>
      <c r="G5" s="243" t="s">
        <v>47</v>
      </c>
      <c r="H5" s="243" t="s">
        <v>48</v>
      </c>
      <c r="I5" s="243" t="s">
        <v>49</v>
      </c>
      <c r="J5" s="243" t="s">
        <v>50</v>
      </c>
      <c r="K5" s="243" t="s">
        <v>51</v>
      </c>
      <c r="L5" s="246" t="s">
        <v>45</v>
      </c>
      <c r="M5" s="507"/>
      <c r="N5" s="243" t="s">
        <v>43</v>
      </c>
      <c r="O5" s="243" t="s">
        <v>44</v>
      </c>
      <c r="P5" s="246" t="s">
        <v>45</v>
      </c>
      <c r="Q5" s="248" t="s">
        <v>83</v>
      </c>
      <c r="R5" s="243" t="s">
        <v>47</v>
      </c>
      <c r="S5" s="243" t="s">
        <v>48</v>
      </c>
      <c r="T5" s="243" t="s">
        <v>49</v>
      </c>
      <c r="U5" s="243" t="s">
        <v>50</v>
      </c>
      <c r="V5" s="243" t="s">
        <v>51</v>
      </c>
      <c r="W5" s="246" t="s">
        <v>45</v>
      </c>
      <c r="X5" s="507"/>
    </row>
    <row r="6" spans="2:24" ht="21" customHeight="1" x14ac:dyDescent="0.2">
      <c r="B6" s="470" t="s">
        <v>4</v>
      </c>
      <c r="C6" s="254">
        <v>0</v>
      </c>
      <c r="D6" s="254">
        <v>8</v>
      </c>
      <c r="E6" s="251">
        <v>8</v>
      </c>
      <c r="F6" s="253">
        <v>0</v>
      </c>
      <c r="G6" s="254">
        <v>5698</v>
      </c>
      <c r="H6" s="254">
        <v>5308</v>
      </c>
      <c r="I6" s="254">
        <v>2621</v>
      </c>
      <c r="J6" s="254">
        <v>1498</v>
      </c>
      <c r="K6" s="254">
        <v>577</v>
      </c>
      <c r="L6" s="251">
        <v>15702</v>
      </c>
      <c r="M6" s="256">
        <v>15710</v>
      </c>
      <c r="N6" s="254">
        <v>0</v>
      </c>
      <c r="O6" s="254">
        <v>0</v>
      </c>
      <c r="P6" s="251">
        <v>0</v>
      </c>
      <c r="Q6" s="253">
        <v>0</v>
      </c>
      <c r="R6" s="254">
        <v>508</v>
      </c>
      <c r="S6" s="254">
        <v>565</v>
      </c>
      <c r="T6" s="254">
        <v>838</v>
      </c>
      <c r="U6" s="254">
        <v>237</v>
      </c>
      <c r="V6" s="254">
        <v>202</v>
      </c>
      <c r="W6" s="251">
        <v>2350</v>
      </c>
      <c r="X6" s="256">
        <v>2350</v>
      </c>
    </row>
    <row r="7" spans="2:24" ht="21" customHeight="1" x14ac:dyDescent="0.2">
      <c r="B7" s="471" t="s">
        <v>5</v>
      </c>
      <c r="C7" s="261">
        <v>0</v>
      </c>
      <c r="D7" s="261">
        <v>0</v>
      </c>
      <c r="E7" s="258">
        <v>0</v>
      </c>
      <c r="F7" s="260">
        <v>0</v>
      </c>
      <c r="G7" s="261">
        <v>2146</v>
      </c>
      <c r="H7" s="261">
        <v>2680</v>
      </c>
      <c r="I7" s="261">
        <v>1397</v>
      </c>
      <c r="J7" s="261">
        <v>672</v>
      </c>
      <c r="K7" s="261">
        <v>315</v>
      </c>
      <c r="L7" s="258">
        <v>7210</v>
      </c>
      <c r="M7" s="263">
        <v>7210</v>
      </c>
      <c r="N7" s="261">
        <v>0</v>
      </c>
      <c r="O7" s="261">
        <v>0</v>
      </c>
      <c r="P7" s="258">
        <v>0</v>
      </c>
      <c r="Q7" s="260">
        <v>0</v>
      </c>
      <c r="R7" s="261">
        <v>225</v>
      </c>
      <c r="S7" s="261">
        <v>272</v>
      </c>
      <c r="T7" s="261">
        <v>407</v>
      </c>
      <c r="U7" s="261">
        <v>117</v>
      </c>
      <c r="V7" s="261">
        <v>147</v>
      </c>
      <c r="W7" s="258">
        <v>1168</v>
      </c>
      <c r="X7" s="263">
        <v>1168</v>
      </c>
    </row>
    <row r="8" spans="2:24" ht="21" customHeight="1" x14ac:dyDescent="0.2">
      <c r="B8" s="472" t="s">
        <v>6</v>
      </c>
      <c r="C8" s="261">
        <v>0</v>
      </c>
      <c r="D8" s="261">
        <v>0</v>
      </c>
      <c r="E8" s="258">
        <v>0</v>
      </c>
      <c r="F8" s="260">
        <v>0</v>
      </c>
      <c r="G8" s="261">
        <v>979</v>
      </c>
      <c r="H8" s="261">
        <v>626</v>
      </c>
      <c r="I8" s="261">
        <v>300</v>
      </c>
      <c r="J8" s="261">
        <v>145</v>
      </c>
      <c r="K8" s="261">
        <v>81</v>
      </c>
      <c r="L8" s="258">
        <v>2131</v>
      </c>
      <c r="M8" s="263">
        <v>2131</v>
      </c>
      <c r="N8" s="261">
        <v>0</v>
      </c>
      <c r="O8" s="261">
        <v>0</v>
      </c>
      <c r="P8" s="258">
        <v>0</v>
      </c>
      <c r="Q8" s="260">
        <v>0</v>
      </c>
      <c r="R8" s="261">
        <v>171</v>
      </c>
      <c r="S8" s="261">
        <v>194</v>
      </c>
      <c r="T8" s="261">
        <v>319</v>
      </c>
      <c r="U8" s="261">
        <v>48</v>
      </c>
      <c r="V8" s="261">
        <v>45</v>
      </c>
      <c r="W8" s="258">
        <v>777</v>
      </c>
      <c r="X8" s="263">
        <v>777</v>
      </c>
    </row>
    <row r="9" spans="2:24" ht="21" customHeight="1" x14ac:dyDescent="0.2">
      <c r="B9" s="472" t="s">
        <v>14</v>
      </c>
      <c r="C9" s="261">
        <v>0</v>
      </c>
      <c r="D9" s="261">
        <v>0</v>
      </c>
      <c r="E9" s="258">
        <v>0</v>
      </c>
      <c r="F9" s="260">
        <v>0</v>
      </c>
      <c r="G9" s="261">
        <v>229</v>
      </c>
      <c r="H9" s="261">
        <v>581</v>
      </c>
      <c r="I9" s="261">
        <v>169</v>
      </c>
      <c r="J9" s="261">
        <v>191</v>
      </c>
      <c r="K9" s="261">
        <v>31</v>
      </c>
      <c r="L9" s="258">
        <v>1201</v>
      </c>
      <c r="M9" s="263">
        <v>1201</v>
      </c>
      <c r="N9" s="261">
        <v>0</v>
      </c>
      <c r="O9" s="261">
        <v>0</v>
      </c>
      <c r="P9" s="258">
        <v>0</v>
      </c>
      <c r="Q9" s="260">
        <v>0</v>
      </c>
      <c r="R9" s="261">
        <v>28</v>
      </c>
      <c r="S9" s="261">
        <v>11</v>
      </c>
      <c r="T9" s="261">
        <v>0</v>
      </c>
      <c r="U9" s="261">
        <v>2</v>
      </c>
      <c r="V9" s="261">
        <v>0</v>
      </c>
      <c r="W9" s="258">
        <v>41</v>
      </c>
      <c r="X9" s="263">
        <v>41</v>
      </c>
    </row>
    <row r="10" spans="2:24" ht="21" customHeight="1" x14ac:dyDescent="0.2">
      <c r="B10" s="472" t="s">
        <v>7</v>
      </c>
      <c r="C10" s="261">
        <v>0</v>
      </c>
      <c r="D10" s="261">
        <v>0</v>
      </c>
      <c r="E10" s="258">
        <v>0</v>
      </c>
      <c r="F10" s="260">
        <v>0</v>
      </c>
      <c r="G10" s="261">
        <v>251</v>
      </c>
      <c r="H10" s="261">
        <v>192</v>
      </c>
      <c r="I10" s="261">
        <v>48</v>
      </c>
      <c r="J10" s="261">
        <v>38</v>
      </c>
      <c r="K10" s="261">
        <v>33</v>
      </c>
      <c r="L10" s="258">
        <v>562</v>
      </c>
      <c r="M10" s="263">
        <v>562</v>
      </c>
      <c r="N10" s="261">
        <v>0</v>
      </c>
      <c r="O10" s="261">
        <v>0</v>
      </c>
      <c r="P10" s="258">
        <v>0</v>
      </c>
      <c r="Q10" s="260">
        <v>0</v>
      </c>
      <c r="R10" s="261">
        <v>27</v>
      </c>
      <c r="S10" s="261">
        <v>43</v>
      </c>
      <c r="T10" s="261">
        <v>31</v>
      </c>
      <c r="U10" s="261">
        <v>24</v>
      </c>
      <c r="V10" s="261">
        <v>0</v>
      </c>
      <c r="W10" s="258">
        <v>125</v>
      </c>
      <c r="X10" s="263">
        <v>125</v>
      </c>
    </row>
    <row r="11" spans="2:24" ht="21" customHeight="1" x14ac:dyDescent="0.2">
      <c r="B11" s="472" t="s">
        <v>8</v>
      </c>
      <c r="C11" s="261">
        <v>0</v>
      </c>
      <c r="D11" s="261">
        <v>0</v>
      </c>
      <c r="E11" s="258">
        <v>0</v>
      </c>
      <c r="F11" s="260">
        <v>0</v>
      </c>
      <c r="G11" s="261">
        <v>294</v>
      </c>
      <c r="H11" s="261">
        <v>116</v>
      </c>
      <c r="I11" s="261">
        <v>26</v>
      </c>
      <c r="J11" s="261">
        <v>144</v>
      </c>
      <c r="K11" s="261">
        <v>17</v>
      </c>
      <c r="L11" s="258">
        <v>597</v>
      </c>
      <c r="M11" s="263">
        <v>597</v>
      </c>
      <c r="N11" s="261">
        <v>0</v>
      </c>
      <c r="O11" s="261">
        <v>0</v>
      </c>
      <c r="P11" s="258">
        <v>0</v>
      </c>
      <c r="Q11" s="260">
        <v>0</v>
      </c>
      <c r="R11" s="261">
        <v>0</v>
      </c>
      <c r="S11" s="261">
        <v>5</v>
      </c>
      <c r="T11" s="261">
        <v>0</v>
      </c>
      <c r="U11" s="261">
        <v>0</v>
      </c>
      <c r="V11" s="261">
        <v>0</v>
      </c>
      <c r="W11" s="258">
        <v>5</v>
      </c>
      <c r="X11" s="263">
        <v>5</v>
      </c>
    </row>
    <row r="12" spans="2:24" ht="21" customHeight="1" x14ac:dyDescent="0.2">
      <c r="B12" s="472" t="s">
        <v>9</v>
      </c>
      <c r="C12" s="261">
        <v>0</v>
      </c>
      <c r="D12" s="261">
        <v>0</v>
      </c>
      <c r="E12" s="258">
        <v>0</v>
      </c>
      <c r="F12" s="260">
        <v>0</v>
      </c>
      <c r="G12" s="261">
        <v>326</v>
      </c>
      <c r="H12" s="261">
        <v>179</v>
      </c>
      <c r="I12" s="261">
        <v>216</v>
      </c>
      <c r="J12" s="261">
        <v>46</v>
      </c>
      <c r="K12" s="261">
        <v>13</v>
      </c>
      <c r="L12" s="258">
        <v>780</v>
      </c>
      <c r="M12" s="263">
        <v>780</v>
      </c>
      <c r="N12" s="261">
        <v>0</v>
      </c>
      <c r="O12" s="261">
        <v>0</v>
      </c>
      <c r="P12" s="258">
        <v>0</v>
      </c>
      <c r="Q12" s="260">
        <v>0</v>
      </c>
      <c r="R12" s="261">
        <v>0</v>
      </c>
      <c r="S12" s="261">
        <v>2</v>
      </c>
      <c r="T12" s="261">
        <v>0</v>
      </c>
      <c r="U12" s="261">
        <v>0</v>
      </c>
      <c r="V12" s="261">
        <v>1</v>
      </c>
      <c r="W12" s="258">
        <v>3</v>
      </c>
      <c r="X12" s="263">
        <v>3</v>
      </c>
    </row>
    <row r="13" spans="2:24" ht="21" customHeight="1" x14ac:dyDescent="0.2">
      <c r="B13" s="472" t="s">
        <v>10</v>
      </c>
      <c r="C13" s="261">
        <v>0</v>
      </c>
      <c r="D13" s="261">
        <v>0</v>
      </c>
      <c r="E13" s="258">
        <v>0</v>
      </c>
      <c r="F13" s="260">
        <v>0</v>
      </c>
      <c r="G13" s="261">
        <v>266</v>
      </c>
      <c r="H13" s="261">
        <v>149</v>
      </c>
      <c r="I13" s="261">
        <v>7</v>
      </c>
      <c r="J13" s="261">
        <v>47</v>
      </c>
      <c r="K13" s="261">
        <v>4</v>
      </c>
      <c r="L13" s="258">
        <v>473</v>
      </c>
      <c r="M13" s="263">
        <v>473</v>
      </c>
      <c r="N13" s="261">
        <v>0</v>
      </c>
      <c r="O13" s="261">
        <v>0</v>
      </c>
      <c r="P13" s="258">
        <v>0</v>
      </c>
      <c r="Q13" s="260">
        <v>0</v>
      </c>
      <c r="R13" s="261">
        <v>9</v>
      </c>
      <c r="S13" s="261">
        <v>0</v>
      </c>
      <c r="T13" s="261">
        <v>24</v>
      </c>
      <c r="U13" s="261">
        <v>24</v>
      </c>
      <c r="V13" s="261">
        <v>0</v>
      </c>
      <c r="W13" s="258">
        <v>57</v>
      </c>
      <c r="X13" s="263">
        <v>57</v>
      </c>
    </row>
    <row r="14" spans="2:24" ht="21" customHeight="1" x14ac:dyDescent="0.2">
      <c r="B14" s="472" t="s">
        <v>11</v>
      </c>
      <c r="C14" s="261">
        <v>0</v>
      </c>
      <c r="D14" s="261">
        <v>0</v>
      </c>
      <c r="E14" s="258">
        <v>0</v>
      </c>
      <c r="F14" s="260">
        <v>0</v>
      </c>
      <c r="G14" s="261">
        <v>216</v>
      </c>
      <c r="H14" s="261">
        <v>35</v>
      </c>
      <c r="I14" s="261">
        <v>28</v>
      </c>
      <c r="J14" s="261">
        <v>55</v>
      </c>
      <c r="K14" s="261">
        <v>12</v>
      </c>
      <c r="L14" s="258">
        <v>346</v>
      </c>
      <c r="M14" s="263">
        <v>346</v>
      </c>
      <c r="N14" s="261">
        <v>0</v>
      </c>
      <c r="O14" s="261">
        <v>0</v>
      </c>
      <c r="P14" s="258">
        <v>0</v>
      </c>
      <c r="Q14" s="260">
        <v>0</v>
      </c>
      <c r="R14" s="261">
        <v>13</v>
      </c>
      <c r="S14" s="261">
        <v>0</v>
      </c>
      <c r="T14" s="261">
        <v>0</v>
      </c>
      <c r="U14" s="261">
        <v>0</v>
      </c>
      <c r="V14" s="261">
        <v>0</v>
      </c>
      <c r="W14" s="258">
        <v>13</v>
      </c>
      <c r="X14" s="263">
        <v>13</v>
      </c>
    </row>
    <row r="15" spans="2:24" ht="21" customHeight="1" x14ac:dyDescent="0.2">
      <c r="B15" s="472" t="s">
        <v>12</v>
      </c>
      <c r="C15" s="261">
        <v>0</v>
      </c>
      <c r="D15" s="261">
        <v>0</v>
      </c>
      <c r="E15" s="258">
        <v>0</v>
      </c>
      <c r="F15" s="260">
        <v>0</v>
      </c>
      <c r="G15" s="261">
        <v>144</v>
      </c>
      <c r="H15" s="261">
        <v>112</v>
      </c>
      <c r="I15" s="261">
        <v>62</v>
      </c>
      <c r="J15" s="261">
        <v>42</v>
      </c>
      <c r="K15" s="261">
        <v>14</v>
      </c>
      <c r="L15" s="258">
        <v>374</v>
      </c>
      <c r="M15" s="263">
        <v>374</v>
      </c>
      <c r="N15" s="261">
        <v>0</v>
      </c>
      <c r="O15" s="261">
        <v>0</v>
      </c>
      <c r="P15" s="258">
        <v>0</v>
      </c>
      <c r="Q15" s="260">
        <v>0</v>
      </c>
      <c r="R15" s="261">
        <v>0</v>
      </c>
      <c r="S15" s="261">
        <v>0</v>
      </c>
      <c r="T15" s="261">
        <v>0</v>
      </c>
      <c r="U15" s="261">
        <v>0</v>
      </c>
      <c r="V15" s="261">
        <v>0</v>
      </c>
      <c r="W15" s="258">
        <v>0</v>
      </c>
      <c r="X15" s="263">
        <v>0</v>
      </c>
    </row>
    <row r="16" spans="2:24" ht="21" customHeight="1" x14ac:dyDescent="0.2">
      <c r="B16" s="472" t="s">
        <v>13</v>
      </c>
      <c r="C16" s="261">
        <v>0</v>
      </c>
      <c r="D16" s="261">
        <v>0</v>
      </c>
      <c r="E16" s="258">
        <v>0</v>
      </c>
      <c r="F16" s="260">
        <v>0</v>
      </c>
      <c r="G16" s="261">
        <v>55</v>
      </c>
      <c r="H16" s="261">
        <v>108</v>
      </c>
      <c r="I16" s="261">
        <v>68</v>
      </c>
      <c r="J16" s="261">
        <v>28</v>
      </c>
      <c r="K16" s="261">
        <v>19</v>
      </c>
      <c r="L16" s="258">
        <v>278</v>
      </c>
      <c r="M16" s="263">
        <v>278</v>
      </c>
      <c r="N16" s="261">
        <v>0</v>
      </c>
      <c r="O16" s="261">
        <v>0</v>
      </c>
      <c r="P16" s="258">
        <v>0</v>
      </c>
      <c r="Q16" s="260">
        <v>0</v>
      </c>
      <c r="R16" s="261">
        <v>5</v>
      </c>
      <c r="S16" s="261">
        <v>0</v>
      </c>
      <c r="T16" s="261">
        <v>0</v>
      </c>
      <c r="U16" s="261">
        <v>0</v>
      </c>
      <c r="V16" s="261">
        <v>0</v>
      </c>
      <c r="W16" s="258">
        <v>5</v>
      </c>
      <c r="X16" s="263">
        <v>5</v>
      </c>
    </row>
    <row r="17" spans="2:24" ht="21" customHeight="1" x14ac:dyDescent="0.2">
      <c r="B17" s="472" t="s">
        <v>15</v>
      </c>
      <c r="C17" s="261">
        <v>0</v>
      </c>
      <c r="D17" s="261">
        <v>0</v>
      </c>
      <c r="E17" s="258">
        <v>0</v>
      </c>
      <c r="F17" s="260">
        <v>0</v>
      </c>
      <c r="G17" s="261">
        <v>38</v>
      </c>
      <c r="H17" s="261">
        <v>55</v>
      </c>
      <c r="I17" s="261">
        <v>15</v>
      </c>
      <c r="J17" s="261">
        <v>0</v>
      </c>
      <c r="K17" s="261">
        <v>10</v>
      </c>
      <c r="L17" s="258">
        <v>118</v>
      </c>
      <c r="M17" s="263">
        <v>118</v>
      </c>
      <c r="N17" s="261">
        <v>0</v>
      </c>
      <c r="O17" s="261">
        <v>0</v>
      </c>
      <c r="P17" s="258">
        <v>0</v>
      </c>
      <c r="Q17" s="260">
        <v>0</v>
      </c>
      <c r="R17" s="261">
        <v>0</v>
      </c>
      <c r="S17" s="261">
        <v>0</v>
      </c>
      <c r="T17" s="261">
        <v>0</v>
      </c>
      <c r="U17" s="261">
        <v>0</v>
      </c>
      <c r="V17" s="261">
        <v>0</v>
      </c>
      <c r="W17" s="258">
        <v>0</v>
      </c>
      <c r="X17" s="263">
        <v>0</v>
      </c>
    </row>
    <row r="18" spans="2:24" ht="21" customHeight="1" x14ac:dyDescent="0.2">
      <c r="B18" s="472" t="s">
        <v>16</v>
      </c>
      <c r="C18" s="261">
        <v>0</v>
      </c>
      <c r="D18" s="261">
        <v>0</v>
      </c>
      <c r="E18" s="258">
        <v>0</v>
      </c>
      <c r="F18" s="260">
        <v>0</v>
      </c>
      <c r="G18" s="261">
        <v>29</v>
      </c>
      <c r="H18" s="261">
        <v>61</v>
      </c>
      <c r="I18" s="261">
        <v>59</v>
      </c>
      <c r="J18" s="261">
        <v>2</v>
      </c>
      <c r="K18" s="261">
        <v>0</v>
      </c>
      <c r="L18" s="258">
        <v>151</v>
      </c>
      <c r="M18" s="263">
        <v>151</v>
      </c>
      <c r="N18" s="261">
        <v>0</v>
      </c>
      <c r="O18" s="261">
        <v>0</v>
      </c>
      <c r="P18" s="258">
        <v>0</v>
      </c>
      <c r="Q18" s="260">
        <v>0</v>
      </c>
      <c r="R18" s="261">
        <v>0</v>
      </c>
      <c r="S18" s="261">
        <v>14</v>
      </c>
      <c r="T18" s="261">
        <v>9</v>
      </c>
      <c r="U18" s="261">
        <v>0</v>
      </c>
      <c r="V18" s="261">
        <v>0</v>
      </c>
      <c r="W18" s="258">
        <v>23</v>
      </c>
      <c r="X18" s="263">
        <v>23</v>
      </c>
    </row>
    <row r="19" spans="2:24" ht="21" customHeight="1" x14ac:dyDescent="0.2">
      <c r="B19" s="472" t="s">
        <v>17</v>
      </c>
      <c r="C19" s="261">
        <v>0</v>
      </c>
      <c r="D19" s="261">
        <v>0</v>
      </c>
      <c r="E19" s="258">
        <v>0</v>
      </c>
      <c r="F19" s="260">
        <v>0</v>
      </c>
      <c r="G19" s="261">
        <v>141</v>
      </c>
      <c r="H19" s="261">
        <v>126</v>
      </c>
      <c r="I19" s="261">
        <v>57</v>
      </c>
      <c r="J19" s="261">
        <v>13</v>
      </c>
      <c r="K19" s="261">
        <v>8</v>
      </c>
      <c r="L19" s="258">
        <v>345</v>
      </c>
      <c r="M19" s="263">
        <v>345</v>
      </c>
      <c r="N19" s="261">
        <v>0</v>
      </c>
      <c r="O19" s="261">
        <v>0</v>
      </c>
      <c r="P19" s="258">
        <v>0</v>
      </c>
      <c r="Q19" s="260">
        <v>0</v>
      </c>
      <c r="R19" s="261">
        <v>9</v>
      </c>
      <c r="S19" s="261">
        <v>0</v>
      </c>
      <c r="T19" s="261">
        <v>0</v>
      </c>
      <c r="U19" s="261">
        <v>0</v>
      </c>
      <c r="V19" s="261">
        <v>1</v>
      </c>
      <c r="W19" s="258">
        <v>10</v>
      </c>
      <c r="X19" s="263">
        <v>10</v>
      </c>
    </row>
    <row r="20" spans="2:24" ht="21" customHeight="1" x14ac:dyDescent="0.2">
      <c r="B20" s="472" t="s">
        <v>18</v>
      </c>
      <c r="C20" s="261">
        <v>0</v>
      </c>
      <c r="D20" s="261">
        <v>0</v>
      </c>
      <c r="E20" s="258">
        <v>0</v>
      </c>
      <c r="F20" s="260">
        <v>0</v>
      </c>
      <c r="G20" s="261">
        <v>159</v>
      </c>
      <c r="H20" s="261">
        <v>76</v>
      </c>
      <c r="I20" s="261">
        <v>64</v>
      </c>
      <c r="J20" s="261">
        <v>23</v>
      </c>
      <c r="K20" s="261">
        <v>0</v>
      </c>
      <c r="L20" s="258">
        <v>322</v>
      </c>
      <c r="M20" s="263">
        <v>322</v>
      </c>
      <c r="N20" s="261">
        <v>0</v>
      </c>
      <c r="O20" s="261">
        <v>0</v>
      </c>
      <c r="P20" s="258">
        <v>0</v>
      </c>
      <c r="Q20" s="260">
        <v>0</v>
      </c>
      <c r="R20" s="261">
        <v>0</v>
      </c>
      <c r="S20" s="261">
        <v>0</v>
      </c>
      <c r="T20" s="261">
        <v>21</v>
      </c>
      <c r="U20" s="261">
        <v>17</v>
      </c>
      <c r="V20" s="261">
        <v>0</v>
      </c>
      <c r="W20" s="258">
        <v>38</v>
      </c>
      <c r="X20" s="263">
        <v>38</v>
      </c>
    </row>
    <row r="21" spans="2:24" ht="21" customHeight="1" x14ac:dyDescent="0.2">
      <c r="B21" s="472" t="s">
        <v>19</v>
      </c>
      <c r="C21" s="261">
        <v>0</v>
      </c>
      <c r="D21" s="261">
        <v>0</v>
      </c>
      <c r="E21" s="258">
        <v>0</v>
      </c>
      <c r="F21" s="260">
        <v>0</v>
      </c>
      <c r="G21" s="261">
        <v>62</v>
      </c>
      <c r="H21" s="261">
        <v>53</v>
      </c>
      <c r="I21" s="261">
        <v>5</v>
      </c>
      <c r="J21" s="261">
        <v>18</v>
      </c>
      <c r="K21" s="261">
        <v>0</v>
      </c>
      <c r="L21" s="258">
        <v>138</v>
      </c>
      <c r="M21" s="263">
        <v>138</v>
      </c>
      <c r="N21" s="261">
        <v>0</v>
      </c>
      <c r="O21" s="261">
        <v>0</v>
      </c>
      <c r="P21" s="258">
        <v>0</v>
      </c>
      <c r="Q21" s="260">
        <v>0</v>
      </c>
      <c r="R21" s="261">
        <v>4</v>
      </c>
      <c r="S21" s="261">
        <v>12</v>
      </c>
      <c r="T21" s="261">
        <v>0</v>
      </c>
      <c r="U21" s="261">
        <v>0</v>
      </c>
      <c r="V21" s="261">
        <v>0</v>
      </c>
      <c r="W21" s="258">
        <v>16</v>
      </c>
      <c r="X21" s="263">
        <v>16</v>
      </c>
    </row>
    <row r="22" spans="2:24" ht="21" customHeight="1" x14ac:dyDescent="0.2">
      <c r="B22" s="472" t="s">
        <v>20</v>
      </c>
      <c r="C22" s="261">
        <v>0</v>
      </c>
      <c r="D22" s="261">
        <v>0</v>
      </c>
      <c r="E22" s="258">
        <v>0</v>
      </c>
      <c r="F22" s="260">
        <v>0</v>
      </c>
      <c r="G22" s="261">
        <v>29</v>
      </c>
      <c r="H22" s="261">
        <v>40</v>
      </c>
      <c r="I22" s="261">
        <v>13</v>
      </c>
      <c r="J22" s="261">
        <v>0</v>
      </c>
      <c r="K22" s="261">
        <v>0</v>
      </c>
      <c r="L22" s="258">
        <v>82</v>
      </c>
      <c r="M22" s="263">
        <v>82</v>
      </c>
      <c r="N22" s="261">
        <v>0</v>
      </c>
      <c r="O22" s="261">
        <v>0</v>
      </c>
      <c r="P22" s="258">
        <v>0</v>
      </c>
      <c r="Q22" s="260">
        <v>0</v>
      </c>
      <c r="R22" s="261">
        <v>0</v>
      </c>
      <c r="S22" s="261">
        <v>0</v>
      </c>
      <c r="T22" s="261">
        <v>0</v>
      </c>
      <c r="U22" s="261">
        <v>0</v>
      </c>
      <c r="V22" s="261">
        <v>0</v>
      </c>
      <c r="W22" s="258">
        <v>0</v>
      </c>
      <c r="X22" s="263">
        <v>0</v>
      </c>
    </row>
    <row r="23" spans="2:24" ht="21" customHeight="1" x14ac:dyDescent="0.2">
      <c r="B23" s="472" t="s">
        <v>21</v>
      </c>
      <c r="C23" s="261">
        <v>0</v>
      </c>
      <c r="D23" s="261">
        <v>0</v>
      </c>
      <c r="E23" s="258">
        <v>0</v>
      </c>
      <c r="F23" s="260">
        <v>0</v>
      </c>
      <c r="G23" s="261">
        <v>79</v>
      </c>
      <c r="H23" s="261">
        <v>17</v>
      </c>
      <c r="I23" s="261">
        <v>18</v>
      </c>
      <c r="J23" s="261">
        <v>9</v>
      </c>
      <c r="K23" s="261">
        <v>0</v>
      </c>
      <c r="L23" s="258">
        <v>123</v>
      </c>
      <c r="M23" s="263">
        <v>123</v>
      </c>
      <c r="N23" s="261">
        <v>0</v>
      </c>
      <c r="O23" s="261">
        <v>0</v>
      </c>
      <c r="P23" s="258">
        <v>0</v>
      </c>
      <c r="Q23" s="260">
        <v>0</v>
      </c>
      <c r="R23" s="261">
        <v>0</v>
      </c>
      <c r="S23" s="261">
        <v>0</v>
      </c>
      <c r="T23" s="261">
        <v>0</v>
      </c>
      <c r="U23" s="261">
        <v>0</v>
      </c>
      <c r="V23" s="261">
        <v>0</v>
      </c>
      <c r="W23" s="258">
        <v>0</v>
      </c>
      <c r="X23" s="263">
        <v>0</v>
      </c>
    </row>
    <row r="24" spans="2:24" ht="21" customHeight="1" x14ac:dyDescent="0.2">
      <c r="B24" s="472" t="s">
        <v>22</v>
      </c>
      <c r="C24" s="261">
        <v>0</v>
      </c>
      <c r="D24" s="261">
        <v>0</v>
      </c>
      <c r="E24" s="258">
        <v>0</v>
      </c>
      <c r="F24" s="260">
        <v>0</v>
      </c>
      <c r="G24" s="261">
        <v>68</v>
      </c>
      <c r="H24" s="261">
        <v>44</v>
      </c>
      <c r="I24" s="261">
        <v>16</v>
      </c>
      <c r="J24" s="261">
        <v>0</v>
      </c>
      <c r="K24" s="261">
        <v>0</v>
      </c>
      <c r="L24" s="258">
        <v>128</v>
      </c>
      <c r="M24" s="263">
        <v>128</v>
      </c>
      <c r="N24" s="261">
        <v>0</v>
      </c>
      <c r="O24" s="261">
        <v>0</v>
      </c>
      <c r="P24" s="258">
        <v>0</v>
      </c>
      <c r="Q24" s="260">
        <v>0</v>
      </c>
      <c r="R24" s="261">
        <v>0</v>
      </c>
      <c r="S24" s="261">
        <v>0</v>
      </c>
      <c r="T24" s="261">
        <v>9</v>
      </c>
      <c r="U24" s="261">
        <v>0</v>
      </c>
      <c r="V24" s="261">
        <v>0</v>
      </c>
      <c r="W24" s="258">
        <v>9</v>
      </c>
      <c r="X24" s="263">
        <v>9</v>
      </c>
    </row>
    <row r="25" spans="2:24" ht="21" customHeight="1" x14ac:dyDescent="0.2">
      <c r="B25" s="472" t="s">
        <v>23</v>
      </c>
      <c r="C25" s="261">
        <v>0</v>
      </c>
      <c r="D25" s="261">
        <v>0</v>
      </c>
      <c r="E25" s="258">
        <v>0</v>
      </c>
      <c r="F25" s="260">
        <v>0</v>
      </c>
      <c r="G25" s="261">
        <v>5</v>
      </c>
      <c r="H25" s="261">
        <v>12</v>
      </c>
      <c r="I25" s="261">
        <v>9</v>
      </c>
      <c r="J25" s="261">
        <v>0</v>
      </c>
      <c r="K25" s="261">
        <v>0</v>
      </c>
      <c r="L25" s="258">
        <v>26</v>
      </c>
      <c r="M25" s="263">
        <v>26</v>
      </c>
      <c r="N25" s="261">
        <v>0</v>
      </c>
      <c r="O25" s="261">
        <v>0</v>
      </c>
      <c r="P25" s="258">
        <v>0</v>
      </c>
      <c r="Q25" s="260">
        <v>0</v>
      </c>
      <c r="R25" s="261">
        <v>0</v>
      </c>
      <c r="S25" s="261">
        <v>0</v>
      </c>
      <c r="T25" s="261">
        <v>0</v>
      </c>
      <c r="U25" s="261">
        <v>0</v>
      </c>
      <c r="V25" s="261">
        <v>0</v>
      </c>
      <c r="W25" s="258">
        <v>0</v>
      </c>
      <c r="X25" s="263">
        <v>0</v>
      </c>
    </row>
    <row r="26" spans="2:24" ht="21" customHeight="1" x14ac:dyDescent="0.2">
      <c r="B26" s="472" t="s">
        <v>24</v>
      </c>
      <c r="C26" s="261">
        <v>0</v>
      </c>
      <c r="D26" s="261">
        <v>0</v>
      </c>
      <c r="E26" s="258">
        <v>0</v>
      </c>
      <c r="F26" s="260">
        <v>0</v>
      </c>
      <c r="G26" s="261">
        <v>1</v>
      </c>
      <c r="H26" s="261">
        <v>0</v>
      </c>
      <c r="I26" s="261">
        <v>0</v>
      </c>
      <c r="J26" s="261">
        <v>13</v>
      </c>
      <c r="K26" s="261">
        <v>0</v>
      </c>
      <c r="L26" s="258">
        <v>14</v>
      </c>
      <c r="M26" s="263">
        <v>14</v>
      </c>
      <c r="N26" s="261">
        <v>0</v>
      </c>
      <c r="O26" s="261">
        <v>0</v>
      </c>
      <c r="P26" s="258">
        <v>0</v>
      </c>
      <c r="Q26" s="260">
        <v>0</v>
      </c>
      <c r="R26" s="261">
        <v>0</v>
      </c>
      <c r="S26" s="261">
        <v>4</v>
      </c>
      <c r="T26" s="261">
        <v>9</v>
      </c>
      <c r="U26" s="261">
        <v>5</v>
      </c>
      <c r="V26" s="261">
        <v>8</v>
      </c>
      <c r="W26" s="258">
        <v>26</v>
      </c>
      <c r="X26" s="263">
        <v>26</v>
      </c>
    </row>
    <row r="27" spans="2:24" ht="21" customHeight="1" x14ac:dyDescent="0.2">
      <c r="B27" s="472" t="s">
        <v>25</v>
      </c>
      <c r="C27" s="261">
        <v>0</v>
      </c>
      <c r="D27" s="261">
        <v>8</v>
      </c>
      <c r="E27" s="258">
        <v>8</v>
      </c>
      <c r="F27" s="260">
        <v>0</v>
      </c>
      <c r="G27" s="261">
        <v>27</v>
      </c>
      <c r="H27" s="261">
        <v>27</v>
      </c>
      <c r="I27" s="261">
        <v>0</v>
      </c>
      <c r="J27" s="261">
        <v>0</v>
      </c>
      <c r="K27" s="261">
        <v>0</v>
      </c>
      <c r="L27" s="258">
        <v>54</v>
      </c>
      <c r="M27" s="263">
        <v>62</v>
      </c>
      <c r="N27" s="261">
        <v>0</v>
      </c>
      <c r="O27" s="261">
        <v>0</v>
      </c>
      <c r="P27" s="258">
        <v>0</v>
      </c>
      <c r="Q27" s="260">
        <v>0</v>
      </c>
      <c r="R27" s="261">
        <v>0</v>
      </c>
      <c r="S27" s="261">
        <v>0</v>
      </c>
      <c r="T27" s="261">
        <v>0</v>
      </c>
      <c r="U27" s="261">
        <v>0</v>
      </c>
      <c r="V27" s="261">
        <v>0</v>
      </c>
      <c r="W27" s="258">
        <v>0</v>
      </c>
      <c r="X27" s="263">
        <v>0</v>
      </c>
    </row>
    <row r="28" spans="2:24" ht="21" customHeight="1" x14ac:dyDescent="0.2">
      <c r="B28" s="472" t="s">
        <v>26</v>
      </c>
      <c r="C28" s="261">
        <v>0</v>
      </c>
      <c r="D28" s="261">
        <v>0</v>
      </c>
      <c r="E28" s="258">
        <v>0</v>
      </c>
      <c r="F28" s="260">
        <v>0</v>
      </c>
      <c r="G28" s="261">
        <v>22</v>
      </c>
      <c r="H28" s="261">
        <v>4</v>
      </c>
      <c r="I28" s="261">
        <v>24</v>
      </c>
      <c r="J28" s="261">
        <v>0</v>
      </c>
      <c r="K28" s="261">
        <v>5</v>
      </c>
      <c r="L28" s="258">
        <v>55</v>
      </c>
      <c r="M28" s="263">
        <v>55</v>
      </c>
      <c r="N28" s="261">
        <v>0</v>
      </c>
      <c r="O28" s="261">
        <v>0</v>
      </c>
      <c r="P28" s="258">
        <v>0</v>
      </c>
      <c r="Q28" s="260">
        <v>0</v>
      </c>
      <c r="R28" s="261">
        <v>0</v>
      </c>
      <c r="S28" s="261">
        <v>0</v>
      </c>
      <c r="T28" s="261">
        <v>0</v>
      </c>
      <c r="U28" s="261">
        <v>0</v>
      </c>
      <c r="V28" s="261">
        <v>0</v>
      </c>
      <c r="W28" s="258">
        <v>0</v>
      </c>
      <c r="X28" s="263">
        <v>0</v>
      </c>
    </row>
    <row r="29" spans="2:24" ht="21" customHeight="1" x14ac:dyDescent="0.2">
      <c r="B29" s="472" t="s">
        <v>27</v>
      </c>
      <c r="C29" s="261">
        <v>0</v>
      </c>
      <c r="D29" s="261">
        <v>0</v>
      </c>
      <c r="E29" s="258">
        <v>0</v>
      </c>
      <c r="F29" s="260">
        <v>0</v>
      </c>
      <c r="G29" s="261">
        <v>29</v>
      </c>
      <c r="H29" s="261">
        <v>8</v>
      </c>
      <c r="I29" s="261">
        <v>0</v>
      </c>
      <c r="J29" s="261">
        <v>0</v>
      </c>
      <c r="K29" s="261">
        <v>0</v>
      </c>
      <c r="L29" s="258">
        <v>37</v>
      </c>
      <c r="M29" s="263">
        <v>37</v>
      </c>
      <c r="N29" s="261">
        <v>0</v>
      </c>
      <c r="O29" s="261">
        <v>0</v>
      </c>
      <c r="P29" s="258">
        <v>0</v>
      </c>
      <c r="Q29" s="260">
        <v>0</v>
      </c>
      <c r="R29" s="261">
        <v>0</v>
      </c>
      <c r="S29" s="261">
        <v>4</v>
      </c>
      <c r="T29" s="261">
        <v>9</v>
      </c>
      <c r="U29" s="261">
        <v>0</v>
      </c>
      <c r="V29" s="261">
        <v>0</v>
      </c>
      <c r="W29" s="258">
        <v>13</v>
      </c>
      <c r="X29" s="263">
        <v>13</v>
      </c>
    </row>
    <row r="30" spans="2:24" ht="21" customHeight="1" x14ac:dyDescent="0.2">
      <c r="B30" s="472" t="s">
        <v>28</v>
      </c>
      <c r="C30" s="261">
        <v>0</v>
      </c>
      <c r="D30" s="261">
        <v>0</v>
      </c>
      <c r="E30" s="258">
        <v>0</v>
      </c>
      <c r="F30" s="260">
        <v>0</v>
      </c>
      <c r="G30" s="261">
        <v>27</v>
      </c>
      <c r="H30" s="261">
        <v>4</v>
      </c>
      <c r="I30" s="261">
        <v>0</v>
      </c>
      <c r="J30" s="261">
        <v>0</v>
      </c>
      <c r="K30" s="261">
        <v>0</v>
      </c>
      <c r="L30" s="258">
        <v>31</v>
      </c>
      <c r="M30" s="263">
        <v>31</v>
      </c>
      <c r="N30" s="261">
        <v>0</v>
      </c>
      <c r="O30" s="261">
        <v>0</v>
      </c>
      <c r="P30" s="258">
        <v>0</v>
      </c>
      <c r="Q30" s="260">
        <v>0</v>
      </c>
      <c r="R30" s="261">
        <v>0</v>
      </c>
      <c r="S30" s="261">
        <v>0</v>
      </c>
      <c r="T30" s="261">
        <v>0</v>
      </c>
      <c r="U30" s="261">
        <v>0</v>
      </c>
      <c r="V30" s="261">
        <v>0</v>
      </c>
      <c r="W30" s="258">
        <v>0</v>
      </c>
      <c r="X30" s="263">
        <v>0</v>
      </c>
    </row>
    <row r="31" spans="2:24" ht="21" customHeight="1" x14ac:dyDescent="0.2">
      <c r="B31" s="472" t="s">
        <v>29</v>
      </c>
      <c r="C31" s="261">
        <v>0</v>
      </c>
      <c r="D31" s="261">
        <v>0</v>
      </c>
      <c r="E31" s="258">
        <v>0</v>
      </c>
      <c r="F31" s="260">
        <v>0</v>
      </c>
      <c r="G31" s="261">
        <v>12</v>
      </c>
      <c r="H31" s="261">
        <v>0</v>
      </c>
      <c r="I31" s="261">
        <v>0</v>
      </c>
      <c r="J31" s="261">
        <v>3</v>
      </c>
      <c r="K31" s="261">
        <v>0</v>
      </c>
      <c r="L31" s="258">
        <v>15</v>
      </c>
      <c r="M31" s="263">
        <v>15</v>
      </c>
      <c r="N31" s="261">
        <v>0</v>
      </c>
      <c r="O31" s="261">
        <v>0</v>
      </c>
      <c r="P31" s="258">
        <v>0</v>
      </c>
      <c r="Q31" s="260">
        <v>0</v>
      </c>
      <c r="R31" s="261">
        <v>0</v>
      </c>
      <c r="S31" s="261">
        <v>0</v>
      </c>
      <c r="T31" s="261">
        <v>0</v>
      </c>
      <c r="U31" s="261">
        <v>0</v>
      </c>
      <c r="V31" s="261">
        <v>0</v>
      </c>
      <c r="W31" s="258">
        <v>0</v>
      </c>
      <c r="X31" s="263">
        <v>0</v>
      </c>
    </row>
    <row r="32" spans="2:24" ht="21" customHeight="1" x14ac:dyDescent="0.2">
      <c r="B32" s="472" t="s">
        <v>30</v>
      </c>
      <c r="C32" s="261">
        <v>0</v>
      </c>
      <c r="D32" s="261">
        <v>0</v>
      </c>
      <c r="E32" s="258">
        <v>0</v>
      </c>
      <c r="F32" s="260">
        <v>0</v>
      </c>
      <c r="G32" s="261">
        <v>26</v>
      </c>
      <c r="H32" s="261">
        <v>0</v>
      </c>
      <c r="I32" s="261">
        <v>0</v>
      </c>
      <c r="J32" s="261">
        <v>0</v>
      </c>
      <c r="K32" s="261">
        <v>0</v>
      </c>
      <c r="L32" s="258">
        <v>26</v>
      </c>
      <c r="M32" s="263">
        <v>26</v>
      </c>
      <c r="N32" s="261">
        <v>0</v>
      </c>
      <c r="O32" s="261">
        <v>0</v>
      </c>
      <c r="P32" s="258">
        <v>0</v>
      </c>
      <c r="Q32" s="260">
        <v>0</v>
      </c>
      <c r="R32" s="261">
        <v>0</v>
      </c>
      <c r="S32" s="261">
        <v>4</v>
      </c>
      <c r="T32" s="261">
        <v>0</v>
      </c>
      <c r="U32" s="261">
        <v>0</v>
      </c>
      <c r="V32" s="261">
        <v>0</v>
      </c>
      <c r="W32" s="258">
        <v>4</v>
      </c>
      <c r="X32" s="263">
        <v>4</v>
      </c>
    </row>
    <row r="33" spans="2:24" ht="21" customHeight="1" x14ac:dyDescent="0.2">
      <c r="B33" s="472" t="s">
        <v>31</v>
      </c>
      <c r="C33" s="261">
        <v>0</v>
      </c>
      <c r="D33" s="261">
        <v>0</v>
      </c>
      <c r="E33" s="258">
        <v>0</v>
      </c>
      <c r="F33" s="260">
        <v>0</v>
      </c>
      <c r="G33" s="261">
        <v>14</v>
      </c>
      <c r="H33" s="261">
        <v>3</v>
      </c>
      <c r="I33" s="261">
        <v>9</v>
      </c>
      <c r="J33" s="261">
        <v>0</v>
      </c>
      <c r="K33" s="261">
        <v>0</v>
      </c>
      <c r="L33" s="258">
        <v>26</v>
      </c>
      <c r="M33" s="263">
        <v>26</v>
      </c>
      <c r="N33" s="261">
        <v>0</v>
      </c>
      <c r="O33" s="261">
        <v>0</v>
      </c>
      <c r="P33" s="258">
        <v>0</v>
      </c>
      <c r="Q33" s="260">
        <v>0</v>
      </c>
      <c r="R33" s="261">
        <v>0</v>
      </c>
      <c r="S33" s="261">
        <v>0</v>
      </c>
      <c r="T33" s="261">
        <v>0</v>
      </c>
      <c r="U33" s="261">
        <v>0</v>
      </c>
      <c r="V33" s="261">
        <v>0</v>
      </c>
      <c r="W33" s="258">
        <v>0</v>
      </c>
      <c r="X33" s="263">
        <v>0</v>
      </c>
    </row>
    <row r="34" spans="2:24" ht="21" customHeight="1" x14ac:dyDescent="0.2">
      <c r="B34" s="472" t="s">
        <v>32</v>
      </c>
      <c r="C34" s="261">
        <v>0</v>
      </c>
      <c r="D34" s="261">
        <v>0</v>
      </c>
      <c r="E34" s="258">
        <v>0</v>
      </c>
      <c r="F34" s="260">
        <v>0</v>
      </c>
      <c r="G34" s="261">
        <v>7</v>
      </c>
      <c r="H34" s="261">
        <v>0</v>
      </c>
      <c r="I34" s="261">
        <v>4</v>
      </c>
      <c r="J34" s="261">
        <v>0</v>
      </c>
      <c r="K34" s="261">
        <v>0</v>
      </c>
      <c r="L34" s="258">
        <v>11</v>
      </c>
      <c r="M34" s="263">
        <v>11</v>
      </c>
      <c r="N34" s="261">
        <v>0</v>
      </c>
      <c r="O34" s="261">
        <v>0</v>
      </c>
      <c r="P34" s="258">
        <v>0</v>
      </c>
      <c r="Q34" s="260">
        <v>0</v>
      </c>
      <c r="R34" s="261">
        <v>17</v>
      </c>
      <c r="S34" s="261">
        <v>0</v>
      </c>
      <c r="T34" s="261">
        <v>0</v>
      </c>
      <c r="U34" s="261">
        <v>0</v>
      </c>
      <c r="V34" s="261">
        <v>0</v>
      </c>
      <c r="W34" s="258">
        <v>17</v>
      </c>
      <c r="X34" s="263">
        <v>17</v>
      </c>
    </row>
    <row r="35" spans="2:24" ht="21" customHeight="1" x14ac:dyDescent="0.2">
      <c r="B35" s="472" t="s">
        <v>33</v>
      </c>
      <c r="C35" s="261">
        <v>0</v>
      </c>
      <c r="D35" s="261">
        <v>0</v>
      </c>
      <c r="E35" s="258">
        <v>0</v>
      </c>
      <c r="F35" s="260">
        <v>0</v>
      </c>
      <c r="G35" s="261">
        <v>8</v>
      </c>
      <c r="H35" s="261">
        <v>0</v>
      </c>
      <c r="I35" s="261">
        <v>7</v>
      </c>
      <c r="J35" s="261">
        <v>9</v>
      </c>
      <c r="K35" s="261">
        <v>0</v>
      </c>
      <c r="L35" s="258">
        <v>24</v>
      </c>
      <c r="M35" s="263">
        <v>24</v>
      </c>
      <c r="N35" s="261">
        <v>0</v>
      </c>
      <c r="O35" s="261">
        <v>0</v>
      </c>
      <c r="P35" s="258">
        <v>0</v>
      </c>
      <c r="Q35" s="260">
        <v>0</v>
      </c>
      <c r="R35" s="261">
        <v>0</v>
      </c>
      <c r="S35" s="261">
        <v>0</v>
      </c>
      <c r="T35" s="261">
        <v>0</v>
      </c>
      <c r="U35" s="261">
        <v>0</v>
      </c>
      <c r="V35" s="261">
        <v>0</v>
      </c>
      <c r="W35" s="258">
        <v>0</v>
      </c>
      <c r="X35" s="263">
        <v>0</v>
      </c>
    </row>
    <row r="36" spans="2:24" ht="21" customHeight="1" x14ac:dyDescent="0.2">
      <c r="B36" s="472" t="s">
        <v>34</v>
      </c>
      <c r="C36" s="261">
        <v>0</v>
      </c>
      <c r="D36" s="261">
        <v>0</v>
      </c>
      <c r="E36" s="258">
        <v>0</v>
      </c>
      <c r="F36" s="260">
        <v>0</v>
      </c>
      <c r="G36" s="261">
        <v>0</v>
      </c>
      <c r="H36" s="261">
        <v>0</v>
      </c>
      <c r="I36" s="261">
        <v>0</v>
      </c>
      <c r="J36" s="261">
        <v>0</v>
      </c>
      <c r="K36" s="261">
        <v>0</v>
      </c>
      <c r="L36" s="258">
        <v>0</v>
      </c>
      <c r="M36" s="263">
        <v>0</v>
      </c>
      <c r="N36" s="261">
        <v>0</v>
      </c>
      <c r="O36" s="261">
        <v>0</v>
      </c>
      <c r="P36" s="258">
        <v>0</v>
      </c>
      <c r="Q36" s="260">
        <v>0</v>
      </c>
      <c r="R36" s="261">
        <v>0</v>
      </c>
      <c r="S36" s="261">
        <v>0</v>
      </c>
      <c r="T36" s="261">
        <v>0</v>
      </c>
      <c r="U36" s="261">
        <v>0</v>
      </c>
      <c r="V36" s="261">
        <v>0</v>
      </c>
      <c r="W36" s="258">
        <v>0</v>
      </c>
      <c r="X36" s="263">
        <v>0</v>
      </c>
    </row>
    <row r="37" spans="2:24" ht="21" customHeight="1" x14ac:dyDescent="0.2">
      <c r="B37" s="472" t="s">
        <v>35</v>
      </c>
      <c r="C37" s="261">
        <v>0</v>
      </c>
      <c r="D37" s="261">
        <v>0</v>
      </c>
      <c r="E37" s="258">
        <v>0</v>
      </c>
      <c r="F37" s="260">
        <v>0</v>
      </c>
      <c r="G37" s="261">
        <v>0</v>
      </c>
      <c r="H37" s="261">
        <v>0</v>
      </c>
      <c r="I37" s="261">
        <v>0</v>
      </c>
      <c r="J37" s="261">
        <v>0</v>
      </c>
      <c r="K37" s="261">
        <v>0</v>
      </c>
      <c r="L37" s="258">
        <v>0</v>
      </c>
      <c r="M37" s="263">
        <v>0</v>
      </c>
      <c r="N37" s="261">
        <v>0</v>
      </c>
      <c r="O37" s="261">
        <v>0</v>
      </c>
      <c r="P37" s="258">
        <v>0</v>
      </c>
      <c r="Q37" s="260">
        <v>0</v>
      </c>
      <c r="R37" s="261">
        <v>0</v>
      </c>
      <c r="S37" s="261">
        <v>0</v>
      </c>
      <c r="T37" s="261">
        <v>0</v>
      </c>
      <c r="U37" s="261">
        <v>0</v>
      </c>
      <c r="V37" s="261">
        <v>0</v>
      </c>
      <c r="W37" s="258">
        <v>0</v>
      </c>
      <c r="X37" s="263">
        <v>0</v>
      </c>
    </row>
    <row r="38" spans="2:24" ht="21" customHeight="1" x14ac:dyDescent="0.2">
      <c r="B38" s="472" t="s">
        <v>36</v>
      </c>
      <c r="C38" s="261">
        <v>0</v>
      </c>
      <c r="D38" s="261">
        <v>0</v>
      </c>
      <c r="E38" s="258">
        <v>0</v>
      </c>
      <c r="F38" s="260">
        <v>0</v>
      </c>
      <c r="G38" s="261">
        <v>9</v>
      </c>
      <c r="H38" s="261">
        <v>0</v>
      </c>
      <c r="I38" s="261">
        <v>0</v>
      </c>
      <c r="J38" s="261">
        <v>0</v>
      </c>
      <c r="K38" s="261">
        <v>0</v>
      </c>
      <c r="L38" s="258">
        <v>9</v>
      </c>
      <c r="M38" s="263">
        <v>9</v>
      </c>
      <c r="N38" s="261">
        <v>0</v>
      </c>
      <c r="O38" s="261">
        <v>0</v>
      </c>
      <c r="P38" s="258">
        <v>0</v>
      </c>
      <c r="Q38" s="260">
        <v>0</v>
      </c>
      <c r="R38" s="261">
        <v>0</v>
      </c>
      <c r="S38" s="261">
        <v>0</v>
      </c>
      <c r="T38" s="261">
        <v>0</v>
      </c>
      <c r="U38" s="261">
        <v>0</v>
      </c>
      <c r="V38" s="261">
        <v>0</v>
      </c>
      <c r="W38" s="258">
        <v>0</v>
      </c>
      <c r="X38" s="263">
        <v>0</v>
      </c>
    </row>
    <row r="39" spans="2:24" ht="21" customHeight="1" thickBot="1" x14ac:dyDescent="0.25">
      <c r="B39" s="473" t="s">
        <v>37</v>
      </c>
      <c r="C39" s="268">
        <v>0</v>
      </c>
      <c r="D39" s="268">
        <v>0</v>
      </c>
      <c r="E39" s="265">
        <v>0</v>
      </c>
      <c r="F39" s="267">
        <v>0</v>
      </c>
      <c r="G39" s="268">
        <v>0</v>
      </c>
      <c r="H39" s="268">
        <v>0</v>
      </c>
      <c r="I39" s="268">
        <v>0</v>
      </c>
      <c r="J39" s="268">
        <v>0</v>
      </c>
      <c r="K39" s="268">
        <v>15</v>
      </c>
      <c r="L39" s="265">
        <v>15</v>
      </c>
      <c r="M39" s="270">
        <v>15</v>
      </c>
      <c r="N39" s="268">
        <v>0</v>
      </c>
      <c r="O39" s="268">
        <v>0</v>
      </c>
      <c r="P39" s="265">
        <v>0</v>
      </c>
      <c r="Q39" s="267">
        <v>0</v>
      </c>
      <c r="R39" s="268">
        <v>0</v>
      </c>
      <c r="S39" s="268">
        <v>0</v>
      </c>
      <c r="T39" s="268">
        <v>0</v>
      </c>
      <c r="U39" s="268">
        <v>0</v>
      </c>
      <c r="V39" s="268">
        <v>0</v>
      </c>
      <c r="W39" s="265">
        <v>0</v>
      </c>
      <c r="X39" s="270">
        <v>0</v>
      </c>
    </row>
  </sheetData>
  <mergeCells count="11">
    <mergeCell ref="X4:X5"/>
    <mergeCell ref="H1:I1"/>
    <mergeCell ref="K1:L1"/>
    <mergeCell ref="B3:B5"/>
    <mergeCell ref="C3:M3"/>
    <mergeCell ref="N3:X3"/>
    <mergeCell ref="C4:E4"/>
    <mergeCell ref="F4:L4"/>
    <mergeCell ref="M4:M5"/>
    <mergeCell ref="N4:P4"/>
    <mergeCell ref="Q4:W4"/>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9">
    <tabColor theme="6"/>
  </sheetPr>
  <dimension ref="A1:EC219"/>
  <sheetViews>
    <sheetView zoomScaleNormal="100" zoomScaleSheetLayoutView="55"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39" customWidth="1"/>
    <col min="2" max="2" width="9.77734375" style="1" customWidth="1"/>
    <col min="3" max="3" width="9" style="1" customWidth="1"/>
    <col min="4" max="4" width="8.109375" style="1" customWidth="1"/>
    <col min="5" max="5" width="10.109375" style="1" bestFit="1" customWidth="1"/>
    <col min="6" max="6" width="9" style="1"/>
    <col min="7" max="8" width="9" style="1" customWidth="1"/>
    <col min="9" max="9" width="9" style="1"/>
    <col min="10" max="10" width="9.6640625" style="1" bestFit="1" customWidth="1"/>
    <col min="11" max="11" width="9" style="1"/>
    <col min="12" max="12" width="9.6640625" style="1" customWidth="1"/>
    <col min="13" max="15" width="8.109375" style="1" customWidth="1"/>
    <col min="16" max="21" width="9.21875" style="1" customWidth="1"/>
    <col min="22" max="22" width="7.77734375" style="1" customWidth="1"/>
    <col min="23" max="25" width="8.33203125" style="1" customWidth="1"/>
    <col min="26" max="30" width="8.44140625" style="1" customWidth="1"/>
    <col min="31" max="32" width="7.109375" style="1" customWidth="1"/>
    <col min="33" max="42" width="8.77734375" style="1" customWidth="1"/>
    <col min="43" max="52" width="8.44140625" style="1" customWidth="1"/>
    <col min="53" max="132" width="9.6640625" style="1" customWidth="1"/>
    <col min="133" max="16384" width="9" style="1"/>
  </cols>
  <sheetData>
    <row r="1" spans="2:133" ht="24" customHeight="1" x14ac:dyDescent="0.2">
      <c r="B1" s="15" t="s">
        <v>56</v>
      </c>
      <c r="F1" s="500">
        <f>第１表!F2</f>
        <v>5</v>
      </c>
      <c r="G1" s="500"/>
      <c r="H1" s="235">
        <f>第１表!G2</f>
        <v>12</v>
      </c>
      <c r="I1" s="531">
        <f>IF(H1&lt;3,H1-2+12,H1-2)</f>
        <v>10</v>
      </c>
      <c r="J1" s="531"/>
    </row>
    <row r="2" spans="2:133" ht="24" customHeight="1" thickBot="1" x14ac:dyDescent="0.25"/>
    <row r="3" spans="2:133" ht="21" customHeight="1" thickBot="1" x14ac:dyDescent="0.25">
      <c r="B3" s="549"/>
      <c r="C3" s="552" t="s">
        <v>57</v>
      </c>
      <c r="D3" s="553"/>
      <c r="E3" s="553"/>
      <c r="F3" s="553"/>
      <c r="G3" s="553"/>
      <c r="H3" s="553"/>
      <c r="I3" s="553"/>
      <c r="J3" s="553"/>
      <c r="K3" s="553"/>
      <c r="L3" s="553"/>
      <c r="M3" s="553"/>
      <c r="N3" s="553"/>
      <c r="O3" s="553"/>
      <c r="P3" s="553"/>
      <c r="Q3" s="553"/>
      <c r="R3" s="553"/>
      <c r="S3" s="553"/>
      <c r="T3" s="553"/>
      <c r="U3" s="553"/>
      <c r="V3" s="553"/>
      <c r="W3" s="553"/>
      <c r="X3" s="553"/>
      <c r="Y3" s="553"/>
      <c r="Z3" s="553"/>
      <c r="AA3" s="553"/>
      <c r="AB3" s="553"/>
      <c r="AC3" s="553"/>
      <c r="AD3" s="553"/>
      <c r="AE3" s="553"/>
      <c r="AF3" s="554"/>
      <c r="AG3" s="552" t="s">
        <v>58</v>
      </c>
      <c r="AH3" s="555"/>
      <c r="AI3" s="555"/>
      <c r="AJ3" s="555"/>
      <c r="AK3" s="555"/>
      <c r="AL3" s="555"/>
      <c r="AM3" s="555"/>
      <c r="AN3" s="555"/>
      <c r="AO3" s="555"/>
      <c r="AP3" s="555"/>
      <c r="AQ3" s="555"/>
      <c r="AR3" s="555"/>
      <c r="AS3" s="555"/>
      <c r="AT3" s="555"/>
      <c r="AU3" s="555"/>
      <c r="AV3" s="555"/>
      <c r="AW3" s="555"/>
      <c r="AX3" s="555"/>
      <c r="AY3" s="555"/>
      <c r="AZ3" s="555"/>
      <c r="BA3" s="555"/>
      <c r="BB3" s="555"/>
      <c r="BC3" s="555"/>
      <c r="BD3" s="555"/>
      <c r="BE3" s="555"/>
      <c r="BF3" s="555"/>
      <c r="BG3" s="555"/>
      <c r="BH3" s="555"/>
      <c r="BI3" s="555"/>
      <c r="BJ3" s="556"/>
      <c r="BK3" s="552" t="s">
        <v>59</v>
      </c>
      <c r="BL3" s="553"/>
      <c r="BM3" s="553"/>
      <c r="BN3" s="553"/>
      <c r="BO3" s="553"/>
      <c r="BP3" s="553"/>
      <c r="BQ3" s="553"/>
      <c r="BR3" s="553"/>
      <c r="BS3" s="553"/>
      <c r="BT3" s="553"/>
      <c r="BU3" s="553"/>
      <c r="BV3" s="553"/>
      <c r="BW3" s="553"/>
      <c r="BX3" s="553"/>
      <c r="BY3" s="553"/>
      <c r="BZ3" s="553"/>
      <c r="CA3" s="553"/>
      <c r="CB3" s="553"/>
      <c r="CC3" s="553"/>
      <c r="CD3" s="553"/>
      <c r="CE3" s="553"/>
      <c r="CF3" s="553"/>
      <c r="CG3" s="553"/>
      <c r="CH3" s="553"/>
      <c r="CI3" s="553"/>
      <c r="CJ3" s="553"/>
      <c r="CK3" s="553"/>
      <c r="CL3" s="553"/>
      <c r="CM3" s="553"/>
      <c r="CN3" s="554"/>
      <c r="CO3" s="581" t="s">
        <v>149</v>
      </c>
      <c r="CP3" s="553"/>
      <c r="CQ3" s="553"/>
      <c r="CR3" s="553"/>
      <c r="CS3" s="553"/>
      <c r="CT3" s="553"/>
      <c r="CU3" s="553"/>
      <c r="CV3" s="553"/>
      <c r="CW3" s="553"/>
      <c r="CX3" s="553"/>
      <c r="CY3" s="553"/>
      <c r="CZ3" s="553"/>
      <c r="DA3" s="553"/>
      <c r="DB3" s="553"/>
      <c r="DC3" s="553"/>
      <c r="DD3" s="553"/>
      <c r="DE3" s="553"/>
      <c r="DF3" s="553"/>
      <c r="DG3" s="553"/>
      <c r="DH3" s="553"/>
      <c r="DI3" s="553"/>
      <c r="DJ3" s="553"/>
      <c r="DK3" s="553"/>
      <c r="DL3" s="553"/>
      <c r="DM3" s="553"/>
      <c r="DN3" s="553"/>
      <c r="DO3" s="553"/>
      <c r="DP3" s="553"/>
      <c r="DQ3" s="553"/>
      <c r="DR3" s="554"/>
      <c r="DS3" s="575" t="s">
        <v>60</v>
      </c>
      <c r="DT3" s="480"/>
      <c r="DU3" s="480"/>
      <c r="DV3" s="480"/>
      <c r="DW3" s="480"/>
      <c r="DX3" s="480"/>
      <c r="DY3" s="480"/>
      <c r="DZ3" s="480"/>
      <c r="EA3" s="480"/>
      <c r="EB3" s="481"/>
    </row>
    <row r="4" spans="2:133" ht="21" customHeight="1" thickBot="1" x14ac:dyDescent="0.25">
      <c r="B4" s="550"/>
      <c r="C4" s="576"/>
      <c r="D4" s="569"/>
      <c r="E4" s="569"/>
      <c r="F4" s="569"/>
      <c r="G4" s="569"/>
      <c r="H4" s="569"/>
      <c r="I4" s="569"/>
      <c r="J4" s="569"/>
      <c r="K4" s="569"/>
      <c r="L4" s="569"/>
      <c r="M4" s="578" t="s">
        <v>39</v>
      </c>
      <c r="N4" s="579"/>
      <c r="O4" s="579"/>
      <c r="P4" s="579"/>
      <c r="Q4" s="579"/>
      <c r="R4" s="579"/>
      <c r="S4" s="579"/>
      <c r="T4" s="579"/>
      <c r="U4" s="579"/>
      <c r="V4" s="580"/>
      <c r="W4" s="578" t="s">
        <v>40</v>
      </c>
      <c r="X4" s="579"/>
      <c r="Y4" s="579"/>
      <c r="Z4" s="579"/>
      <c r="AA4" s="579"/>
      <c r="AB4" s="579"/>
      <c r="AC4" s="579"/>
      <c r="AD4" s="579"/>
      <c r="AE4" s="579"/>
      <c r="AF4" s="580"/>
      <c r="AG4" s="576"/>
      <c r="AH4" s="569"/>
      <c r="AI4" s="569"/>
      <c r="AJ4" s="569"/>
      <c r="AK4" s="569"/>
      <c r="AL4" s="569"/>
      <c r="AM4" s="569"/>
      <c r="AN4" s="569"/>
      <c r="AO4" s="569"/>
      <c r="AP4" s="569"/>
      <c r="AQ4" s="578" t="s">
        <v>39</v>
      </c>
      <c r="AR4" s="579"/>
      <c r="AS4" s="579"/>
      <c r="AT4" s="579"/>
      <c r="AU4" s="579"/>
      <c r="AV4" s="579"/>
      <c r="AW4" s="579"/>
      <c r="AX4" s="579"/>
      <c r="AY4" s="579"/>
      <c r="AZ4" s="580"/>
      <c r="BA4" s="578" t="s">
        <v>40</v>
      </c>
      <c r="BB4" s="579"/>
      <c r="BC4" s="579"/>
      <c r="BD4" s="579"/>
      <c r="BE4" s="579"/>
      <c r="BF4" s="579"/>
      <c r="BG4" s="579"/>
      <c r="BH4" s="579"/>
      <c r="BI4" s="579"/>
      <c r="BJ4" s="580"/>
      <c r="BK4" s="576"/>
      <c r="BL4" s="569"/>
      <c r="BM4" s="569"/>
      <c r="BN4" s="569"/>
      <c r="BO4" s="569"/>
      <c r="BP4" s="569"/>
      <c r="BQ4" s="569"/>
      <c r="BR4" s="569"/>
      <c r="BS4" s="569"/>
      <c r="BT4" s="569"/>
      <c r="BU4" s="578" t="s">
        <v>39</v>
      </c>
      <c r="BV4" s="579"/>
      <c r="BW4" s="579"/>
      <c r="BX4" s="579"/>
      <c r="BY4" s="579"/>
      <c r="BZ4" s="579"/>
      <c r="CA4" s="579"/>
      <c r="CB4" s="579"/>
      <c r="CC4" s="579"/>
      <c r="CD4" s="580"/>
      <c r="CE4" s="578" t="s">
        <v>40</v>
      </c>
      <c r="CF4" s="579"/>
      <c r="CG4" s="579"/>
      <c r="CH4" s="579"/>
      <c r="CI4" s="579"/>
      <c r="CJ4" s="579"/>
      <c r="CK4" s="579"/>
      <c r="CL4" s="579"/>
      <c r="CM4" s="579"/>
      <c r="CN4" s="580"/>
      <c r="CO4" s="576"/>
      <c r="CP4" s="569"/>
      <c r="CQ4" s="569"/>
      <c r="CR4" s="569"/>
      <c r="CS4" s="569"/>
      <c r="CT4" s="569"/>
      <c r="CU4" s="569"/>
      <c r="CV4" s="569"/>
      <c r="CW4" s="569"/>
      <c r="CX4" s="569"/>
      <c r="CY4" s="578" t="s">
        <v>39</v>
      </c>
      <c r="CZ4" s="579"/>
      <c r="DA4" s="579"/>
      <c r="DB4" s="579"/>
      <c r="DC4" s="579"/>
      <c r="DD4" s="579"/>
      <c r="DE4" s="579"/>
      <c r="DF4" s="579"/>
      <c r="DG4" s="579"/>
      <c r="DH4" s="580"/>
      <c r="DI4" s="578" t="s">
        <v>40</v>
      </c>
      <c r="DJ4" s="579"/>
      <c r="DK4" s="579"/>
      <c r="DL4" s="579"/>
      <c r="DM4" s="579"/>
      <c r="DN4" s="579"/>
      <c r="DO4" s="579"/>
      <c r="DP4" s="579"/>
      <c r="DQ4" s="579"/>
      <c r="DR4" s="580"/>
      <c r="DS4" s="576"/>
      <c r="DT4" s="569"/>
      <c r="DU4" s="569"/>
      <c r="DV4" s="569"/>
      <c r="DW4" s="569"/>
      <c r="DX4" s="569"/>
      <c r="DY4" s="569"/>
      <c r="DZ4" s="569"/>
      <c r="EA4" s="569"/>
      <c r="EB4" s="577"/>
    </row>
    <row r="5" spans="2:133" ht="21" customHeight="1" x14ac:dyDescent="0.2">
      <c r="B5" s="551"/>
      <c r="C5" s="557" t="s">
        <v>61</v>
      </c>
      <c r="D5" s="558"/>
      <c r="E5" s="559"/>
      <c r="F5" s="560" t="s">
        <v>62</v>
      </c>
      <c r="G5" s="561"/>
      <c r="H5" s="561"/>
      <c r="I5" s="561"/>
      <c r="J5" s="561"/>
      <c r="K5" s="562"/>
      <c r="L5" s="573" t="s">
        <v>52</v>
      </c>
      <c r="M5" s="565" t="s">
        <v>61</v>
      </c>
      <c r="N5" s="566"/>
      <c r="O5" s="567"/>
      <c r="P5" s="568" t="s">
        <v>62</v>
      </c>
      <c r="Q5" s="569"/>
      <c r="R5" s="569"/>
      <c r="S5" s="569"/>
      <c r="T5" s="569"/>
      <c r="U5" s="570"/>
      <c r="V5" s="574" t="s">
        <v>52</v>
      </c>
      <c r="W5" s="582" t="s">
        <v>61</v>
      </c>
      <c r="X5" s="566"/>
      <c r="Y5" s="567"/>
      <c r="Z5" s="568" t="s">
        <v>62</v>
      </c>
      <c r="AA5" s="569"/>
      <c r="AB5" s="569"/>
      <c r="AC5" s="569"/>
      <c r="AD5" s="569"/>
      <c r="AE5" s="570"/>
      <c r="AF5" s="574" t="s">
        <v>52</v>
      </c>
      <c r="AG5" s="557" t="s">
        <v>61</v>
      </c>
      <c r="AH5" s="558"/>
      <c r="AI5" s="559"/>
      <c r="AJ5" s="560" t="s">
        <v>62</v>
      </c>
      <c r="AK5" s="561"/>
      <c r="AL5" s="561"/>
      <c r="AM5" s="561"/>
      <c r="AN5" s="561"/>
      <c r="AO5" s="562"/>
      <c r="AP5" s="563" t="s">
        <v>52</v>
      </c>
      <c r="AQ5" s="565" t="s">
        <v>61</v>
      </c>
      <c r="AR5" s="566"/>
      <c r="AS5" s="567"/>
      <c r="AT5" s="568" t="s">
        <v>62</v>
      </c>
      <c r="AU5" s="569"/>
      <c r="AV5" s="569"/>
      <c r="AW5" s="569"/>
      <c r="AX5" s="569"/>
      <c r="AY5" s="570"/>
      <c r="AZ5" s="571" t="s">
        <v>52</v>
      </c>
      <c r="BA5" s="565" t="s">
        <v>61</v>
      </c>
      <c r="BB5" s="566"/>
      <c r="BC5" s="567"/>
      <c r="BD5" s="568" t="s">
        <v>62</v>
      </c>
      <c r="BE5" s="569"/>
      <c r="BF5" s="569"/>
      <c r="BG5" s="569"/>
      <c r="BH5" s="569"/>
      <c r="BI5" s="570"/>
      <c r="BJ5" s="574" t="s">
        <v>52</v>
      </c>
      <c r="BK5" s="557" t="s">
        <v>61</v>
      </c>
      <c r="BL5" s="558"/>
      <c r="BM5" s="559"/>
      <c r="BN5" s="560" t="s">
        <v>62</v>
      </c>
      <c r="BO5" s="561"/>
      <c r="BP5" s="561"/>
      <c r="BQ5" s="561"/>
      <c r="BR5" s="561"/>
      <c r="BS5" s="562"/>
      <c r="BT5" s="573" t="s">
        <v>52</v>
      </c>
      <c r="BU5" s="565" t="s">
        <v>61</v>
      </c>
      <c r="BV5" s="566"/>
      <c r="BW5" s="567"/>
      <c r="BX5" s="568" t="s">
        <v>62</v>
      </c>
      <c r="BY5" s="569"/>
      <c r="BZ5" s="569"/>
      <c r="CA5" s="569"/>
      <c r="CB5" s="569"/>
      <c r="CC5" s="570"/>
      <c r="CD5" s="574" t="s">
        <v>52</v>
      </c>
      <c r="CE5" s="582" t="s">
        <v>61</v>
      </c>
      <c r="CF5" s="566"/>
      <c r="CG5" s="567"/>
      <c r="CH5" s="568" t="s">
        <v>62</v>
      </c>
      <c r="CI5" s="569"/>
      <c r="CJ5" s="569"/>
      <c r="CK5" s="569"/>
      <c r="CL5" s="569"/>
      <c r="CM5" s="570"/>
      <c r="CN5" s="574" t="s">
        <v>52</v>
      </c>
      <c r="CO5" s="557" t="s">
        <v>61</v>
      </c>
      <c r="CP5" s="558"/>
      <c r="CQ5" s="559"/>
      <c r="CR5" s="560" t="s">
        <v>62</v>
      </c>
      <c r="CS5" s="561"/>
      <c r="CT5" s="561"/>
      <c r="CU5" s="561"/>
      <c r="CV5" s="561"/>
      <c r="CW5" s="562"/>
      <c r="CX5" s="573" t="s">
        <v>52</v>
      </c>
      <c r="CY5" s="565" t="s">
        <v>61</v>
      </c>
      <c r="CZ5" s="566"/>
      <c r="DA5" s="567"/>
      <c r="DB5" s="568" t="s">
        <v>62</v>
      </c>
      <c r="DC5" s="569"/>
      <c r="DD5" s="569"/>
      <c r="DE5" s="569"/>
      <c r="DF5" s="569"/>
      <c r="DG5" s="570"/>
      <c r="DH5" s="574" t="s">
        <v>52</v>
      </c>
      <c r="DI5" s="582" t="s">
        <v>61</v>
      </c>
      <c r="DJ5" s="566"/>
      <c r="DK5" s="567"/>
      <c r="DL5" s="568" t="s">
        <v>62</v>
      </c>
      <c r="DM5" s="569"/>
      <c r="DN5" s="569"/>
      <c r="DO5" s="569"/>
      <c r="DP5" s="569"/>
      <c r="DQ5" s="570"/>
      <c r="DR5" s="574" t="s">
        <v>52</v>
      </c>
      <c r="DS5" s="557" t="s">
        <v>61</v>
      </c>
      <c r="DT5" s="558"/>
      <c r="DU5" s="559"/>
      <c r="DV5" s="560" t="s">
        <v>62</v>
      </c>
      <c r="DW5" s="561"/>
      <c r="DX5" s="561"/>
      <c r="DY5" s="561"/>
      <c r="DZ5" s="561"/>
      <c r="EA5" s="562"/>
      <c r="EB5" s="563" t="s">
        <v>52</v>
      </c>
    </row>
    <row r="6" spans="2:133" ht="30" customHeight="1" thickBot="1" x14ac:dyDescent="0.25">
      <c r="B6" s="291" t="s">
        <v>42</v>
      </c>
      <c r="C6" s="26" t="s">
        <v>43</v>
      </c>
      <c r="D6" s="27" t="s">
        <v>44</v>
      </c>
      <c r="E6" s="27" t="s">
        <v>45</v>
      </c>
      <c r="F6" s="28" t="s">
        <v>47</v>
      </c>
      <c r="G6" s="29" t="s">
        <v>48</v>
      </c>
      <c r="H6" s="29" t="s">
        <v>49</v>
      </c>
      <c r="I6" s="30" t="s">
        <v>50</v>
      </c>
      <c r="J6" s="27" t="s">
        <v>51</v>
      </c>
      <c r="K6" s="31" t="s">
        <v>95</v>
      </c>
      <c r="L6" s="572"/>
      <c r="M6" s="26" t="s">
        <v>43</v>
      </c>
      <c r="N6" s="27" t="s">
        <v>44</v>
      </c>
      <c r="O6" s="31" t="s">
        <v>45</v>
      </c>
      <c r="P6" s="28" t="s">
        <v>47</v>
      </c>
      <c r="Q6" s="29" t="s">
        <v>48</v>
      </c>
      <c r="R6" s="29" t="s">
        <v>49</v>
      </c>
      <c r="S6" s="30" t="s">
        <v>50</v>
      </c>
      <c r="T6" s="27" t="s">
        <v>51</v>
      </c>
      <c r="U6" s="31" t="s">
        <v>45</v>
      </c>
      <c r="V6" s="564"/>
      <c r="W6" s="12" t="s">
        <v>43</v>
      </c>
      <c r="X6" s="27" t="s">
        <v>44</v>
      </c>
      <c r="Y6" s="31" t="s">
        <v>45</v>
      </c>
      <c r="Z6" s="12" t="s">
        <v>47</v>
      </c>
      <c r="AA6" s="29" t="s">
        <v>48</v>
      </c>
      <c r="AB6" s="29" t="s">
        <v>49</v>
      </c>
      <c r="AC6" s="30" t="s">
        <v>50</v>
      </c>
      <c r="AD6" s="27" t="s">
        <v>51</v>
      </c>
      <c r="AE6" s="31" t="s">
        <v>45</v>
      </c>
      <c r="AF6" s="564"/>
      <c r="AG6" s="26" t="s">
        <v>43</v>
      </c>
      <c r="AH6" s="27" t="s">
        <v>44</v>
      </c>
      <c r="AI6" s="31" t="s">
        <v>45</v>
      </c>
      <c r="AJ6" s="12" t="s">
        <v>47</v>
      </c>
      <c r="AK6" s="29" t="s">
        <v>48</v>
      </c>
      <c r="AL6" s="29" t="s">
        <v>49</v>
      </c>
      <c r="AM6" s="30" t="s">
        <v>50</v>
      </c>
      <c r="AN6" s="27" t="s">
        <v>51</v>
      </c>
      <c r="AO6" s="31" t="s">
        <v>45</v>
      </c>
      <c r="AP6" s="564"/>
      <c r="AQ6" s="26" t="s">
        <v>43</v>
      </c>
      <c r="AR6" s="27" t="s">
        <v>44</v>
      </c>
      <c r="AS6" s="31" t="s">
        <v>45</v>
      </c>
      <c r="AT6" s="28" t="s">
        <v>47</v>
      </c>
      <c r="AU6" s="29" t="s">
        <v>48</v>
      </c>
      <c r="AV6" s="29" t="s">
        <v>49</v>
      </c>
      <c r="AW6" s="30" t="s">
        <v>50</v>
      </c>
      <c r="AX6" s="27" t="s">
        <v>51</v>
      </c>
      <c r="AY6" s="31" t="s">
        <v>45</v>
      </c>
      <c r="AZ6" s="572"/>
      <c r="BA6" s="26" t="s">
        <v>43</v>
      </c>
      <c r="BB6" s="27" t="s">
        <v>44</v>
      </c>
      <c r="BC6" s="27" t="s">
        <v>45</v>
      </c>
      <c r="BD6" s="28" t="s">
        <v>47</v>
      </c>
      <c r="BE6" s="29" t="s">
        <v>48</v>
      </c>
      <c r="BF6" s="29" t="s">
        <v>49</v>
      </c>
      <c r="BG6" s="30" t="s">
        <v>50</v>
      </c>
      <c r="BH6" s="27" t="s">
        <v>51</v>
      </c>
      <c r="BI6" s="31" t="s">
        <v>45</v>
      </c>
      <c r="BJ6" s="564"/>
      <c r="BK6" s="26" t="s">
        <v>43</v>
      </c>
      <c r="BL6" s="27" t="s">
        <v>44</v>
      </c>
      <c r="BM6" s="27" t="s">
        <v>45</v>
      </c>
      <c r="BN6" s="28" t="s">
        <v>47</v>
      </c>
      <c r="BO6" s="29" t="s">
        <v>48</v>
      </c>
      <c r="BP6" s="29" t="s">
        <v>49</v>
      </c>
      <c r="BQ6" s="30" t="s">
        <v>50</v>
      </c>
      <c r="BR6" s="27" t="s">
        <v>51</v>
      </c>
      <c r="BS6" s="31" t="s">
        <v>45</v>
      </c>
      <c r="BT6" s="572"/>
      <c r="BU6" s="26" t="s">
        <v>43</v>
      </c>
      <c r="BV6" s="27" t="s">
        <v>44</v>
      </c>
      <c r="BW6" s="27" t="s">
        <v>45</v>
      </c>
      <c r="BX6" s="28" t="s">
        <v>47</v>
      </c>
      <c r="BY6" s="29" t="s">
        <v>48</v>
      </c>
      <c r="BZ6" s="29" t="s">
        <v>49</v>
      </c>
      <c r="CA6" s="30" t="s">
        <v>50</v>
      </c>
      <c r="CB6" s="27" t="s">
        <v>51</v>
      </c>
      <c r="CC6" s="31" t="s">
        <v>45</v>
      </c>
      <c r="CD6" s="564"/>
      <c r="CE6" s="12" t="s">
        <v>43</v>
      </c>
      <c r="CF6" s="27" t="s">
        <v>44</v>
      </c>
      <c r="CG6" s="27" t="s">
        <v>45</v>
      </c>
      <c r="CH6" s="28" t="s">
        <v>47</v>
      </c>
      <c r="CI6" s="29" t="s">
        <v>48</v>
      </c>
      <c r="CJ6" s="29" t="s">
        <v>49</v>
      </c>
      <c r="CK6" s="30" t="s">
        <v>50</v>
      </c>
      <c r="CL6" s="27" t="s">
        <v>51</v>
      </c>
      <c r="CM6" s="31" t="s">
        <v>45</v>
      </c>
      <c r="CN6" s="564"/>
      <c r="CO6" s="26" t="s">
        <v>43</v>
      </c>
      <c r="CP6" s="27" t="s">
        <v>44</v>
      </c>
      <c r="CQ6" s="27" t="s">
        <v>45</v>
      </c>
      <c r="CR6" s="28" t="s">
        <v>47</v>
      </c>
      <c r="CS6" s="29" t="s">
        <v>48</v>
      </c>
      <c r="CT6" s="29" t="s">
        <v>49</v>
      </c>
      <c r="CU6" s="30" t="s">
        <v>50</v>
      </c>
      <c r="CV6" s="27" t="s">
        <v>51</v>
      </c>
      <c r="CW6" s="31" t="s">
        <v>45</v>
      </c>
      <c r="CX6" s="572"/>
      <c r="CY6" s="26" t="s">
        <v>43</v>
      </c>
      <c r="CZ6" s="27" t="s">
        <v>44</v>
      </c>
      <c r="DA6" s="27" t="s">
        <v>45</v>
      </c>
      <c r="DB6" s="28" t="s">
        <v>47</v>
      </c>
      <c r="DC6" s="29" t="s">
        <v>48</v>
      </c>
      <c r="DD6" s="29" t="s">
        <v>49</v>
      </c>
      <c r="DE6" s="30" t="s">
        <v>50</v>
      </c>
      <c r="DF6" s="27" t="s">
        <v>51</v>
      </c>
      <c r="DG6" s="31" t="s">
        <v>45</v>
      </c>
      <c r="DH6" s="564"/>
      <c r="DI6" s="12" t="s">
        <v>43</v>
      </c>
      <c r="DJ6" s="27" t="s">
        <v>44</v>
      </c>
      <c r="DK6" s="27" t="s">
        <v>45</v>
      </c>
      <c r="DL6" s="28" t="s">
        <v>47</v>
      </c>
      <c r="DM6" s="29" t="s">
        <v>48</v>
      </c>
      <c r="DN6" s="29" t="s">
        <v>49</v>
      </c>
      <c r="DO6" s="30" t="s">
        <v>50</v>
      </c>
      <c r="DP6" s="27" t="s">
        <v>51</v>
      </c>
      <c r="DQ6" s="31" t="s">
        <v>45</v>
      </c>
      <c r="DR6" s="564"/>
      <c r="DS6" s="26" t="s">
        <v>43</v>
      </c>
      <c r="DT6" s="27" t="s">
        <v>44</v>
      </c>
      <c r="DU6" s="27" t="s">
        <v>45</v>
      </c>
      <c r="DV6" s="28" t="s">
        <v>47</v>
      </c>
      <c r="DW6" s="29" t="s">
        <v>48</v>
      </c>
      <c r="DX6" s="29" t="s">
        <v>49</v>
      </c>
      <c r="DY6" s="30" t="s">
        <v>50</v>
      </c>
      <c r="DZ6" s="27" t="s">
        <v>51</v>
      </c>
      <c r="EA6" s="31" t="s">
        <v>45</v>
      </c>
      <c r="EB6" s="564"/>
    </row>
    <row r="7" spans="2:133" ht="21" customHeight="1" x14ac:dyDescent="0.2">
      <c r="B7" s="470" t="s">
        <v>4</v>
      </c>
      <c r="C7" s="172">
        <v>0</v>
      </c>
      <c r="D7" s="173">
        <v>0</v>
      </c>
      <c r="E7" s="173">
        <v>0</v>
      </c>
      <c r="F7" s="174">
        <v>468</v>
      </c>
      <c r="G7" s="175">
        <v>1623</v>
      </c>
      <c r="H7" s="175">
        <v>10039</v>
      </c>
      <c r="I7" s="175">
        <v>14994</v>
      </c>
      <c r="J7" s="173">
        <v>10268</v>
      </c>
      <c r="K7" s="176">
        <v>37392</v>
      </c>
      <c r="L7" s="177">
        <v>37392</v>
      </c>
      <c r="M7" s="172">
        <v>0</v>
      </c>
      <c r="N7" s="173">
        <v>0</v>
      </c>
      <c r="O7" s="176">
        <v>0</v>
      </c>
      <c r="P7" s="174">
        <v>465</v>
      </c>
      <c r="Q7" s="175">
        <v>1611</v>
      </c>
      <c r="R7" s="175">
        <v>9972</v>
      </c>
      <c r="S7" s="175">
        <v>14848</v>
      </c>
      <c r="T7" s="173">
        <v>10113</v>
      </c>
      <c r="U7" s="176">
        <v>37009</v>
      </c>
      <c r="V7" s="178">
        <v>37009</v>
      </c>
      <c r="W7" s="179">
        <v>0</v>
      </c>
      <c r="X7" s="173">
        <v>0</v>
      </c>
      <c r="Y7" s="176">
        <v>0</v>
      </c>
      <c r="Z7" s="179">
        <v>3</v>
      </c>
      <c r="AA7" s="175">
        <v>12</v>
      </c>
      <c r="AB7" s="175">
        <v>67</v>
      </c>
      <c r="AC7" s="175">
        <v>146</v>
      </c>
      <c r="AD7" s="173">
        <v>155</v>
      </c>
      <c r="AE7" s="176">
        <v>383</v>
      </c>
      <c r="AF7" s="180">
        <v>383</v>
      </c>
      <c r="AG7" s="179">
        <v>0</v>
      </c>
      <c r="AH7" s="173">
        <v>0</v>
      </c>
      <c r="AI7" s="176">
        <v>0</v>
      </c>
      <c r="AJ7" s="179">
        <v>1634</v>
      </c>
      <c r="AK7" s="175">
        <v>3447</v>
      </c>
      <c r="AL7" s="175">
        <v>4776</v>
      </c>
      <c r="AM7" s="175">
        <v>5764</v>
      </c>
      <c r="AN7" s="173">
        <v>3019</v>
      </c>
      <c r="AO7" s="176">
        <v>18640</v>
      </c>
      <c r="AP7" s="180">
        <v>18640</v>
      </c>
      <c r="AQ7" s="179">
        <v>0</v>
      </c>
      <c r="AR7" s="173">
        <v>0</v>
      </c>
      <c r="AS7" s="176">
        <v>0</v>
      </c>
      <c r="AT7" s="174">
        <v>1611</v>
      </c>
      <c r="AU7" s="175">
        <v>3410</v>
      </c>
      <c r="AV7" s="175">
        <v>4701</v>
      </c>
      <c r="AW7" s="175">
        <v>5653</v>
      </c>
      <c r="AX7" s="173">
        <v>2943</v>
      </c>
      <c r="AY7" s="176">
        <v>18318</v>
      </c>
      <c r="AZ7" s="177">
        <v>18318</v>
      </c>
      <c r="BA7" s="172">
        <v>0</v>
      </c>
      <c r="BB7" s="173">
        <v>0</v>
      </c>
      <c r="BC7" s="173">
        <v>0</v>
      </c>
      <c r="BD7" s="174">
        <v>23</v>
      </c>
      <c r="BE7" s="175">
        <v>37</v>
      </c>
      <c r="BF7" s="175">
        <v>75</v>
      </c>
      <c r="BG7" s="175">
        <v>111</v>
      </c>
      <c r="BH7" s="173">
        <v>76</v>
      </c>
      <c r="BI7" s="176">
        <v>322</v>
      </c>
      <c r="BJ7" s="178">
        <v>322</v>
      </c>
      <c r="BK7" s="179">
        <v>0</v>
      </c>
      <c r="BL7" s="173">
        <v>0</v>
      </c>
      <c r="BM7" s="173">
        <v>0</v>
      </c>
      <c r="BN7" s="174">
        <v>1</v>
      </c>
      <c r="BO7" s="175">
        <v>0</v>
      </c>
      <c r="BP7" s="175">
        <v>7</v>
      </c>
      <c r="BQ7" s="175">
        <v>95</v>
      </c>
      <c r="BR7" s="173">
        <v>117</v>
      </c>
      <c r="BS7" s="176">
        <v>220</v>
      </c>
      <c r="BT7" s="177">
        <v>220</v>
      </c>
      <c r="BU7" s="172">
        <v>0</v>
      </c>
      <c r="BV7" s="173">
        <v>0</v>
      </c>
      <c r="BW7" s="173">
        <v>0</v>
      </c>
      <c r="BX7" s="174">
        <v>1</v>
      </c>
      <c r="BY7" s="175">
        <v>0</v>
      </c>
      <c r="BZ7" s="175">
        <v>7</v>
      </c>
      <c r="CA7" s="175">
        <v>95</v>
      </c>
      <c r="CB7" s="173">
        <v>115</v>
      </c>
      <c r="CC7" s="176">
        <v>218</v>
      </c>
      <c r="CD7" s="178">
        <v>218</v>
      </c>
      <c r="CE7" s="179">
        <v>0</v>
      </c>
      <c r="CF7" s="173">
        <v>0</v>
      </c>
      <c r="CG7" s="173">
        <v>0</v>
      </c>
      <c r="CH7" s="174">
        <v>0</v>
      </c>
      <c r="CI7" s="175">
        <v>0</v>
      </c>
      <c r="CJ7" s="175">
        <v>0</v>
      </c>
      <c r="CK7" s="175">
        <v>0</v>
      </c>
      <c r="CL7" s="173">
        <v>2</v>
      </c>
      <c r="CM7" s="176">
        <v>2</v>
      </c>
      <c r="CN7" s="178">
        <v>2</v>
      </c>
      <c r="CO7" s="179">
        <v>0</v>
      </c>
      <c r="CP7" s="173">
        <v>0</v>
      </c>
      <c r="CQ7" s="173">
        <v>0</v>
      </c>
      <c r="CR7" s="174">
        <v>13</v>
      </c>
      <c r="CS7" s="175">
        <v>27</v>
      </c>
      <c r="CT7" s="175">
        <v>63</v>
      </c>
      <c r="CU7" s="175">
        <v>353</v>
      </c>
      <c r="CV7" s="173">
        <v>459</v>
      </c>
      <c r="CW7" s="176">
        <v>915</v>
      </c>
      <c r="CX7" s="177">
        <v>915</v>
      </c>
      <c r="CY7" s="172">
        <v>0</v>
      </c>
      <c r="CZ7" s="173">
        <v>0</v>
      </c>
      <c r="DA7" s="173">
        <v>0</v>
      </c>
      <c r="DB7" s="174">
        <v>11</v>
      </c>
      <c r="DC7" s="175">
        <v>27</v>
      </c>
      <c r="DD7" s="175">
        <v>62</v>
      </c>
      <c r="DE7" s="175">
        <v>346</v>
      </c>
      <c r="DF7" s="173">
        <v>447</v>
      </c>
      <c r="DG7" s="176">
        <v>893</v>
      </c>
      <c r="DH7" s="178">
        <v>893</v>
      </c>
      <c r="DI7" s="179">
        <v>0</v>
      </c>
      <c r="DJ7" s="173">
        <v>0</v>
      </c>
      <c r="DK7" s="173">
        <v>0</v>
      </c>
      <c r="DL7" s="174">
        <v>2</v>
      </c>
      <c r="DM7" s="175">
        <v>0</v>
      </c>
      <c r="DN7" s="175">
        <v>1</v>
      </c>
      <c r="DO7" s="175">
        <v>7</v>
      </c>
      <c r="DP7" s="173">
        <v>12</v>
      </c>
      <c r="DQ7" s="176">
        <v>22</v>
      </c>
      <c r="DR7" s="178">
        <v>22</v>
      </c>
      <c r="DS7" s="179">
        <v>0</v>
      </c>
      <c r="DT7" s="173">
        <v>0</v>
      </c>
      <c r="DU7" s="173">
        <v>0</v>
      </c>
      <c r="DV7" s="174">
        <v>2116</v>
      </c>
      <c r="DW7" s="175">
        <v>5096</v>
      </c>
      <c r="DX7" s="175">
        <v>14865</v>
      </c>
      <c r="DY7" s="175">
        <v>21173</v>
      </c>
      <c r="DZ7" s="173">
        <v>13844</v>
      </c>
      <c r="EA7" s="176">
        <v>57094</v>
      </c>
      <c r="EB7" s="178">
        <v>57094</v>
      </c>
      <c r="EC7" s="32"/>
    </row>
    <row r="8" spans="2:133" ht="21" customHeight="1" x14ac:dyDescent="0.2">
      <c r="B8" s="471" t="s">
        <v>5</v>
      </c>
      <c r="C8" s="181">
        <v>0</v>
      </c>
      <c r="D8" s="182">
        <v>0</v>
      </c>
      <c r="E8" s="182">
        <v>0</v>
      </c>
      <c r="F8" s="183">
        <v>267</v>
      </c>
      <c r="G8" s="184">
        <v>1077</v>
      </c>
      <c r="H8" s="184">
        <v>4409</v>
      </c>
      <c r="I8" s="184">
        <v>6245</v>
      </c>
      <c r="J8" s="182">
        <v>4317</v>
      </c>
      <c r="K8" s="185">
        <v>16315</v>
      </c>
      <c r="L8" s="186">
        <v>16315</v>
      </c>
      <c r="M8" s="181">
        <v>0</v>
      </c>
      <c r="N8" s="182">
        <v>0</v>
      </c>
      <c r="O8" s="185">
        <v>0</v>
      </c>
      <c r="P8" s="183">
        <v>266</v>
      </c>
      <c r="Q8" s="184">
        <v>1069</v>
      </c>
      <c r="R8" s="184">
        <v>4376</v>
      </c>
      <c r="S8" s="184">
        <v>6187</v>
      </c>
      <c r="T8" s="182">
        <v>4233</v>
      </c>
      <c r="U8" s="185">
        <v>16131</v>
      </c>
      <c r="V8" s="187">
        <v>16131</v>
      </c>
      <c r="W8" s="188">
        <v>0</v>
      </c>
      <c r="X8" s="182">
        <v>0</v>
      </c>
      <c r="Y8" s="185">
        <v>0</v>
      </c>
      <c r="Z8" s="188">
        <v>1</v>
      </c>
      <c r="AA8" s="184">
        <v>8</v>
      </c>
      <c r="AB8" s="184">
        <v>33</v>
      </c>
      <c r="AC8" s="184">
        <v>58</v>
      </c>
      <c r="AD8" s="182">
        <v>84</v>
      </c>
      <c r="AE8" s="185">
        <v>184</v>
      </c>
      <c r="AF8" s="189">
        <v>184</v>
      </c>
      <c r="AG8" s="188">
        <v>0</v>
      </c>
      <c r="AH8" s="182">
        <v>0</v>
      </c>
      <c r="AI8" s="185">
        <v>0</v>
      </c>
      <c r="AJ8" s="188">
        <v>594</v>
      </c>
      <c r="AK8" s="184">
        <v>1591</v>
      </c>
      <c r="AL8" s="184">
        <v>2015</v>
      </c>
      <c r="AM8" s="184">
        <v>2619</v>
      </c>
      <c r="AN8" s="182">
        <v>1419</v>
      </c>
      <c r="AO8" s="185">
        <v>8238</v>
      </c>
      <c r="AP8" s="189">
        <v>8238</v>
      </c>
      <c r="AQ8" s="188">
        <v>0</v>
      </c>
      <c r="AR8" s="182">
        <v>0</v>
      </c>
      <c r="AS8" s="185">
        <v>0</v>
      </c>
      <c r="AT8" s="183">
        <v>591</v>
      </c>
      <c r="AU8" s="184">
        <v>1572</v>
      </c>
      <c r="AV8" s="184">
        <v>1992</v>
      </c>
      <c r="AW8" s="184">
        <v>2571</v>
      </c>
      <c r="AX8" s="182">
        <v>1389</v>
      </c>
      <c r="AY8" s="185">
        <v>8115</v>
      </c>
      <c r="AZ8" s="186">
        <v>8115</v>
      </c>
      <c r="BA8" s="181">
        <v>0</v>
      </c>
      <c r="BB8" s="182">
        <v>0</v>
      </c>
      <c r="BC8" s="182">
        <v>0</v>
      </c>
      <c r="BD8" s="183">
        <v>3</v>
      </c>
      <c r="BE8" s="184">
        <v>19</v>
      </c>
      <c r="BF8" s="184">
        <v>23</v>
      </c>
      <c r="BG8" s="184">
        <v>48</v>
      </c>
      <c r="BH8" s="182">
        <v>30</v>
      </c>
      <c r="BI8" s="185">
        <v>123</v>
      </c>
      <c r="BJ8" s="187">
        <v>123</v>
      </c>
      <c r="BK8" s="188">
        <v>0</v>
      </c>
      <c r="BL8" s="182">
        <v>0</v>
      </c>
      <c r="BM8" s="182">
        <v>0</v>
      </c>
      <c r="BN8" s="183">
        <v>0</v>
      </c>
      <c r="BO8" s="184">
        <v>0</v>
      </c>
      <c r="BP8" s="184">
        <v>2</v>
      </c>
      <c r="BQ8" s="184">
        <v>35</v>
      </c>
      <c r="BR8" s="182">
        <v>43</v>
      </c>
      <c r="BS8" s="185">
        <v>80</v>
      </c>
      <c r="BT8" s="186">
        <v>80</v>
      </c>
      <c r="BU8" s="181">
        <v>0</v>
      </c>
      <c r="BV8" s="182">
        <v>0</v>
      </c>
      <c r="BW8" s="182">
        <v>0</v>
      </c>
      <c r="BX8" s="183">
        <v>0</v>
      </c>
      <c r="BY8" s="184">
        <v>0</v>
      </c>
      <c r="BZ8" s="184">
        <v>2</v>
      </c>
      <c r="CA8" s="184">
        <v>35</v>
      </c>
      <c r="CB8" s="182">
        <v>42</v>
      </c>
      <c r="CC8" s="185">
        <v>79</v>
      </c>
      <c r="CD8" s="187">
        <v>79</v>
      </c>
      <c r="CE8" s="188">
        <v>0</v>
      </c>
      <c r="CF8" s="182">
        <v>0</v>
      </c>
      <c r="CG8" s="182">
        <v>0</v>
      </c>
      <c r="CH8" s="183">
        <v>0</v>
      </c>
      <c r="CI8" s="184">
        <v>0</v>
      </c>
      <c r="CJ8" s="184">
        <v>0</v>
      </c>
      <c r="CK8" s="184">
        <v>0</v>
      </c>
      <c r="CL8" s="182">
        <v>1</v>
      </c>
      <c r="CM8" s="185">
        <v>1</v>
      </c>
      <c r="CN8" s="187">
        <v>1</v>
      </c>
      <c r="CO8" s="188">
        <v>0</v>
      </c>
      <c r="CP8" s="182">
        <v>0</v>
      </c>
      <c r="CQ8" s="182">
        <v>0</v>
      </c>
      <c r="CR8" s="183">
        <v>1</v>
      </c>
      <c r="CS8" s="184">
        <v>5</v>
      </c>
      <c r="CT8" s="184">
        <v>12</v>
      </c>
      <c r="CU8" s="184">
        <v>107</v>
      </c>
      <c r="CV8" s="182">
        <v>120</v>
      </c>
      <c r="CW8" s="185">
        <v>245</v>
      </c>
      <c r="CX8" s="186">
        <v>245</v>
      </c>
      <c r="CY8" s="181">
        <v>0</v>
      </c>
      <c r="CZ8" s="182">
        <v>0</v>
      </c>
      <c r="DA8" s="182">
        <v>0</v>
      </c>
      <c r="DB8" s="183">
        <v>1</v>
      </c>
      <c r="DC8" s="184">
        <v>5</v>
      </c>
      <c r="DD8" s="184">
        <v>12</v>
      </c>
      <c r="DE8" s="184">
        <v>105</v>
      </c>
      <c r="DF8" s="182">
        <v>119</v>
      </c>
      <c r="DG8" s="185">
        <v>242</v>
      </c>
      <c r="DH8" s="187">
        <v>242</v>
      </c>
      <c r="DI8" s="188">
        <v>0</v>
      </c>
      <c r="DJ8" s="182">
        <v>0</v>
      </c>
      <c r="DK8" s="182">
        <v>0</v>
      </c>
      <c r="DL8" s="183">
        <v>0</v>
      </c>
      <c r="DM8" s="184">
        <v>0</v>
      </c>
      <c r="DN8" s="184">
        <v>0</v>
      </c>
      <c r="DO8" s="184">
        <v>2</v>
      </c>
      <c r="DP8" s="182">
        <v>1</v>
      </c>
      <c r="DQ8" s="185">
        <v>3</v>
      </c>
      <c r="DR8" s="187">
        <v>3</v>
      </c>
      <c r="DS8" s="188">
        <v>0</v>
      </c>
      <c r="DT8" s="182">
        <v>0</v>
      </c>
      <c r="DU8" s="182">
        <v>0</v>
      </c>
      <c r="DV8" s="183">
        <v>862</v>
      </c>
      <c r="DW8" s="184">
        <v>2673</v>
      </c>
      <c r="DX8" s="184">
        <v>6438</v>
      </c>
      <c r="DY8" s="184">
        <v>9006</v>
      </c>
      <c r="DZ8" s="182">
        <v>5899</v>
      </c>
      <c r="EA8" s="185">
        <v>24878</v>
      </c>
      <c r="EB8" s="187">
        <v>24878</v>
      </c>
      <c r="EC8" s="32"/>
    </row>
    <row r="9" spans="2:133" ht="21" customHeight="1" x14ac:dyDescent="0.2">
      <c r="B9" s="472" t="s">
        <v>6</v>
      </c>
      <c r="C9" s="181">
        <v>0</v>
      </c>
      <c r="D9" s="182">
        <v>0</v>
      </c>
      <c r="E9" s="182">
        <v>0</v>
      </c>
      <c r="F9" s="183">
        <v>90</v>
      </c>
      <c r="G9" s="184">
        <v>186</v>
      </c>
      <c r="H9" s="184">
        <v>1244</v>
      </c>
      <c r="I9" s="184">
        <v>1868</v>
      </c>
      <c r="J9" s="182">
        <v>1350</v>
      </c>
      <c r="K9" s="185">
        <v>4738</v>
      </c>
      <c r="L9" s="186">
        <v>4738</v>
      </c>
      <c r="M9" s="181">
        <v>0</v>
      </c>
      <c r="N9" s="182">
        <v>0</v>
      </c>
      <c r="O9" s="185">
        <v>0</v>
      </c>
      <c r="P9" s="183">
        <v>90</v>
      </c>
      <c r="Q9" s="184">
        <v>186</v>
      </c>
      <c r="R9" s="184">
        <v>1231</v>
      </c>
      <c r="S9" s="184">
        <v>1842</v>
      </c>
      <c r="T9" s="182">
        <v>1334</v>
      </c>
      <c r="U9" s="185">
        <v>4683</v>
      </c>
      <c r="V9" s="187">
        <v>4683</v>
      </c>
      <c r="W9" s="188">
        <v>0</v>
      </c>
      <c r="X9" s="182">
        <v>0</v>
      </c>
      <c r="Y9" s="185">
        <v>0</v>
      </c>
      <c r="Z9" s="188">
        <v>0</v>
      </c>
      <c r="AA9" s="184">
        <v>0</v>
      </c>
      <c r="AB9" s="184">
        <v>13</v>
      </c>
      <c r="AC9" s="184">
        <v>26</v>
      </c>
      <c r="AD9" s="182">
        <v>16</v>
      </c>
      <c r="AE9" s="185">
        <v>55</v>
      </c>
      <c r="AF9" s="189">
        <v>55</v>
      </c>
      <c r="AG9" s="188">
        <v>0</v>
      </c>
      <c r="AH9" s="182">
        <v>0</v>
      </c>
      <c r="AI9" s="185">
        <v>0</v>
      </c>
      <c r="AJ9" s="188">
        <v>214</v>
      </c>
      <c r="AK9" s="184">
        <v>319</v>
      </c>
      <c r="AL9" s="184">
        <v>520</v>
      </c>
      <c r="AM9" s="184">
        <v>681</v>
      </c>
      <c r="AN9" s="182">
        <v>352</v>
      </c>
      <c r="AO9" s="185">
        <v>2086</v>
      </c>
      <c r="AP9" s="189">
        <v>2086</v>
      </c>
      <c r="AQ9" s="188">
        <v>0</v>
      </c>
      <c r="AR9" s="182">
        <v>0</v>
      </c>
      <c r="AS9" s="185">
        <v>0</v>
      </c>
      <c r="AT9" s="183">
        <v>208</v>
      </c>
      <c r="AU9" s="184">
        <v>318</v>
      </c>
      <c r="AV9" s="184">
        <v>507</v>
      </c>
      <c r="AW9" s="184">
        <v>657</v>
      </c>
      <c r="AX9" s="182">
        <v>341</v>
      </c>
      <c r="AY9" s="185">
        <v>2031</v>
      </c>
      <c r="AZ9" s="186">
        <v>2031</v>
      </c>
      <c r="BA9" s="181">
        <v>0</v>
      </c>
      <c r="BB9" s="182">
        <v>0</v>
      </c>
      <c r="BC9" s="182">
        <v>0</v>
      </c>
      <c r="BD9" s="183">
        <v>6</v>
      </c>
      <c r="BE9" s="184">
        <v>1</v>
      </c>
      <c r="BF9" s="184">
        <v>13</v>
      </c>
      <c r="BG9" s="184">
        <v>24</v>
      </c>
      <c r="BH9" s="182">
        <v>11</v>
      </c>
      <c r="BI9" s="185">
        <v>55</v>
      </c>
      <c r="BJ9" s="187">
        <v>55</v>
      </c>
      <c r="BK9" s="188">
        <v>0</v>
      </c>
      <c r="BL9" s="182">
        <v>0</v>
      </c>
      <c r="BM9" s="182">
        <v>0</v>
      </c>
      <c r="BN9" s="183">
        <v>1</v>
      </c>
      <c r="BO9" s="184">
        <v>0</v>
      </c>
      <c r="BP9" s="184">
        <v>2</v>
      </c>
      <c r="BQ9" s="184">
        <v>27</v>
      </c>
      <c r="BR9" s="182">
        <v>41</v>
      </c>
      <c r="BS9" s="185">
        <v>71</v>
      </c>
      <c r="BT9" s="186">
        <v>71</v>
      </c>
      <c r="BU9" s="181">
        <v>0</v>
      </c>
      <c r="BV9" s="182">
        <v>0</v>
      </c>
      <c r="BW9" s="182">
        <v>0</v>
      </c>
      <c r="BX9" s="183">
        <v>1</v>
      </c>
      <c r="BY9" s="184">
        <v>0</v>
      </c>
      <c r="BZ9" s="184">
        <v>2</v>
      </c>
      <c r="CA9" s="184">
        <v>27</v>
      </c>
      <c r="CB9" s="182">
        <v>40</v>
      </c>
      <c r="CC9" s="185">
        <v>70</v>
      </c>
      <c r="CD9" s="187">
        <v>70</v>
      </c>
      <c r="CE9" s="188">
        <v>0</v>
      </c>
      <c r="CF9" s="182">
        <v>0</v>
      </c>
      <c r="CG9" s="182">
        <v>0</v>
      </c>
      <c r="CH9" s="183">
        <v>0</v>
      </c>
      <c r="CI9" s="184">
        <v>0</v>
      </c>
      <c r="CJ9" s="184">
        <v>0</v>
      </c>
      <c r="CK9" s="184">
        <v>0</v>
      </c>
      <c r="CL9" s="182">
        <v>1</v>
      </c>
      <c r="CM9" s="185">
        <v>1</v>
      </c>
      <c r="CN9" s="187">
        <v>1</v>
      </c>
      <c r="CO9" s="188">
        <v>0</v>
      </c>
      <c r="CP9" s="182">
        <v>0</v>
      </c>
      <c r="CQ9" s="182">
        <v>0</v>
      </c>
      <c r="CR9" s="183">
        <v>0</v>
      </c>
      <c r="CS9" s="184">
        <v>1</v>
      </c>
      <c r="CT9" s="184">
        <v>3</v>
      </c>
      <c r="CU9" s="184">
        <v>42</v>
      </c>
      <c r="CV9" s="182">
        <v>56</v>
      </c>
      <c r="CW9" s="185">
        <v>102</v>
      </c>
      <c r="CX9" s="186">
        <v>102</v>
      </c>
      <c r="CY9" s="181">
        <v>0</v>
      </c>
      <c r="CZ9" s="182">
        <v>0</v>
      </c>
      <c r="DA9" s="182">
        <v>0</v>
      </c>
      <c r="DB9" s="183">
        <v>0</v>
      </c>
      <c r="DC9" s="184">
        <v>1</v>
      </c>
      <c r="DD9" s="184">
        <v>3</v>
      </c>
      <c r="DE9" s="184">
        <v>41</v>
      </c>
      <c r="DF9" s="182">
        <v>54</v>
      </c>
      <c r="DG9" s="185">
        <v>99</v>
      </c>
      <c r="DH9" s="187">
        <v>99</v>
      </c>
      <c r="DI9" s="188">
        <v>0</v>
      </c>
      <c r="DJ9" s="182">
        <v>0</v>
      </c>
      <c r="DK9" s="182">
        <v>0</v>
      </c>
      <c r="DL9" s="183">
        <v>0</v>
      </c>
      <c r="DM9" s="184">
        <v>0</v>
      </c>
      <c r="DN9" s="184">
        <v>0</v>
      </c>
      <c r="DO9" s="184">
        <v>1</v>
      </c>
      <c r="DP9" s="182">
        <v>2</v>
      </c>
      <c r="DQ9" s="185">
        <v>3</v>
      </c>
      <c r="DR9" s="187">
        <v>3</v>
      </c>
      <c r="DS9" s="188">
        <v>0</v>
      </c>
      <c r="DT9" s="182">
        <v>0</v>
      </c>
      <c r="DU9" s="182">
        <v>0</v>
      </c>
      <c r="DV9" s="183">
        <v>305</v>
      </c>
      <c r="DW9" s="184">
        <v>506</v>
      </c>
      <c r="DX9" s="184">
        <v>1769</v>
      </c>
      <c r="DY9" s="184">
        <v>2618</v>
      </c>
      <c r="DZ9" s="182">
        <v>1799</v>
      </c>
      <c r="EA9" s="185">
        <v>6997</v>
      </c>
      <c r="EB9" s="187">
        <v>6997</v>
      </c>
      <c r="EC9" s="32"/>
    </row>
    <row r="10" spans="2:133" ht="21" customHeight="1" x14ac:dyDescent="0.2">
      <c r="B10" s="472" t="s">
        <v>14</v>
      </c>
      <c r="C10" s="181">
        <v>0</v>
      </c>
      <c r="D10" s="182">
        <v>0</v>
      </c>
      <c r="E10" s="182">
        <v>0</v>
      </c>
      <c r="F10" s="183">
        <v>11</v>
      </c>
      <c r="G10" s="184">
        <v>44</v>
      </c>
      <c r="H10" s="184">
        <v>842</v>
      </c>
      <c r="I10" s="184">
        <v>1284</v>
      </c>
      <c r="J10" s="182">
        <v>807</v>
      </c>
      <c r="K10" s="185">
        <v>2988</v>
      </c>
      <c r="L10" s="186">
        <v>2988</v>
      </c>
      <c r="M10" s="181">
        <v>0</v>
      </c>
      <c r="N10" s="182">
        <v>0</v>
      </c>
      <c r="O10" s="185">
        <v>0</v>
      </c>
      <c r="P10" s="183">
        <v>11</v>
      </c>
      <c r="Q10" s="184">
        <v>44</v>
      </c>
      <c r="R10" s="184">
        <v>838</v>
      </c>
      <c r="S10" s="184">
        <v>1273</v>
      </c>
      <c r="T10" s="182">
        <v>800</v>
      </c>
      <c r="U10" s="185">
        <v>2966</v>
      </c>
      <c r="V10" s="187">
        <v>2966</v>
      </c>
      <c r="W10" s="188">
        <v>0</v>
      </c>
      <c r="X10" s="182">
        <v>0</v>
      </c>
      <c r="Y10" s="185">
        <v>0</v>
      </c>
      <c r="Z10" s="188">
        <v>0</v>
      </c>
      <c r="AA10" s="184">
        <v>0</v>
      </c>
      <c r="AB10" s="184">
        <v>4</v>
      </c>
      <c r="AC10" s="184">
        <v>11</v>
      </c>
      <c r="AD10" s="182">
        <v>7</v>
      </c>
      <c r="AE10" s="185">
        <v>22</v>
      </c>
      <c r="AF10" s="189">
        <v>22</v>
      </c>
      <c r="AG10" s="188">
        <v>0</v>
      </c>
      <c r="AH10" s="182">
        <v>0</v>
      </c>
      <c r="AI10" s="185">
        <v>0</v>
      </c>
      <c r="AJ10" s="188">
        <v>68</v>
      </c>
      <c r="AK10" s="184">
        <v>212</v>
      </c>
      <c r="AL10" s="184">
        <v>297</v>
      </c>
      <c r="AM10" s="184">
        <v>380</v>
      </c>
      <c r="AN10" s="182">
        <v>200</v>
      </c>
      <c r="AO10" s="185">
        <v>1157</v>
      </c>
      <c r="AP10" s="189">
        <v>1157</v>
      </c>
      <c r="AQ10" s="188">
        <v>0</v>
      </c>
      <c r="AR10" s="182">
        <v>0</v>
      </c>
      <c r="AS10" s="185">
        <v>0</v>
      </c>
      <c r="AT10" s="183">
        <v>65</v>
      </c>
      <c r="AU10" s="184">
        <v>211</v>
      </c>
      <c r="AV10" s="184">
        <v>291</v>
      </c>
      <c r="AW10" s="184">
        <v>373</v>
      </c>
      <c r="AX10" s="182">
        <v>195</v>
      </c>
      <c r="AY10" s="185">
        <v>1135</v>
      </c>
      <c r="AZ10" s="186">
        <v>1135</v>
      </c>
      <c r="BA10" s="181">
        <v>0</v>
      </c>
      <c r="BB10" s="182">
        <v>0</v>
      </c>
      <c r="BC10" s="182">
        <v>0</v>
      </c>
      <c r="BD10" s="183">
        <v>3</v>
      </c>
      <c r="BE10" s="184">
        <v>1</v>
      </c>
      <c r="BF10" s="184">
        <v>6</v>
      </c>
      <c r="BG10" s="184">
        <v>7</v>
      </c>
      <c r="BH10" s="182">
        <v>5</v>
      </c>
      <c r="BI10" s="185">
        <v>22</v>
      </c>
      <c r="BJ10" s="187">
        <v>22</v>
      </c>
      <c r="BK10" s="188">
        <v>0</v>
      </c>
      <c r="BL10" s="182">
        <v>0</v>
      </c>
      <c r="BM10" s="182">
        <v>0</v>
      </c>
      <c r="BN10" s="183">
        <v>0</v>
      </c>
      <c r="BO10" s="184">
        <v>0</v>
      </c>
      <c r="BP10" s="184">
        <v>3</v>
      </c>
      <c r="BQ10" s="184">
        <v>23</v>
      </c>
      <c r="BR10" s="182">
        <v>14</v>
      </c>
      <c r="BS10" s="185">
        <v>40</v>
      </c>
      <c r="BT10" s="186">
        <v>40</v>
      </c>
      <c r="BU10" s="181">
        <v>0</v>
      </c>
      <c r="BV10" s="182">
        <v>0</v>
      </c>
      <c r="BW10" s="182">
        <v>0</v>
      </c>
      <c r="BX10" s="183">
        <v>0</v>
      </c>
      <c r="BY10" s="184">
        <v>0</v>
      </c>
      <c r="BZ10" s="184">
        <v>3</v>
      </c>
      <c r="CA10" s="184">
        <v>23</v>
      </c>
      <c r="CB10" s="182">
        <v>14</v>
      </c>
      <c r="CC10" s="185">
        <v>40</v>
      </c>
      <c r="CD10" s="187">
        <v>40</v>
      </c>
      <c r="CE10" s="188">
        <v>0</v>
      </c>
      <c r="CF10" s="182">
        <v>0</v>
      </c>
      <c r="CG10" s="182">
        <v>0</v>
      </c>
      <c r="CH10" s="183">
        <v>0</v>
      </c>
      <c r="CI10" s="184">
        <v>0</v>
      </c>
      <c r="CJ10" s="184">
        <v>0</v>
      </c>
      <c r="CK10" s="184">
        <v>0</v>
      </c>
      <c r="CL10" s="182">
        <v>0</v>
      </c>
      <c r="CM10" s="185">
        <v>0</v>
      </c>
      <c r="CN10" s="187">
        <v>0</v>
      </c>
      <c r="CO10" s="188">
        <v>0</v>
      </c>
      <c r="CP10" s="182">
        <v>0</v>
      </c>
      <c r="CQ10" s="182">
        <v>0</v>
      </c>
      <c r="CR10" s="183">
        <v>0</v>
      </c>
      <c r="CS10" s="184">
        <v>0</v>
      </c>
      <c r="CT10" s="184">
        <v>8</v>
      </c>
      <c r="CU10" s="184">
        <v>77</v>
      </c>
      <c r="CV10" s="182">
        <v>82</v>
      </c>
      <c r="CW10" s="185">
        <v>167</v>
      </c>
      <c r="CX10" s="186">
        <v>167</v>
      </c>
      <c r="CY10" s="181">
        <v>0</v>
      </c>
      <c r="CZ10" s="182">
        <v>0</v>
      </c>
      <c r="DA10" s="182">
        <v>0</v>
      </c>
      <c r="DB10" s="183">
        <v>0</v>
      </c>
      <c r="DC10" s="184">
        <v>0</v>
      </c>
      <c r="DD10" s="184">
        <v>7</v>
      </c>
      <c r="DE10" s="184">
        <v>77</v>
      </c>
      <c r="DF10" s="182">
        <v>80</v>
      </c>
      <c r="DG10" s="185">
        <v>164</v>
      </c>
      <c r="DH10" s="187">
        <v>164</v>
      </c>
      <c r="DI10" s="188">
        <v>0</v>
      </c>
      <c r="DJ10" s="182">
        <v>0</v>
      </c>
      <c r="DK10" s="182">
        <v>0</v>
      </c>
      <c r="DL10" s="183">
        <v>0</v>
      </c>
      <c r="DM10" s="184">
        <v>0</v>
      </c>
      <c r="DN10" s="184">
        <v>1</v>
      </c>
      <c r="DO10" s="184">
        <v>0</v>
      </c>
      <c r="DP10" s="182">
        <v>2</v>
      </c>
      <c r="DQ10" s="185">
        <v>3</v>
      </c>
      <c r="DR10" s="187">
        <v>3</v>
      </c>
      <c r="DS10" s="188">
        <v>0</v>
      </c>
      <c r="DT10" s="182">
        <v>0</v>
      </c>
      <c r="DU10" s="182">
        <v>0</v>
      </c>
      <c r="DV10" s="183">
        <v>79</v>
      </c>
      <c r="DW10" s="184">
        <v>256</v>
      </c>
      <c r="DX10" s="184">
        <v>1146</v>
      </c>
      <c r="DY10" s="184">
        <v>1760</v>
      </c>
      <c r="DZ10" s="182">
        <v>1100</v>
      </c>
      <c r="EA10" s="185">
        <v>4341</v>
      </c>
      <c r="EB10" s="187">
        <v>4341</v>
      </c>
      <c r="EC10" s="32"/>
    </row>
    <row r="11" spans="2:133" ht="21" customHeight="1" x14ac:dyDescent="0.2">
      <c r="B11" s="472" t="s">
        <v>7</v>
      </c>
      <c r="C11" s="181">
        <v>0</v>
      </c>
      <c r="D11" s="182">
        <v>0</v>
      </c>
      <c r="E11" s="182">
        <v>0</v>
      </c>
      <c r="F11" s="183">
        <v>19</v>
      </c>
      <c r="G11" s="184">
        <v>45</v>
      </c>
      <c r="H11" s="184">
        <v>594</v>
      </c>
      <c r="I11" s="184">
        <v>932</v>
      </c>
      <c r="J11" s="182">
        <v>581</v>
      </c>
      <c r="K11" s="185">
        <v>2171</v>
      </c>
      <c r="L11" s="186">
        <v>2171</v>
      </c>
      <c r="M11" s="181">
        <v>0</v>
      </c>
      <c r="N11" s="182">
        <v>0</v>
      </c>
      <c r="O11" s="185">
        <v>0</v>
      </c>
      <c r="P11" s="183">
        <v>18</v>
      </c>
      <c r="Q11" s="184">
        <v>44</v>
      </c>
      <c r="R11" s="184">
        <v>592</v>
      </c>
      <c r="S11" s="184">
        <v>918</v>
      </c>
      <c r="T11" s="182">
        <v>572</v>
      </c>
      <c r="U11" s="185">
        <v>2144</v>
      </c>
      <c r="V11" s="187">
        <v>2144</v>
      </c>
      <c r="W11" s="188">
        <v>0</v>
      </c>
      <c r="X11" s="182">
        <v>0</v>
      </c>
      <c r="Y11" s="185">
        <v>0</v>
      </c>
      <c r="Z11" s="188">
        <v>1</v>
      </c>
      <c r="AA11" s="184">
        <v>1</v>
      </c>
      <c r="AB11" s="184">
        <v>2</v>
      </c>
      <c r="AC11" s="184">
        <v>14</v>
      </c>
      <c r="AD11" s="182">
        <v>9</v>
      </c>
      <c r="AE11" s="185">
        <v>27</v>
      </c>
      <c r="AF11" s="189">
        <v>27</v>
      </c>
      <c r="AG11" s="188">
        <v>0</v>
      </c>
      <c r="AH11" s="182">
        <v>0</v>
      </c>
      <c r="AI11" s="185">
        <v>0</v>
      </c>
      <c r="AJ11" s="188">
        <v>143</v>
      </c>
      <c r="AK11" s="184">
        <v>205</v>
      </c>
      <c r="AL11" s="184">
        <v>284</v>
      </c>
      <c r="AM11" s="184">
        <v>278</v>
      </c>
      <c r="AN11" s="182">
        <v>120</v>
      </c>
      <c r="AO11" s="185">
        <v>1030</v>
      </c>
      <c r="AP11" s="189">
        <v>1030</v>
      </c>
      <c r="AQ11" s="188">
        <v>0</v>
      </c>
      <c r="AR11" s="182">
        <v>0</v>
      </c>
      <c r="AS11" s="185">
        <v>0</v>
      </c>
      <c r="AT11" s="183">
        <v>142</v>
      </c>
      <c r="AU11" s="184">
        <v>203</v>
      </c>
      <c r="AV11" s="184">
        <v>276</v>
      </c>
      <c r="AW11" s="184">
        <v>272</v>
      </c>
      <c r="AX11" s="182">
        <v>115</v>
      </c>
      <c r="AY11" s="185">
        <v>1008</v>
      </c>
      <c r="AZ11" s="186">
        <v>1008</v>
      </c>
      <c r="BA11" s="181">
        <v>0</v>
      </c>
      <c r="BB11" s="182">
        <v>0</v>
      </c>
      <c r="BC11" s="182">
        <v>0</v>
      </c>
      <c r="BD11" s="183">
        <v>1</v>
      </c>
      <c r="BE11" s="184">
        <v>2</v>
      </c>
      <c r="BF11" s="184">
        <v>8</v>
      </c>
      <c r="BG11" s="184">
        <v>6</v>
      </c>
      <c r="BH11" s="182">
        <v>5</v>
      </c>
      <c r="BI11" s="185">
        <v>22</v>
      </c>
      <c r="BJ11" s="187">
        <v>22</v>
      </c>
      <c r="BK11" s="188">
        <v>0</v>
      </c>
      <c r="BL11" s="182">
        <v>0</v>
      </c>
      <c r="BM11" s="182">
        <v>0</v>
      </c>
      <c r="BN11" s="183">
        <v>0</v>
      </c>
      <c r="BO11" s="184">
        <v>0</v>
      </c>
      <c r="BP11" s="184">
        <v>0</v>
      </c>
      <c r="BQ11" s="184">
        <v>1</v>
      </c>
      <c r="BR11" s="182">
        <v>1</v>
      </c>
      <c r="BS11" s="185">
        <v>2</v>
      </c>
      <c r="BT11" s="186">
        <v>2</v>
      </c>
      <c r="BU11" s="181">
        <v>0</v>
      </c>
      <c r="BV11" s="182">
        <v>0</v>
      </c>
      <c r="BW11" s="182">
        <v>0</v>
      </c>
      <c r="BX11" s="183">
        <v>0</v>
      </c>
      <c r="BY11" s="184">
        <v>0</v>
      </c>
      <c r="BZ11" s="184">
        <v>0</v>
      </c>
      <c r="CA11" s="184">
        <v>1</v>
      </c>
      <c r="CB11" s="182">
        <v>1</v>
      </c>
      <c r="CC11" s="185">
        <v>2</v>
      </c>
      <c r="CD11" s="187">
        <v>2</v>
      </c>
      <c r="CE11" s="188">
        <v>0</v>
      </c>
      <c r="CF11" s="182">
        <v>0</v>
      </c>
      <c r="CG11" s="182">
        <v>0</v>
      </c>
      <c r="CH11" s="183">
        <v>0</v>
      </c>
      <c r="CI11" s="184">
        <v>0</v>
      </c>
      <c r="CJ11" s="184">
        <v>0</v>
      </c>
      <c r="CK11" s="184">
        <v>0</v>
      </c>
      <c r="CL11" s="182">
        <v>0</v>
      </c>
      <c r="CM11" s="185">
        <v>0</v>
      </c>
      <c r="CN11" s="187">
        <v>0</v>
      </c>
      <c r="CO11" s="188">
        <v>0</v>
      </c>
      <c r="CP11" s="182">
        <v>0</v>
      </c>
      <c r="CQ11" s="182">
        <v>0</v>
      </c>
      <c r="CR11" s="183">
        <v>0</v>
      </c>
      <c r="CS11" s="184">
        <v>0</v>
      </c>
      <c r="CT11" s="184">
        <v>2</v>
      </c>
      <c r="CU11" s="184">
        <v>2</v>
      </c>
      <c r="CV11" s="182">
        <v>0</v>
      </c>
      <c r="CW11" s="185">
        <v>4</v>
      </c>
      <c r="CX11" s="186">
        <v>4</v>
      </c>
      <c r="CY11" s="181">
        <v>0</v>
      </c>
      <c r="CZ11" s="182">
        <v>0</v>
      </c>
      <c r="DA11" s="182">
        <v>0</v>
      </c>
      <c r="DB11" s="183">
        <v>0</v>
      </c>
      <c r="DC11" s="184">
        <v>0</v>
      </c>
      <c r="DD11" s="184">
        <v>2</v>
      </c>
      <c r="DE11" s="184">
        <v>2</v>
      </c>
      <c r="DF11" s="182">
        <v>0</v>
      </c>
      <c r="DG11" s="185">
        <v>4</v>
      </c>
      <c r="DH11" s="187">
        <v>4</v>
      </c>
      <c r="DI11" s="188">
        <v>0</v>
      </c>
      <c r="DJ11" s="182">
        <v>0</v>
      </c>
      <c r="DK11" s="182">
        <v>0</v>
      </c>
      <c r="DL11" s="183">
        <v>0</v>
      </c>
      <c r="DM11" s="184">
        <v>0</v>
      </c>
      <c r="DN11" s="184">
        <v>0</v>
      </c>
      <c r="DO11" s="184">
        <v>0</v>
      </c>
      <c r="DP11" s="182">
        <v>0</v>
      </c>
      <c r="DQ11" s="185">
        <v>0</v>
      </c>
      <c r="DR11" s="187">
        <v>0</v>
      </c>
      <c r="DS11" s="188">
        <v>0</v>
      </c>
      <c r="DT11" s="182">
        <v>0</v>
      </c>
      <c r="DU11" s="182">
        <v>0</v>
      </c>
      <c r="DV11" s="183">
        <v>162</v>
      </c>
      <c r="DW11" s="184">
        <v>250</v>
      </c>
      <c r="DX11" s="184">
        <v>880</v>
      </c>
      <c r="DY11" s="184">
        <v>1210</v>
      </c>
      <c r="DZ11" s="182">
        <v>699</v>
      </c>
      <c r="EA11" s="185">
        <v>3201</v>
      </c>
      <c r="EB11" s="187">
        <v>3201</v>
      </c>
      <c r="EC11" s="32"/>
    </row>
    <row r="12" spans="2:133" ht="21" customHeight="1" x14ac:dyDescent="0.2">
      <c r="B12" s="472" t="s">
        <v>8</v>
      </c>
      <c r="C12" s="181">
        <v>0</v>
      </c>
      <c r="D12" s="182">
        <v>0</v>
      </c>
      <c r="E12" s="182">
        <v>0</v>
      </c>
      <c r="F12" s="183">
        <v>15</v>
      </c>
      <c r="G12" s="184">
        <v>60</v>
      </c>
      <c r="H12" s="184">
        <v>374</v>
      </c>
      <c r="I12" s="184">
        <v>416</v>
      </c>
      <c r="J12" s="182">
        <v>242</v>
      </c>
      <c r="K12" s="185">
        <v>1107</v>
      </c>
      <c r="L12" s="186">
        <v>1107</v>
      </c>
      <c r="M12" s="181">
        <v>0</v>
      </c>
      <c r="N12" s="182">
        <v>0</v>
      </c>
      <c r="O12" s="185">
        <v>0</v>
      </c>
      <c r="P12" s="183">
        <v>15</v>
      </c>
      <c r="Q12" s="184">
        <v>59</v>
      </c>
      <c r="R12" s="184">
        <v>373</v>
      </c>
      <c r="S12" s="184">
        <v>411</v>
      </c>
      <c r="T12" s="182">
        <v>241</v>
      </c>
      <c r="U12" s="185">
        <v>1099</v>
      </c>
      <c r="V12" s="187">
        <v>1099</v>
      </c>
      <c r="W12" s="188">
        <v>0</v>
      </c>
      <c r="X12" s="182">
        <v>0</v>
      </c>
      <c r="Y12" s="185">
        <v>0</v>
      </c>
      <c r="Z12" s="188">
        <v>0</v>
      </c>
      <c r="AA12" s="184">
        <v>1</v>
      </c>
      <c r="AB12" s="184">
        <v>1</v>
      </c>
      <c r="AC12" s="184">
        <v>5</v>
      </c>
      <c r="AD12" s="182">
        <v>1</v>
      </c>
      <c r="AE12" s="185">
        <v>8</v>
      </c>
      <c r="AF12" s="189">
        <v>8</v>
      </c>
      <c r="AG12" s="188">
        <v>0</v>
      </c>
      <c r="AH12" s="182">
        <v>0</v>
      </c>
      <c r="AI12" s="185">
        <v>0</v>
      </c>
      <c r="AJ12" s="188">
        <v>46</v>
      </c>
      <c r="AK12" s="184">
        <v>101</v>
      </c>
      <c r="AL12" s="184">
        <v>159</v>
      </c>
      <c r="AM12" s="184">
        <v>141</v>
      </c>
      <c r="AN12" s="182">
        <v>71</v>
      </c>
      <c r="AO12" s="185">
        <v>518</v>
      </c>
      <c r="AP12" s="189">
        <v>518</v>
      </c>
      <c r="AQ12" s="188">
        <v>0</v>
      </c>
      <c r="AR12" s="182">
        <v>0</v>
      </c>
      <c r="AS12" s="185">
        <v>0</v>
      </c>
      <c r="AT12" s="183">
        <v>46</v>
      </c>
      <c r="AU12" s="184">
        <v>99</v>
      </c>
      <c r="AV12" s="184">
        <v>158</v>
      </c>
      <c r="AW12" s="184">
        <v>138</v>
      </c>
      <c r="AX12" s="182">
        <v>69</v>
      </c>
      <c r="AY12" s="185">
        <v>510</v>
      </c>
      <c r="AZ12" s="186">
        <v>510</v>
      </c>
      <c r="BA12" s="181">
        <v>0</v>
      </c>
      <c r="BB12" s="182">
        <v>0</v>
      </c>
      <c r="BC12" s="182">
        <v>0</v>
      </c>
      <c r="BD12" s="183">
        <v>0</v>
      </c>
      <c r="BE12" s="184">
        <v>2</v>
      </c>
      <c r="BF12" s="184">
        <v>1</v>
      </c>
      <c r="BG12" s="184">
        <v>3</v>
      </c>
      <c r="BH12" s="182">
        <v>2</v>
      </c>
      <c r="BI12" s="185">
        <v>8</v>
      </c>
      <c r="BJ12" s="187">
        <v>8</v>
      </c>
      <c r="BK12" s="188">
        <v>0</v>
      </c>
      <c r="BL12" s="182">
        <v>0</v>
      </c>
      <c r="BM12" s="182">
        <v>0</v>
      </c>
      <c r="BN12" s="183">
        <v>0</v>
      </c>
      <c r="BO12" s="184">
        <v>0</v>
      </c>
      <c r="BP12" s="184">
        <v>0</v>
      </c>
      <c r="BQ12" s="184">
        <v>1</v>
      </c>
      <c r="BR12" s="182">
        <v>0</v>
      </c>
      <c r="BS12" s="185">
        <v>1</v>
      </c>
      <c r="BT12" s="186">
        <v>1</v>
      </c>
      <c r="BU12" s="181">
        <v>0</v>
      </c>
      <c r="BV12" s="182">
        <v>0</v>
      </c>
      <c r="BW12" s="182">
        <v>0</v>
      </c>
      <c r="BX12" s="183">
        <v>0</v>
      </c>
      <c r="BY12" s="184">
        <v>0</v>
      </c>
      <c r="BZ12" s="184">
        <v>0</v>
      </c>
      <c r="CA12" s="184">
        <v>1</v>
      </c>
      <c r="CB12" s="182">
        <v>0</v>
      </c>
      <c r="CC12" s="185">
        <v>1</v>
      </c>
      <c r="CD12" s="187">
        <v>1</v>
      </c>
      <c r="CE12" s="188">
        <v>0</v>
      </c>
      <c r="CF12" s="182">
        <v>0</v>
      </c>
      <c r="CG12" s="182">
        <v>0</v>
      </c>
      <c r="CH12" s="183">
        <v>0</v>
      </c>
      <c r="CI12" s="184">
        <v>0</v>
      </c>
      <c r="CJ12" s="184">
        <v>0</v>
      </c>
      <c r="CK12" s="184">
        <v>0</v>
      </c>
      <c r="CL12" s="182">
        <v>0</v>
      </c>
      <c r="CM12" s="185">
        <v>0</v>
      </c>
      <c r="CN12" s="187">
        <v>0</v>
      </c>
      <c r="CO12" s="188">
        <v>0</v>
      </c>
      <c r="CP12" s="182">
        <v>0</v>
      </c>
      <c r="CQ12" s="182">
        <v>0</v>
      </c>
      <c r="CR12" s="183">
        <v>1</v>
      </c>
      <c r="CS12" s="184">
        <v>1</v>
      </c>
      <c r="CT12" s="184">
        <v>3</v>
      </c>
      <c r="CU12" s="184">
        <v>5</v>
      </c>
      <c r="CV12" s="182">
        <v>7</v>
      </c>
      <c r="CW12" s="185">
        <v>17</v>
      </c>
      <c r="CX12" s="186">
        <v>17</v>
      </c>
      <c r="CY12" s="181">
        <v>0</v>
      </c>
      <c r="CZ12" s="182">
        <v>0</v>
      </c>
      <c r="DA12" s="182">
        <v>0</v>
      </c>
      <c r="DB12" s="183">
        <v>1</v>
      </c>
      <c r="DC12" s="184">
        <v>1</v>
      </c>
      <c r="DD12" s="184">
        <v>3</v>
      </c>
      <c r="DE12" s="184">
        <v>5</v>
      </c>
      <c r="DF12" s="182">
        <v>7</v>
      </c>
      <c r="DG12" s="185">
        <v>17</v>
      </c>
      <c r="DH12" s="187">
        <v>17</v>
      </c>
      <c r="DI12" s="188">
        <v>0</v>
      </c>
      <c r="DJ12" s="182">
        <v>0</v>
      </c>
      <c r="DK12" s="182">
        <v>0</v>
      </c>
      <c r="DL12" s="183">
        <v>0</v>
      </c>
      <c r="DM12" s="184">
        <v>0</v>
      </c>
      <c r="DN12" s="184">
        <v>0</v>
      </c>
      <c r="DO12" s="184">
        <v>0</v>
      </c>
      <c r="DP12" s="182">
        <v>0</v>
      </c>
      <c r="DQ12" s="185">
        <v>0</v>
      </c>
      <c r="DR12" s="187">
        <v>0</v>
      </c>
      <c r="DS12" s="188">
        <v>0</v>
      </c>
      <c r="DT12" s="182">
        <v>0</v>
      </c>
      <c r="DU12" s="182">
        <v>0</v>
      </c>
      <c r="DV12" s="183">
        <v>62</v>
      </c>
      <c r="DW12" s="184">
        <v>162</v>
      </c>
      <c r="DX12" s="184">
        <v>536</v>
      </c>
      <c r="DY12" s="184">
        <v>563</v>
      </c>
      <c r="DZ12" s="182">
        <v>320</v>
      </c>
      <c r="EA12" s="185">
        <v>1643</v>
      </c>
      <c r="EB12" s="187">
        <v>1643</v>
      </c>
      <c r="EC12" s="32"/>
    </row>
    <row r="13" spans="2:133" ht="21" customHeight="1" x14ac:dyDescent="0.2">
      <c r="B13" s="472" t="s">
        <v>9</v>
      </c>
      <c r="C13" s="181">
        <v>0</v>
      </c>
      <c r="D13" s="182">
        <v>0</v>
      </c>
      <c r="E13" s="182">
        <v>0</v>
      </c>
      <c r="F13" s="183">
        <v>6</v>
      </c>
      <c r="G13" s="184">
        <v>4</v>
      </c>
      <c r="H13" s="184">
        <v>201</v>
      </c>
      <c r="I13" s="184">
        <v>347</v>
      </c>
      <c r="J13" s="182">
        <v>279</v>
      </c>
      <c r="K13" s="185">
        <v>837</v>
      </c>
      <c r="L13" s="186">
        <v>837</v>
      </c>
      <c r="M13" s="181">
        <v>0</v>
      </c>
      <c r="N13" s="182">
        <v>0</v>
      </c>
      <c r="O13" s="185">
        <v>0</v>
      </c>
      <c r="P13" s="183">
        <v>6</v>
      </c>
      <c r="Q13" s="184">
        <v>4</v>
      </c>
      <c r="R13" s="184">
        <v>200</v>
      </c>
      <c r="S13" s="184">
        <v>344</v>
      </c>
      <c r="T13" s="182">
        <v>276</v>
      </c>
      <c r="U13" s="185">
        <v>830</v>
      </c>
      <c r="V13" s="187">
        <v>830</v>
      </c>
      <c r="W13" s="188">
        <v>0</v>
      </c>
      <c r="X13" s="182">
        <v>0</v>
      </c>
      <c r="Y13" s="185">
        <v>0</v>
      </c>
      <c r="Z13" s="188">
        <v>0</v>
      </c>
      <c r="AA13" s="184">
        <v>0</v>
      </c>
      <c r="AB13" s="184">
        <v>1</v>
      </c>
      <c r="AC13" s="184">
        <v>3</v>
      </c>
      <c r="AD13" s="182">
        <v>3</v>
      </c>
      <c r="AE13" s="185">
        <v>7</v>
      </c>
      <c r="AF13" s="189">
        <v>7</v>
      </c>
      <c r="AG13" s="188">
        <v>0</v>
      </c>
      <c r="AH13" s="182">
        <v>0</v>
      </c>
      <c r="AI13" s="185">
        <v>0</v>
      </c>
      <c r="AJ13" s="188">
        <v>29</v>
      </c>
      <c r="AK13" s="184">
        <v>66</v>
      </c>
      <c r="AL13" s="184">
        <v>94</v>
      </c>
      <c r="AM13" s="184">
        <v>123</v>
      </c>
      <c r="AN13" s="182">
        <v>65</v>
      </c>
      <c r="AO13" s="185">
        <v>377</v>
      </c>
      <c r="AP13" s="189">
        <v>377</v>
      </c>
      <c r="AQ13" s="188">
        <v>0</v>
      </c>
      <c r="AR13" s="182">
        <v>0</v>
      </c>
      <c r="AS13" s="185">
        <v>0</v>
      </c>
      <c r="AT13" s="183">
        <v>29</v>
      </c>
      <c r="AU13" s="184">
        <v>66</v>
      </c>
      <c r="AV13" s="184">
        <v>90</v>
      </c>
      <c r="AW13" s="184">
        <v>121</v>
      </c>
      <c r="AX13" s="182">
        <v>64</v>
      </c>
      <c r="AY13" s="185">
        <v>370</v>
      </c>
      <c r="AZ13" s="186">
        <v>370</v>
      </c>
      <c r="BA13" s="181">
        <v>0</v>
      </c>
      <c r="BB13" s="182">
        <v>0</v>
      </c>
      <c r="BC13" s="182">
        <v>0</v>
      </c>
      <c r="BD13" s="183">
        <v>0</v>
      </c>
      <c r="BE13" s="184">
        <v>0</v>
      </c>
      <c r="BF13" s="184">
        <v>4</v>
      </c>
      <c r="BG13" s="184">
        <v>2</v>
      </c>
      <c r="BH13" s="182">
        <v>1</v>
      </c>
      <c r="BI13" s="185">
        <v>7</v>
      </c>
      <c r="BJ13" s="187">
        <v>7</v>
      </c>
      <c r="BK13" s="188">
        <v>0</v>
      </c>
      <c r="BL13" s="182">
        <v>0</v>
      </c>
      <c r="BM13" s="182">
        <v>0</v>
      </c>
      <c r="BN13" s="183">
        <v>0</v>
      </c>
      <c r="BO13" s="184">
        <v>0</v>
      </c>
      <c r="BP13" s="184">
        <v>0</v>
      </c>
      <c r="BQ13" s="184">
        <v>0</v>
      </c>
      <c r="BR13" s="182">
        <v>0</v>
      </c>
      <c r="BS13" s="185">
        <v>0</v>
      </c>
      <c r="BT13" s="186">
        <v>0</v>
      </c>
      <c r="BU13" s="181">
        <v>0</v>
      </c>
      <c r="BV13" s="182">
        <v>0</v>
      </c>
      <c r="BW13" s="182">
        <v>0</v>
      </c>
      <c r="BX13" s="183">
        <v>0</v>
      </c>
      <c r="BY13" s="184">
        <v>0</v>
      </c>
      <c r="BZ13" s="184">
        <v>0</v>
      </c>
      <c r="CA13" s="184">
        <v>0</v>
      </c>
      <c r="CB13" s="182">
        <v>0</v>
      </c>
      <c r="CC13" s="185">
        <v>0</v>
      </c>
      <c r="CD13" s="187">
        <v>0</v>
      </c>
      <c r="CE13" s="188">
        <v>0</v>
      </c>
      <c r="CF13" s="182">
        <v>0</v>
      </c>
      <c r="CG13" s="182">
        <v>0</v>
      </c>
      <c r="CH13" s="183">
        <v>0</v>
      </c>
      <c r="CI13" s="184">
        <v>0</v>
      </c>
      <c r="CJ13" s="184">
        <v>0</v>
      </c>
      <c r="CK13" s="184">
        <v>0</v>
      </c>
      <c r="CL13" s="182">
        <v>0</v>
      </c>
      <c r="CM13" s="185">
        <v>0</v>
      </c>
      <c r="CN13" s="187">
        <v>0</v>
      </c>
      <c r="CO13" s="188">
        <v>0</v>
      </c>
      <c r="CP13" s="182">
        <v>0</v>
      </c>
      <c r="CQ13" s="182">
        <v>0</v>
      </c>
      <c r="CR13" s="183">
        <v>0</v>
      </c>
      <c r="CS13" s="184">
        <v>0</v>
      </c>
      <c r="CT13" s="184">
        <v>2</v>
      </c>
      <c r="CU13" s="184">
        <v>2</v>
      </c>
      <c r="CV13" s="182">
        <v>7</v>
      </c>
      <c r="CW13" s="185">
        <v>11</v>
      </c>
      <c r="CX13" s="186">
        <v>11</v>
      </c>
      <c r="CY13" s="181">
        <v>0</v>
      </c>
      <c r="CZ13" s="182">
        <v>0</v>
      </c>
      <c r="DA13" s="182">
        <v>0</v>
      </c>
      <c r="DB13" s="183">
        <v>0</v>
      </c>
      <c r="DC13" s="184">
        <v>0</v>
      </c>
      <c r="DD13" s="184">
        <v>2</v>
      </c>
      <c r="DE13" s="184">
        <v>2</v>
      </c>
      <c r="DF13" s="182">
        <v>7</v>
      </c>
      <c r="DG13" s="185">
        <v>11</v>
      </c>
      <c r="DH13" s="187">
        <v>11</v>
      </c>
      <c r="DI13" s="188">
        <v>0</v>
      </c>
      <c r="DJ13" s="182">
        <v>0</v>
      </c>
      <c r="DK13" s="182">
        <v>0</v>
      </c>
      <c r="DL13" s="183">
        <v>0</v>
      </c>
      <c r="DM13" s="184">
        <v>0</v>
      </c>
      <c r="DN13" s="184">
        <v>0</v>
      </c>
      <c r="DO13" s="184">
        <v>0</v>
      </c>
      <c r="DP13" s="182">
        <v>0</v>
      </c>
      <c r="DQ13" s="185">
        <v>0</v>
      </c>
      <c r="DR13" s="187">
        <v>0</v>
      </c>
      <c r="DS13" s="188">
        <v>0</v>
      </c>
      <c r="DT13" s="182">
        <v>0</v>
      </c>
      <c r="DU13" s="182">
        <v>0</v>
      </c>
      <c r="DV13" s="183">
        <v>35</v>
      </c>
      <c r="DW13" s="184">
        <v>70</v>
      </c>
      <c r="DX13" s="184">
        <v>295</v>
      </c>
      <c r="DY13" s="184">
        <v>470</v>
      </c>
      <c r="DZ13" s="182">
        <v>350</v>
      </c>
      <c r="EA13" s="185">
        <v>1220</v>
      </c>
      <c r="EB13" s="187">
        <v>1220</v>
      </c>
      <c r="EC13" s="32"/>
    </row>
    <row r="14" spans="2:133" ht="21" customHeight="1" x14ac:dyDescent="0.2">
      <c r="B14" s="472" t="s">
        <v>10</v>
      </c>
      <c r="C14" s="181">
        <v>0</v>
      </c>
      <c r="D14" s="182">
        <v>0</v>
      </c>
      <c r="E14" s="182">
        <v>0</v>
      </c>
      <c r="F14" s="183">
        <v>16</v>
      </c>
      <c r="G14" s="184">
        <v>43</v>
      </c>
      <c r="H14" s="184">
        <v>339</v>
      </c>
      <c r="I14" s="184">
        <v>568</v>
      </c>
      <c r="J14" s="182">
        <v>457</v>
      </c>
      <c r="K14" s="185">
        <v>1423</v>
      </c>
      <c r="L14" s="186">
        <v>1423</v>
      </c>
      <c r="M14" s="181">
        <v>0</v>
      </c>
      <c r="N14" s="182">
        <v>0</v>
      </c>
      <c r="O14" s="185">
        <v>0</v>
      </c>
      <c r="P14" s="183">
        <v>16</v>
      </c>
      <c r="Q14" s="184">
        <v>42</v>
      </c>
      <c r="R14" s="184">
        <v>335</v>
      </c>
      <c r="S14" s="184">
        <v>563</v>
      </c>
      <c r="T14" s="182">
        <v>452</v>
      </c>
      <c r="U14" s="185">
        <v>1408</v>
      </c>
      <c r="V14" s="187">
        <v>1408</v>
      </c>
      <c r="W14" s="188">
        <v>0</v>
      </c>
      <c r="X14" s="182">
        <v>0</v>
      </c>
      <c r="Y14" s="185">
        <v>0</v>
      </c>
      <c r="Z14" s="188">
        <v>0</v>
      </c>
      <c r="AA14" s="184">
        <v>1</v>
      </c>
      <c r="AB14" s="184">
        <v>4</v>
      </c>
      <c r="AC14" s="184">
        <v>5</v>
      </c>
      <c r="AD14" s="182">
        <v>5</v>
      </c>
      <c r="AE14" s="185">
        <v>15</v>
      </c>
      <c r="AF14" s="189">
        <v>15</v>
      </c>
      <c r="AG14" s="188">
        <v>0</v>
      </c>
      <c r="AH14" s="182">
        <v>0</v>
      </c>
      <c r="AI14" s="185">
        <v>0</v>
      </c>
      <c r="AJ14" s="188">
        <v>97</v>
      </c>
      <c r="AK14" s="184">
        <v>110</v>
      </c>
      <c r="AL14" s="184">
        <v>164</v>
      </c>
      <c r="AM14" s="184">
        <v>189</v>
      </c>
      <c r="AN14" s="182">
        <v>109</v>
      </c>
      <c r="AO14" s="185">
        <v>669</v>
      </c>
      <c r="AP14" s="189">
        <v>669</v>
      </c>
      <c r="AQ14" s="188">
        <v>0</v>
      </c>
      <c r="AR14" s="182">
        <v>0</v>
      </c>
      <c r="AS14" s="185">
        <v>0</v>
      </c>
      <c r="AT14" s="183">
        <v>93</v>
      </c>
      <c r="AU14" s="184">
        <v>109</v>
      </c>
      <c r="AV14" s="184">
        <v>163</v>
      </c>
      <c r="AW14" s="184">
        <v>186</v>
      </c>
      <c r="AX14" s="182">
        <v>104</v>
      </c>
      <c r="AY14" s="185">
        <v>655</v>
      </c>
      <c r="AZ14" s="186">
        <v>655</v>
      </c>
      <c r="BA14" s="181">
        <v>0</v>
      </c>
      <c r="BB14" s="182">
        <v>0</v>
      </c>
      <c r="BC14" s="182">
        <v>0</v>
      </c>
      <c r="BD14" s="183">
        <v>4</v>
      </c>
      <c r="BE14" s="184">
        <v>1</v>
      </c>
      <c r="BF14" s="184">
        <v>1</v>
      </c>
      <c r="BG14" s="184">
        <v>3</v>
      </c>
      <c r="BH14" s="182">
        <v>5</v>
      </c>
      <c r="BI14" s="185">
        <v>14</v>
      </c>
      <c r="BJ14" s="187">
        <v>14</v>
      </c>
      <c r="BK14" s="188">
        <v>0</v>
      </c>
      <c r="BL14" s="182">
        <v>0</v>
      </c>
      <c r="BM14" s="182">
        <v>0</v>
      </c>
      <c r="BN14" s="183">
        <v>0</v>
      </c>
      <c r="BO14" s="184">
        <v>0</v>
      </c>
      <c r="BP14" s="184">
        <v>0</v>
      </c>
      <c r="BQ14" s="184">
        <v>1</v>
      </c>
      <c r="BR14" s="182">
        <v>1</v>
      </c>
      <c r="BS14" s="185">
        <v>2</v>
      </c>
      <c r="BT14" s="186">
        <v>2</v>
      </c>
      <c r="BU14" s="181">
        <v>0</v>
      </c>
      <c r="BV14" s="182">
        <v>0</v>
      </c>
      <c r="BW14" s="182">
        <v>0</v>
      </c>
      <c r="BX14" s="183">
        <v>0</v>
      </c>
      <c r="BY14" s="184">
        <v>0</v>
      </c>
      <c r="BZ14" s="184">
        <v>0</v>
      </c>
      <c r="CA14" s="184">
        <v>1</v>
      </c>
      <c r="CB14" s="182">
        <v>1</v>
      </c>
      <c r="CC14" s="185">
        <v>2</v>
      </c>
      <c r="CD14" s="187">
        <v>2</v>
      </c>
      <c r="CE14" s="188">
        <v>0</v>
      </c>
      <c r="CF14" s="182">
        <v>0</v>
      </c>
      <c r="CG14" s="182">
        <v>0</v>
      </c>
      <c r="CH14" s="183">
        <v>0</v>
      </c>
      <c r="CI14" s="184">
        <v>0</v>
      </c>
      <c r="CJ14" s="184">
        <v>0</v>
      </c>
      <c r="CK14" s="184">
        <v>0</v>
      </c>
      <c r="CL14" s="182">
        <v>0</v>
      </c>
      <c r="CM14" s="185">
        <v>0</v>
      </c>
      <c r="CN14" s="187">
        <v>0</v>
      </c>
      <c r="CO14" s="188">
        <v>0</v>
      </c>
      <c r="CP14" s="182">
        <v>0</v>
      </c>
      <c r="CQ14" s="182">
        <v>0</v>
      </c>
      <c r="CR14" s="183">
        <v>0</v>
      </c>
      <c r="CS14" s="184">
        <v>0</v>
      </c>
      <c r="CT14" s="184">
        <v>0</v>
      </c>
      <c r="CU14" s="184">
        <v>4</v>
      </c>
      <c r="CV14" s="182">
        <v>31</v>
      </c>
      <c r="CW14" s="185">
        <v>35</v>
      </c>
      <c r="CX14" s="186">
        <v>35</v>
      </c>
      <c r="CY14" s="181">
        <v>0</v>
      </c>
      <c r="CZ14" s="182">
        <v>0</v>
      </c>
      <c r="DA14" s="182">
        <v>0</v>
      </c>
      <c r="DB14" s="183">
        <v>0</v>
      </c>
      <c r="DC14" s="184">
        <v>0</v>
      </c>
      <c r="DD14" s="184">
        <v>0</v>
      </c>
      <c r="DE14" s="184">
        <v>4</v>
      </c>
      <c r="DF14" s="182">
        <v>31</v>
      </c>
      <c r="DG14" s="185">
        <v>35</v>
      </c>
      <c r="DH14" s="187">
        <v>35</v>
      </c>
      <c r="DI14" s="188">
        <v>0</v>
      </c>
      <c r="DJ14" s="182">
        <v>0</v>
      </c>
      <c r="DK14" s="182">
        <v>0</v>
      </c>
      <c r="DL14" s="183">
        <v>0</v>
      </c>
      <c r="DM14" s="184">
        <v>0</v>
      </c>
      <c r="DN14" s="184">
        <v>0</v>
      </c>
      <c r="DO14" s="184">
        <v>0</v>
      </c>
      <c r="DP14" s="182">
        <v>0</v>
      </c>
      <c r="DQ14" s="185">
        <v>0</v>
      </c>
      <c r="DR14" s="187">
        <v>0</v>
      </c>
      <c r="DS14" s="188">
        <v>0</v>
      </c>
      <c r="DT14" s="182">
        <v>0</v>
      </c>
      <c r="DU14" s="182">
        <v>0</v>
      </c>
      <c r="DV14" s="183">
        <v>113</v>
      </c>
      <c r="DW14" s="184">
        <v>153</v>
      </c>
      <c r="DX14" s="184">
        <v>498</v>
      </c>
      <c r="DY14" s="184">
        <v>756</v>
      </c>
      <c r="DZ14" s="182">
        <v>598</v>
      </c>
      <c r="EA14" s="185">
        <v>2118</v>
      </c>
      <c r="EB14" s="187">
        <v>2118</v>
      </c>
      <c r="EC14" s="32"/>
    </row>
    <row r="15" spans="2:133" ht="21" customHeight="1" x14ac:dyDescent="0.2">
      <c r="B15" s="472" t="s">
        <v>11</v>
      </c>
      <c r="C15" s="181">
        <v>0</v>
      </c>
      <c r="D15" s="182">
        <v>0</v>
      </c>
      <c r="E15" s="182">
        <v>0</v>
      </c>
      <c r="F15" s="183">
        <v>1</v>
      </c>
      <c r="G15" s="184">
        <v>7</v>
      </c>
      <c r="H15" s="184">
        <v>187</v>
      </c>
      <c r="I15" s="184">
        <v>372</v>
      </c>
      <c r="J15" s="182">
        <v>205</v>
      </c>
      <c r="K15" s="185">
        <v>772</v>
      </c>
      <c r="L15" s="186">
        <v>772</v>
      </c>
      <c r="M15" s="181">
        <v>0</v>
      </c>
      <c r="N15" s="182">
        <v>0</v>
      </c>
      <c r="O15" s="185">
        <v>0</v>
      </c>
      <c r="P15" s="183">
        <v>1</v>
      </c>
      <c r="Q15" s="184">
        <v>7</v>
      </c>
      <c r="R15" s="184">
        <v>187</v>
      </c>
      <c r="S15" s="184">
        <v>369</v>
      </c>
      <c r="T15" s="182">
        <v>205</v>
      </c>
      <c r="U15" s="185">
        <v>769</v>
      </c>
      <c r="V15" s="187">
        <v>769</v>
      </c>
      <c r="W15" s="188">
        <v>0</v>
      </c>
      <c r="X15" s="182">
        <v>0</v>
      </c>
      <c r="Y15" s="185">
        <v>0</v>
      </c>
      <c r="Z15" s="188">
        <v>0</v>
      </c>
      <c r="AA15" s="184">
        <v>0</v>
      </c>
      <c r="AB15" s="184">
        <v>0</v>
      </c>
      <c r="AC15" s="184">
        <v>3</v>
      </c>
      <c r="AD15" s="182">
        <v>0</v>
      </c>
      <c r="AE15" s="185">
        <v>3</v>
      </c>
      <c r="AF15" s="189">
        <v>3</v>
      </c>
      <c r="AG15" s="188">
        <v>0</v>
      </c>
      <c r="AH15" s="182">
        <v>0</v>
      </c>
      <c r="AI15" s="185">
        <v>0</v>
      </c>
      <c r="AJ15" s="188">
        <v>61</v>
      </c>
      <c r="AK15" s="184">
        <v>89</v>
      </c>
      <c r="AL15" s="184">
        <v>132</v>
      </c>
      <c r="AM15" s="184">
        <v>139</v>
      </c>
      <c r="AN15" s="182">
        <v>74</v>
      </c>
      <c r="AO15" s="185">
        <v>495</v>
      </c>
      <c r="AP15" s="189">
        <v>495</v>
      </c>
      <c r="AQ15" s="188">
        <v>0</v>
      </c>
      <c r="AR15" s="182">
        <v>0</v>
      </c>
      <c r="AS15" s="185">
        <v>0</v>
      </c>
      <c r="AT15" s="183">
        <v>60</v>
      </c>
      <c r="AU15" s="184">
        <v>88</v>
      </c>
      <c r="AV15" s="184">
        <v>129</v>
      </c>
      <c r="AW15" s="184">
        <v>138</v>
      </c>
      <c r="AX15" s="182">
        <v>73</v>
      </c>
      <c r="AY15" s="185">
        <v>488</v>
      </c>
      <c r="AZ15" s="186">
        <v>488</v>
      </c>
      <c r="BA15" s="181">
        <v>0</v>
      </c>
      <c r="BB15" s="182">
        <v>0</v>
      </c>
      <c r="BC15" s="182">
        <v>0</v>
      </c>
      <c r="BD15" s="183">
        <v>1</v>
      </c>
      <c r="BE15" s="184">
        <v>1</v>
      </c>
      <c r="BF15" s="184">
        <v>3</v>
      </c>
      <c r="BG15" s="184">
        <v>1</v>
      </c>
      <c r="BH15" s="182">
        <v>1</v>
      </c>
      <c r="BI15" s="185">
        <v>7</v>
      </c>
      <c r="BJ15" s="187">
        <v>7</v>
      </c>
      <c r="BK15" s="188">
        <v>0</v>
      </c>
      <c r="BL15" s="182">
        <v>0</v>
      </c>
      <c r="BM15" s="182">
        <v>0</v>
      </c>
      <c r="BN15" s="183">
        <v>0</v>
      </c>
      <c r="BO15" s="184">
        <v>0</v>
      </c>
      <c r="BP15" s="184">
        <v>0</v>
      </c>
      <c r="BQ15" s="184">
        <v>0</v>
      </c>
      <c r="BR15" s="182">
        <v>0</v>
      </c>
      <c r="BS15" s="185">
        <v>0</v>
      </c>
      <c r="BT15" s="186">
        <v>0</v>
      </c>
      <c r="BU15" s="181">
        <v>0</v>
      </c>
      <c r="BV15" s="182">
        <v>0</v>
      </c>
      <c r="BW15" s="182">
        <v>0</v>
      </c>
      <c r="BX15" s="183">
        <v>0</v>
      </c>
      <c r="BY15" s="184">
        <v>0</v>
      </c>
      <c r="BZ15" s="184">
        <v>0</v>
      </c>
      <c r="CA15" s="184">
        <v>0</v>
      </c>
      <c r="CB15" s="182">
        <v>0</v>
      </c>
      <c r="CC15" s="185">
        <v>0</v>
      </c>
      <c r="CD15" s="187">
        <v>0</v>
      </c>
      <c r="CE15" s="188">
        <v>0</v>
      </c>
      <c r="CF15" s="182">
        <v>0</v>
      </c>
      <c r="CG15" s="182">
        <v>0</v>
      </c>
      <c r="CH15" s="183">
        <v>0</v>
      </c>
      <c r="CI15" s="184">
        <v>0</v>
      </c>
      <c r="CJ15" s="184">
        <v>0</v>
      </c>
      <c r="CK15" s="184">
        <v>0</v>
      </c>
      <c r="CL15" s="182">
        <v>0</v>
      </c>
      <c r="CM15" s="185">
        <v>0</v>
      </c>
      <c r="CN15" s="187">
        <v>0</v>
      </c>
      <c r="CO15" s="188">
        <v>0</v>
      </c>
      <c r="CP15" s="182">
        <v>0</v>
      </c>
      <c r="CQ15" s="182">
        <v>0</v>
      </c>
      <c r="CR15" s="183">
        <v>4</v>
      </c>
      <c r="CS15" s="184">
        <v>7</v>
      </c>
      <c r="CT15" s="184">
        <v>13</v>
      </c>
      <c r="CU15" s="184">
        <v>12</v>
      </c>
      <c r="CV15" s="182">
        <v>27</v>
      </c>
      <c r="CW15" s="185">
        <v>63</v>
      </c>
      <c r="CX15" s="186">
        <v>63</v>
      </c>
      <c r="CY15" s="181">
        <v>0</v>
      </c>
      <c r="CZ15" s="182">
        <v>0</v>
      </c>
      <c r="DA15" s="182">
        <v>0</v>
      </c>
      <c r="DB15" s="183">
        <v>3</v>
      </c>
      <c r="DC15" s="184">
        <v>7</v>
      </c>
      <c r="DD15" s="184">
        <v>13</v>
      </c>
      <c r="DE15" s="184">
        <v>12</v>
      </c>
      <c r="DF15" s="182">
        <v>25</v>
      </c>
      <c r="DG15" s="185">
        <v>60</v>
      </c>
      <c r="DH15" s="187">
        <v>60</v>
      </c>
      <c r="DI15" s="188">
        <v>0</v>
      </c>
      <c r="DJ15" s="182">
        <v>0</v>
      </c>
      <c r="DK15" s="182">
        <v>0</v>
      </c>
      <c r="DL15" s="183">
        <v>1</v>
      </c>
      <c r="DM15" s="184">
        <v>0</v>
      </c>
      <c r="DN15" s="184">
        <v>0</v>
      </c>
      <c r="DO15" s="184">
        <v>0</v>
      </c>
      <c r="DP15" s="182">
        <v>2</v>
      </c>
      <c r="DQ15" s="185">
        <v>3</v>
      </c>
      <c r="DR15" s="187">
        <v>3</v>
      </c>
      <c r="DS15" s="188">
        <v>0</v>
      </c>
      <c r="DT15" s="182">
        <v>0</v>
      </c>
      <c r="DU15" s="182">
        <v>0</v>
      </c>
      <c r="DV15" s="183">
        <v>66</v>
      </c>
      <c r="DW15" s="184">
        <v>103</v>
      </c>
      <c r="DX15" s="184">
        <v>331</v>
      </c>
      <c r="DY15" s="184">
        <v>522</v>
      </c>
      <c r="DZ15" s="182">
        <v>306</v>
      </c>
      <c r="EA15" s="185">
        <v>1328</v>
      </c>
      <c r="EB15" s="187">
        <v>1328</v>
      </c>
      <c r="EC15" s="32"/>
    </row>
    <row r="16" spans="2:133" ht="21" customHeight="1" x14ac:dyDescent="0.2">
      <c r="B16" s="472" t="s">
        <v>12</v>
      </c>
      <c r="C16" s="181">
        <v>0</v>
      </c>
      <c r="D16" s="182">
        <v>0</v>
      </c>
      <c r="E16" s="182">
        <v>0</v>
      </c>
      <c r="F16" s="183">
        <v>3</v>
      </c>
      <c r="G16" s="184">
        <v>21</v>
      </c>
      <c r="H16" s="184">
        <v>198</v>
      </c>
      <c r="I16" s="184">
        <v>323</v>
      </c>
      <c r="J16" s="182">
        <v>218</v>
      </c>
      <c r="K16" s="185">
        <v>763</v>
      </c>
      <c r="L16" s="186">
        <v>763</v>
      </c>
      <c r="M16" s="181">
        <v>0</v>
      </c>
      <c r="N16" s="182">
        <v>0</v>
      </c>
      <c r="O16" s="185">
        <v>0</v>
      </c>
      <c r="P16" s="183">
        <v>3</v>
      </c>
      <c r="Q16" s="184">
        <v>21</v>
      </c>
      <c r="R16" s="184">
        <v>198</v>
      </c>
      <c r="S16" s="184">
        <v>323</v>
      </c>
      <c r="T16" s="182">
        <v>213</v>
      </c>
      <c r="U16" s="185">
        <v>758</v>
      </c>
      <c r="V16" s="187">
        <v>758</v>
      </c>
      <c r="W16" s="188">
        <v>0</v>
      </c>
      <c r="X16" s="182">
        <v>0</v>
      </c>
      <c r="Y16" s="185">
        <v>0</v>
      </c>
      <c r="Z16" s="188">
        <v>0</v>
      </c>
      <c r="AA16" s="184">
        <v>0</v>
      </c>
      <c r="AB16" s="184">
        <v>0</v>
      </c>
      <c r="AC16" s="184">
        <v>0</v>
      </c>
      <c r="AD16" s="182">
        <v>5</v>
      </c>
      <c r="AE16" s="185">
        <v>5</v>
      </c>
      <c r="AF16" s="189">
        <v>5</v>
      </c>
      <c r="AG16" s="188">
        <v>0</v>
      </c>
      <c r="AH16" s="182">
        <v>0</v>
      </c>
      <c r="AI16" s="185">
        <v>0</v>
      </c>
      <c r="AJ16" s="188">
        <v>44</v>
      </c>
      <c r="AK16" s="184">
        <v>84</v>
      </c>
      <c r="AL16" s="184">
        <v>153</v>
      </c>
      <c r="AM16" s="184">
        <v>169</v>
      </c>
      <c r="AN16" s="182">
        <v>78</v>
      </c>
      <c r="AO16" s="185">
        <v>528</v>
      </c>
      <c r="AP16" s="189">
        <v>528</v>
      </c>
      <c r="AQ16" s="188">
        <v>0</v>
      </c>
      <c r="AR16" s="182">
        <v>0</v>
      </c>
      <c r="AS16" s="185">
        <v>0</v>
      </c>
      <c r="AT16" s="183">
        <v>43</v>
      </c>
      <c r="AU16" s="184">
        <v>84</v>
      </c>
      <c r="AV16" s="184">
        <v>151</v>
      </c>
      <c r="AW16" s="184">
        <v>167</v>
      </c>
      <c r="AX16" s="182">
        <v>76</v>
      </c>
      <c r="AY16" s="185">
        <v>521</v>
      </c>
      <c r="AZ16" s="186">
        <v>521</v>
      </c>
      <c r="BA16" s="181">
        <v>0</v>
      </c>
      <c r="BB16" s="182">
        <v>0</v>
      </c>
      <c r="BC16" s="182">
        <v>0</v>
      </c>
      <c r="BD16" s="183">
        <v>1</v>
      </c>
      <c r="BE16" s="184">
        <v>0</v>
      </c>
      <c r="BF16" s="184">
        <v>2</v>
      </c>
      <c r="BG16" s="184">
        <v>2</v>
      </c>
      <c r="BH16" s="182">
        <v>2</v>
      </c>
      <c r="BI16" s="185">
        <v>7</v>
      </c>
      <c r="BJ16" s="187">
        <v>7</v>
      </c>
      <c r="BK16" s="188">
        <v>0</v>
      </c>
      <c r="BL16" s="182">
        <v>0</v>
      </c>
      <c r="BM16" s="182">
        <v>0</v>
      </c>
      <c r="BN16" s="183">
        <v>0</v>
      </c>
      <c r="BO16" s="184">
        <v>0</v>
      </c>
      <c r="BP16" s="184">
        <v>0</v>
      </c>
      <c r="BQ16" s="184">
        <v>0</v>
      </c>
      <c r="BR16" s="182">
        <v>2</v>
      </c>
      <c r="BS16" s="185">
        <v>2</v>
      </c>
      <c r="BT16" s="186">
        <v>2</v>
      </c>
      <c r="BU16" s="181">
        <v>0</v>
      </c>
      <c r="BV16" s="182">
        <v>0</v>
      </c>
      <c r="BW16" s="182">
        <v>0</v>
      </c>
      <c r="BX16" s="183">
        <v>0</v>
      </c>
      <c r="BY16" s="184">
        <v>0</v>
      </c>
      <c r="BZ16" s="184">
        <v>0</v>
      </c>
      <c r="CA16" s="184">
        <v>0</v>
      </c>
      <c r="CB16" s="182">
        <v>2</v>
      </c>
      <c r="CC16" s="185">
        <v>2</v>
      </c>
      <c r="CD16" s="187">
        <v>2</v>
      </c>
      <c r="CE16" s="188">
        <v>0</v>
      </c>
      <c r="CF16" s="182">
        <v>0</v>
      </c>
      <c r="CG16" s="182">
        <v>0</v>
      </c>
      <c r="CH16" s="183">
        <v>0</v>
      </c>
      <c r="CI16" s="184">
        <v>0</v>
      </c>
      <c r="CJ16" s="184">
        <v>0</v>
      </c>
      <c r="CK16" s="184">
        <v>0</v>
      </c>
      <c r="CL16" s="182">
        <v>0</v>
      </c>
      <c r="CM16" s="185">
        <v>0</v>
      </c>
      <c r="CN16" s="187">
        <v>0</v>
      </c>
      <c r="CO16" s="188">
        <v>0</v>
      </c>
      <c r="CP16" s="182">
        <v>0</v>
      </c>
      <c r="CQ16" s="182">
        <v>0</v>
      </c>
      <c r="CR16" s="183">
        <v>0</v>
      </c>
      <c r="CS16" s="184">
        <v>1</v>
      </c>
      <c r="CT16" s="184">
        <v>2</v>
      </c>
      <c r="CU16" s="184">
        <v>14</v>
      </c>
      <c r="CV16" s="182">
        <v>12</v>
      </c>
      <c r="CW16" s="185">
        <v>29</v>
      </c>
      <c r="CX16" s="186">
        <v>29</v>
      </c>
      <c r="CY16" s="181">
        <v>0</v>
      </c>
      <c r="CZ16" s="182">
        <v>0</v>
      </c>
      <c r="DA16" s="182">
        <v>0</v>
      </c>
      <c r="DB16" s="183">
        <v>0</v>
      </c>
      <c r="DC16" s="184">
        <v>1</v>
      </c>
      <c r="DD16" s="184">
        <v>2</v>
      </c>
      <c r="DE16" s="184">
        <v>14</v>
      </c>
      <c r="DF16" s="182">
        <v>12</v>
      </c>
      <c r="DG16" s="185">
        <v>29</v>
      </c>
      <c r="DH16" s="187">
        <v>29</v>
      </c>
      <c r="DI16" s="188">
        <v>0</v>
      </c>
      <c r="DJ16" s="182">
        <v>0</v>
      </c>
      <c r="DK16" s="182">
        <v>0</v>
      </c>
      <c r="DL16" s="183">
        <v>0</v>
      </c>
      <c r="DM16" s="184">
        <v>0</v>
      </c>
      <c r="DN16" s="184">
        <v>0</v>
      </c>
      <c r="DO16" s="184">
        <v>0</v>
      </c>
      <c r="DP16" s="182">
        <v>0</v>
      </c>
      <c r="DQ16" s="185">
        <v>0</v>
      </c>
      <c r="DR16" s="187">
        <v>0</v>
      </c>
      <c r="DS16" s="188">
        <v>0</v>
      </c>
      <c r="DT16" s="182">
        <v>0</v>
      </c>
      <c r="DU16" s="182">
        <v>0</v>
      </c>
      <c r="DV16" s="183">
        <v>47</v>
      </c>
      <c r="DW16" s="184">
        <v>106</v>
      </c>
      <c r="DX16" s="184">
        <v>353</v>
      </c>
      <c r="DY16" s="184">
        <v>502</v>
      </c>
      <c r="DZ16" s="182">
        <v>307</v>
      </c>
      <c r="EA16" s="185">
        <v>1315</v>
      </c>
      <c r="EB16" s="187">
        <v>1315</v>
      </c>
      <c r="EC16" s="32"/>
    </row>
    <row r="17" spans="2:133" ht="21" customHeight="1" x14ac:dyDescent="0.2">
      <c r="B17" s="472" t="s">
        <v>13</v>
      </c>
      <c r="C17" s="181">
        <v>0</v>
      </c>
      <c r="D17" s="182">
        <v>0</v>
      </c>
      <c r="E17" s="182">
        <v>0</v>
      </c>
      <c r="F17" s="183">
        <v>1</v>
      </c>
      <c r="G17" s="184">
        <v>4</v>
      </c>
      <c r="H17" s="184">
        <v>54</v>
      </c>
      <c r="I17" s="184">
        <v>155</v>
      </c>
      <c r="J17" s="182">
        <v>119</v>
      </c>
      <c r="K17" s="185">
        <v>333</v>
      </c>
      <c r="L17" s="186">
        <v>333</v>
      </c>
      <c r="M17" s="181">
        <v>0</v>
      </c>
      <c r="N17" s="182">
        <v>0</v>
      </c>
      <c r="O17" s="185">
        <v>0</v>
      </c>
      <c r="P17" s="183">
        <v>1</v>
      </c>
      <c r="Q17" s="184">
        <v>4</v>
      </c>
      <c r="R17" s="184">
        <v>54</v>
      </c>
      <c r="S17" s="184">
        <v>155</v>
      </c>
      <c r="T17" s="182">
        <v>118</v>
      </c>
      <c r="U17" s="185">
        <v>332</v>
      </c>
      <c r="V17" s="187">
        <v>332</v>
      </c>
      <c r="W17" s="188">
        <v>0</v>
      </c>
      <c r="X17" s="182">
        <v>0</v>
      </c>
      <c r="Y17" s="185">
        <v>0</v>
      </c>
      <c r="Z17" s="188">
        <v>0</v>
      </c>
      <c r="AA17" s="184">
        <v>0</v>
      </c>
      <c r="AB17" s="184">
        <v>0</v>
      </c>
      <c r="AC17" s="184">
        <v>0</v>
      </c>
      <c r="AD17" s="182">
        <v>1</v>
      </c>
      <c r="AE17" s="185">
        <v>1</v>
      </c>
      <c r="AF17" s="189">
        <v>1</v>
      </c>
      <c r="AG17" s="188">
        <v>0</v>
      </c>
      <c r="AH17" s="182">
        <v>0</v>
      </c>
      <c r="AI17" s="185">
        <v>0</v>
      </c>
      <c r="AJ17" s="188">
        <v>7</v>
      </c>
      <c r="AK17" s="184">
        <v>26</v>
      </c>
      <c r="AL17" s="184">
        <v>41</v>
      </c>
      <c r="AM17" s="184">
        <v>36</v>
      </c>
      <c r="AN17" s="182">
        <v>32</v>
      </c>
      <c r="AO17" s="185">
        <v>142</v>
      </c>
      <c r="AP17" s="189">
        <v>142</v>
      </c>
      <c r="AQ17" s="188">
        <v>0</v>
      </c>
      <c r="AR17" s="182">
        <v>0</v>
      </c>
      <c r="AS17" s="185">
        <v>0</v>
      </c>
      <c r="AT17" s="183">
        <v>7</v>
      </c>
      <c r="AU17" s="184">
        <v>25</v>
      </c>
      <c r="AV17" s="184">
        <v>40</v>
      </c>
      <c r="AW17" s="184">
        <v>34</v>
      </c>
      <c r="AX17" s="182">
        <v>31</v>
      </c>
      <c r="AY17" s="185">
        <v>137</v>
      </c>
      <c r="AZ17" s="186">
        <v>137</v>
      </c>
      <c r="BA17" s="181">
        <v>0</v>
      </c>
      <c r="BB17" s="182">
        <v>0</v>
      </c>
      <c r="BC17" s="182">
        <v>0</v>
      </c>
      <c r="BD17" s="183">
        <v>0</v>
      </c>
      <c r="BE17" s="184">
        <v>1</v>
      </c>
      <c r="BF17" s="184">
        <v>1</v>
      </c>
      <c r="BG17" s="184">
        <v>2</v>
      </c>
      <c r="BH17" s="182">
        <v>1</v>
      </c>
      <c r="BI17" s="185">
        <v>5</v>
      </c>
      <c r="BJ17" s="187">
        <v>5</v>
      </c>
      <c r="BK17" s="188">
        <v>0</v>
      </c>
      <c r="BL17" s="182">
        <v>0</v>
      </c>
      <c r="BM17" s="182">
        <v>0</v>
      </c>
      <c r="BN17" s="183">
        <v>0</v>
      </c>
      <c r="BO17" s="184">
        <v>0</v>
      </c>
      <c r="BP17" s="184">
        <v>0</v>
      </c>
      <c r="BQ17" s="184">
        <v>0</v>
      </c>
      <c r="BR17" s="182">
        <v>0</v>
      </c>
      <c r="BS17" s="185">
        <v>0</v>
      </c>
      <c r="BT17" s="186">
        <v>0</v>
      </c>
      <c r="BU17" s="181">
        <v>0</v>
      </c>
      <c r="BV17" s="182">
        <v>0</v>
      </c>
      <c r="BW17" s="182">
        <v>0</v>
      </c>
      <c r="BX17" s="183">
        <v>0</v>
      </c>
      <c r="BY17" s="184">
        <v>0</v>
      </c>
      <c r="BZ17" s="184">
        <v>0</v>
      </c>
      <c r="CA17" s="184">
        <v>0</v>
      </c>
      <c r="CB17" s="182">
        <v>0</v>
      </c>
      <c r="CC17" s="185">
        <v>0</v>
      </c>
      <c r="CD17" s="187">
        <v>0</v>
      </c>
      <c r="CE17" s="188">
        <v>0</v>
      </c>
      <c r="CF17" s="182">
        <v>0</v>
      </c>
      <c r="CG17" s="182">
        <v>0</v>
      </c>
      <c r="CH17" s="183">
        <v>0</v>
      </c>
      <c r="CI17" s="184">
        <v>0</v>
      </c>
      <c r="CJ17" s="184">
        <v>0</v>
      </c>
      <c r="CK17" s="184">
        <v>0</v>
      </c>
      <c r="CL17" s="182">
        <v>0</v>
      </c>
      <c r="CM17" s="185">
        <v>0</v>
      </c>
      <c r="CN17" s="187">
        <v>0</v>
      </c>
      <c r="CO17" s="188">
        <v>0</v>
      </c>
      <c r="CP17" s="182">
        <v>0</v>
      </c>
      <c r="CQ17" s="182">
        <v>0</v>
      </c>
      <c r="CR17" s="183">
        <v>0</v>
      </c>
      <c r="CS17" s="184">
        <v>0</v>
      </c>
      <c r="CT17" s="184">
        <v>0</v>
      </c>
      <c r="CU17" s="184">
        <v>0</v>
      </c>
      <c r="CV17" s="182">
        <v>1</v>
      </c>
      <c r="CW17" s="185">
        <v>1</v>
      </c>
      <c r="CX17" s="186">
        <v>1</v>
      </c>
      <c r="CY17" s="181">
        <v>0</v>
      </c>
      <c r="CZ17" s="182">
        <v>0</v>
      </c>
      <c r="DA17" s="182">
        <v>0</v>
      </c>
      <c r="DB17" s="183">
        <v>0</v>
      </c>
      <c r="DC17" s="184">
        <v>0</v>
      </c>
      <c r="DD17" s="184">
        <v>0</v>
      </c>
      <c r="DE17" s="184">
        <v>0</v>
      </c>
      <c r="DF17" s="182">
        <v>1</v>
      </c>
      <c r="DG17" s="185">
        <v>1</v>
      </c>
      <c r="DH17" s="187">
        <v>1</v>
      </c>
      <c r="DI17" s="188">
        <v>0</v>
      </c>
      <c r="DJ17" s="182">
        <v>0</v>
      </c>
      <c r="DK17" s="182">
        <v>0</v>
      </c>
      <c r="DL17" s="183">
        <v>0</v>
      </c>
      <c r="DM17" s="184">
        <v>0</v>
      </c>
      <c r="DN17" s="184">
        <v>0</v>
      </c>
      <c r="DO17" s="184">
        <v>0</v>
      </c>
      <c r="DP17" s="182">
        <v>0</v>
      </c>
      <c r="DQ17" s="185">
        <v>0</v>
      </c>
      <c r="DR17" s="187">
        <v>0</v>
      </c>
      <c r="DS17" s="188">
        <v>0</v>
      </c>
      <c r="DT17" s="182">
        <v>0</v>
      </c>
      <c r="DU17" s="182">
        <v>0</v>
      </c>
      <c r="DV17" s="183">
        <v>8</v>
      </c>
      <c r="DW17" s="184">
        <v>30</v>
      </c>
      <c r="DX17" s="184">
        <v>95</v>
      </c>
      <c r="DY17" s="184">
        <v>191</v>
      </c>
      <c r="DZ17" s="182">
        <v>152</v>
      </c>
      <c r="EA17" s="185">
        <v>476</v>
      </c>
      <c r="EB17" s="187">
        <v>476</v>
      </c>
      <c r="EC17" s="32"/>
    </row>
    <row r="18" spans="2:133" ht="21" customHeight="1" x14ac:dyDescent="0.2">
      <c r="B18" s="472" t="s">
        <v>15</v>
      </c>
      <c r="C18" s="181">
        <v>0</v>
      </c>
      <c r="D18" s="182">
        <v>0</v>
      </c>
      <c r="E18" s="182">
        <v>0</v>
      </c>
      <c r="F18" s="183">
        <v>1</v>
      </c>
      <c r="G18" s="184">
        <v>0</v>
      </c>
      <c r="H18" s="184">
        <v>86</v>
      </c>
      <c r="I18" s="184">
        <v>145</v>
      </c>
      <c r="J18" s="182">
        <v>91</v>
      </c>
      <c r="K18" s="185">
        <v>323</v>
      </c>
      <c r="L18" s="186">
        <v>323</v>
      </c>
      <c r="M18" s="181">
        <v>0</v>
      </c>
      <c r="N18" s="182">
        <v>0</v>
      </c>
      <c r="O18" s="185">
        <v>0</v>
      </c>
      <c r="P18" s="183">
        <v>1</v>
      </c>
      <c r="Q18" s="184">
        <v>0</v>
      </c>
      <c r="R18" s="184">
        <v>86</v>
      </c>
      <c r="S18" s="184">
        <v>143</v>
      </c>
      <c r="T18" s="182">
        <v>89</v>
      </c>
      <c r="U18" s="185">
        <v>319</v>
      </c>
      <c r="V18" s="187">
        <v>319</v>
      </c>
      <c r="W18" s="188">
        <v>0</v>
      </c>
      <c r="X18" s="182">
        <v>0</v>
      </c>
      <c r="Y18" s="185">
        <v>0</v>
      </c>
      <c r="Z18" s="188">
        <v>0</v>
      </c>
      <c r="AA18" s="184">
        <v>0</v>
      </c>
      <c r="AB18" s="184">
        <v>0</v>
      </c>
      <c r="AC18" s="184">
        <v>2</v>
      </c>
      <c r="AD18" s="182">
        <v>2</v>
      </c>
      <c r="AE18" s="185">
        <v>4</v>
      </c>
      <c r="AF18" s="189">
        <v>4</v>
      </c>
      <c r="AG18" s="188">
        <v>0</v>
      </c>
      <c r="AH18" s="182">
        <v>0</v>
      </c>
      <c r="AI18" s="185">
        <v>0</v>
      </c>
      <c r="AJ18" s="188">
        <v>15</v>
      </c>
      <c r="AK18" s="184">
        <v>36</v>
      </c>
      <c r="AL18" s="184">
        <v>43</v>
      </c>
      <c r="AM18" s="184">
        <v>63</v>
      </c>
      <c r="AN18" s="182">
        <v>27</v>
      </c>
      <c r="AO18" s="185">
        <v>184</v>
      </c>
      <c r="AP18" s="189">
        <v>184</v>
      </c>
      <c r="AQ18" s="188">
        <v>0</v>
      </c>
      <c r="AR18" s="182">
        <v>0</v>
      </c>
      <c r="AS18" s="185">
        <v>0</v>
      </c>
      <c r="AT18" s="183">
        <v>14</v>
      </c>
      <c r="AU18" s="184">
        <v>36</v>
      </c>
      <c r="AV18" s="184">
        <v>43</v>
      </c>
      <c r="AW18" s="184">
        <v>62</v>
      </c>
      <c r="AX18" s="182">
        <v>26</v>
      </c>
      <c r="AY18" s="185">
        <v>181</v>
      </c>
      <c r="AZ18" s="186">
        <v>181</v>
      </c>
      <c r="BA18" s="181">
        <v>0</v>
      </c>
      <c r="BB18" s="182">
        <v>0</v>
      </c>
      <c r="BC18" s="182">
        <v>0</v>
      </c>
      <c r="BD18" s="183">
        <v>1</v>
      </c>
      <c r="BE18" s="184">
        <v>0</v>
      </c>
      <c r="BF18" s="184">
        <v>0</v>
      </c>
      <c r="BG18" s="184">
        <v>1</v>
      </c>
      <c r="BH18" s="182">
        <v>1</v>
      </c>
      <c r="BI18" s="185">
        <v>3</v>
      </c>
      <c r="BJ18" s="187">
        <v>3</v>
      </c>
      <c r="BK18" s="188">
        <v>0</v>
      </c>
      <c r="BL18" s="182">
        <v>0</v>
      </c>
      <c r="BM18" s="182">
        <v>0</v>
      </c>
      <c r="BN18" s="183">
        <v>0</v>
      </c>
      <c r="BO18" s="184">
        <v>0</v>
      </c>
      <c r="BP18" s="184">
        <v>0</v>
      </c>
      <c r="BQ18" s="184">
        <v>0</v>
      </c>
      <c r="BR18" s="182">
        <v>0</v>
      </c>
      <c r="BS18" s="185">
        <v>0</v>
      </c>
      <c r="BT18" s="186">
        <v>0</v>
      </c>
      <c r="BU18" s="181">
        <v>0</v>
      </c>
      <c r="BV18" s="182">
        <v>0</v>
      </c>
      <c r="BW18" s="182">
        <v>0</v>
      </c>
      <c r="BX18" s="183">
        <v>0</v>
      </c>
      <c r="BY18" s="184">
        <v>0</v>
      </c>
      <c r="BZ18" s="184">
        <v>0</v>
      </c>
      <c r="CA18" s="184">
        <v>0</v>
      </c>
      <c r="CB18" s="182">
        <v>0</v>
      </c>
      <c r="CC18" s="185">
        <v>0</v>
      </c>
      <c r="CD18" s="187">
        <v>0</v>
      </c>
      <c r="CE18" s="188">
        <v>0</v>
      </c>
      <c r="CF18" s="182">
        <v>0</v>
      </c>
      <c r="CG18" s="182">
        <v>0</v>
      </c>
      <c r="CH18" s="183">
        <v>0</v>
      </c>
      <c r="CI18" s="184">
        <v>0</v>
      </c>
      <c r="CJ18" s="184">
        <v>0</v>
      </c>
      <c r="CK18" s="184">
        <v>0</v>
      </c>
      <c r="CL18" s="182">
        <v>0</v>
      </c>
      <c r="CM18" s="185">
        <v>0</v>
      </c>
      <c r="CN18" s="187">
        <v>0</v>
      </c>
      <c r="CO18" s="188">
        <v>0</v>
      </c>
      <c r="CP18" s="182">
        <v>0</v>
      </c>
      <c r="CQ18" s="182">
        <v>0</v>
      </c>
      <c r="CR18" s="183">
        <v>0</v>
      </c>
      <c r="CS18" s="184">
        <v>0</v>
      </c>
      <c r="CT18" s="184">
        <v>0</v>
      </c>
      <c r="CU18" s="184">
        <v>0</v>
      </c>
      <c r="CV18" s="182">
        <v>0</v>
      </c>
      <c r="CW18" s="185">
        <v>0</v>
      </c>
      <c r="CX18" s="186">
        <v>0</v>
      </c>
      <c r="CY18" s="181">
        <v>0</v>
      </c>
      <c r="CZ18" s="182">
        <v>0</v>
      </c>
      <c r="DA18" s="182">
        <v>0</v>
      </c>
      <c r="DB18" s="183">
        <v>0</v>
      </c>
      <c r="DC18" s="184">
        <v>0</v>
      </c>
      <c r="DD18" s="184">
        <v>0</v>
      </c>
      <c r="DE18" s="184">
        <v>0</v>
      </c>
      <c r="DF18" s="182">
        <v>0</v>
      </c>
      <c r="DG18" s="185">
        <v>0</v>
      </c>
      <c r="DH18" s="187">
        <v>0</v>
      </c>
      <c r="DI18" s="188">
        <v>0</v>
      </c>
      <c r="DJ18" s="182">
        <v>0</v>
      </c>
      <c r="DK18" s="182">
        <v>0</v>
      </c>
      <c r="DL18" s="183">
        <v>0</v>
      </c>
      <c r="DM18" s="184">
        <v>0</v>
      </c>
      <c r="DN18" s="184">
        <v>0</v>
      </c>
      <c r="DO18" s="184">
        <v>0</v>
      </c>
      <c r="DP18" s="182">
        <v>0</v>
      </c>
      <c r="DQ18" s="185">
        <v>0</v>
      </c>
      <c r="DR18" s="187">
        <v>0</v>
      </c>
      <c r="DS18" s="188">
        <v>0</v>
      </c>
      <c r="DT18" s="182">
        <v>0</v>
      </c>
      <c r="DU18" s="182">
        <v>0</v>
      </c>
      <c r="DV18" s="183">
        <v>16</v>
      </c>
      <c r="DW18" s="184">
        <v>36</v>
      </c>
      <c r="DX18" s="184">
        <v>129</v>
      </c>
      <c r="DY18" s="184">
        <v>208</v>
      </c>
      <c r="DZ18" s="182">
        <v>118</v>
      </c>
      <c r="EA18" s="185">
        <v>507</v>
      </c>
      <c r="EB18" s="187">
        <v>507</v>
      </c>
      <c r="EC18" s="32"/>
    </row>
    <row r="19" spans="2:133" ht="21" customHeight="1" x14ac:dyDescent="0.2">
      <c r="B19" s="472" t="s">
        <v>16</v>
      </c>
      <c r="C19" s="181">
        <v>0</v>
      </c>
      <c r="D19" s="182">
        <v>0</v>
      </c>
      <c r="E19" s="182">
        <v>0</v>
      </c>
      <c r="F19" s="183">
        <v>6</v>
      </c>
      <c r="G19" s="184">
        <v>16</v>
      </c>
      <c r="H19" s="184">
        <v>207</v>
      </c>
      <c r="I19" s="184">
        <v>311</v>
      </c>
      <c r="J19" s="182">
        <v>197</v>
      </c>
      <c r="K19" s="185">
        <v>737</v>
      </c>
      <c r="L19" s="186">
        <v>737</v>
      </c>
      <c r="M19" s="181">
        <v>0</v>
      </c>
      <c r="N19" s="182">
        <v>0</v>
      </c>
      <c r="O19" s="185">
        <v>0</v>
      </c>
      <c r="P19" s="183">
        <v>6</v>
      </c>
      <c r="Q19" s="184">
        <v>15</v>
      </c>
      <c r="R19" s="184">
        <v>207</v>
      </c>
      <c r="S19" s="184">
        <v>310</v>
      </c>
      <c r="T19" s="182">
        <v>193</v>
      </c>
      <c r="U19" s="185">
        <v>731</v>
      </c>
      <c r="V19" s="187">
        <v>731</v>
      </c>
      <c r="W19" s="188">
        <v>0</v>
      </c>
      <c r="X19" s="182">
        <v>0</v>
      </c>
      <c r="Y19" s="185">
        <v>0</v>
      </c>
      <c r="Z19" s="188">
        <v>0</v>
      </c>
      <c r="AA19" s="184">
        <v>1</v>
      </c>
      <c r="AB19" s="184">
        <v>0</v>
      </c>
      <c r="AC19" s="184">
        <v>1</v>
      </c>
      <c r="AD19" s="182">
        <v>4</v>
      </c>
      <c r="AE19" s="185">
        <v>6</v>
      </c>
      <c r="AF19" s="189">
        <v>6</v>
      </c>
      <c r="AG19" s="188">
        <v>0</v>
      </c>
      <c r="AH19" s="182">
        <v>0</v>
      </c>
      <c r="AI19" s="185">
        <v>0</v>
      </c>
      <c r="AJ19" s="188">
        <v>46</v>
      </c>
      <c r="AK19" s="184">
        <v>81</v>
      </c>
      <c r="AL19" s="184">
        <v>141</v>
      </c>
      <c r="AM19" s="184">
        <v>154</v>
      </c>
      <c r="AN19" s="182">
        <v>69</v>
      </c>
      <c r="AO19" s="185">
        <v>491</v>
      </c>
      <c r="AP19" s="189">
        <v>491</v>
      </c>
      <c r="AQ19" s="188">
        <v>0</v>
      </c>
      <c r="AR19" s="182">
        <v>0</v>
      </c>
      <c r="AS19" s="185">
        <v>0</v>
      </c>
      <c r="AT19" s="183">
        <v>46</v>
      </c>
      <c r="AU19" s="184">
        <v>81</v>
      </c>
      <c r="AV19" s="184">
        <v>139</v>
      </c>
      <c r="AW19" s="184">
        <v>154</v>
      </c>
      <c r="AX19" s="182">
        <v>68</v>
      </c>
      <c r="AY19" s="185">
        <v>488</v>
      </c>
      <c r="AZ19" s="186">
        <v>488</v>
      </c>
      <c r="BA19" s="181">
        <v>0</v>
      </c>
      <c r="BB19" s="182">
        <v>0</v>
      </c>
      <c r="BC19" s="182">
        <v>0</v>
      </c>
      <c r="BD19" s="183">
        <v>0</v>
      </c>
      <c r="BE19" s="184">
        <v>0</v>
      </c>
      <c r="BF19" s="184">
        <v>2</v>
      </c>
      <c r="BG19" s="184">
        <v>0</v>
      </c>
      <c r="BH19" s="182">
        <v>1</v>
      </c>
      <c r="BI19" s="185">
        <v>3</v>
      </c>
      <c r="BJ19" s="187">
        <v>3</v>
      </c>
      <c r="BK19" s="188">
        <v>0</v>
      </c>
      <c r="BL19" s="182">
        <v>0</v>
      </c>
      <c r="BM19" s="182">
        <v>0</v>
      </c>
      <c r="BN19" s="183">
        <v>0</v>
      </c>
      <c r="BO19" s="184">
        <v>0</v>
      </c>
      <c r="BP19" s="184">
        <v>0</v>
      </c>
      <c r="BQ19" s="184">
        <v>0</v>
      </c>
      <c r="BR19" s="182">
        <v>0</v>
      </c>
      <c r="BS19" s="185">
        <v>0</v>
      </c>
      <c r="BT19" s="186">
        <v>0</v>
      </c>
      <c r="BU19" s="181">
        <v>0</v>
      </c>
      <c r="BV19" s="182">
        <v>0</v>
      </c>
      <c r="BW19" s="182">
        <v>0</v>
      </c>
      <c r="BX19" s="183">
        <v>0</v>
      </c>
      <c r="BY19" s="184">
        <v>0</v>
      </c>
      <c r="BZ19" s="184">
        <v>0</v>
      </c>
      <c r="CA19" s="184">
        <v>0</v>
      </c>
      <c r="CB19" s="182">
        <v>0</v>
      </c>
      <c r="CC19" s="185">
        <v>0</v>
      </c>
      <c r="CD19" s="187">
        <v>0</v>
      </c>
      <c r="CE19" s="188">
        <v>0</v>
      </c>
      <c r="CF19" s="182">
        <v>0</v>
      </c>
      <c r="CG19" s="182">
        <v>0</v>
      </c>
      <c r="CH19" s="183">
        <v>0</v>
      </c>
      <c r="CI19" s="184">
        <v>0</v>
      </c>
      <c r="CJ19" s="184">
        <v>0</v>
      </c>
      <c r="CK19" s="184">
        <v>0</v>
      </c>
      <c r="CL19" s="182">
        <v>0</v>
      </c>
      <c r="CM19" s="185">
        <v>0</v>
      </c>
      <c r="CN19" s="187">
        <v>0</v>
      </c>
      <c r="CO19" s="188">
        <v>0</v>
      </c>
      <c r="CP19" s="182">
        <v>0</v>
      </c>
      <c r="CQ19" s="182">
        <v>0</v>
      </c>
      <c r="CR19" s="183">
        <v>0</v>
      </c>
      <c r="CS19" s="184">
        <v>0</v>
      </c>
      <c r="CT19" s="184">
        <v>1</v>
      </c>
      <c r="CU19" s="184">
        <v>12</v>
      </c>
      <c r="CV19" s="182">
        <v>19</v>
      </c>
      <c r="CW19" s="185">
        <v>32</v>
      </c>
      <c r="CX19" s="186">
        <v>32</v>
      </c>
      <c r="CY19" s="181">
        <v>0</v>
      </c>
      <c r="CZ19" s="182">
        <v>0</v>
      </c>
      <c r="DA19" s="182">
        <v>0</v>
      </c>
      <c r="DB19" s="183">
        <v>0</v>
      </c>
      <c r="DC19" s="184">
        <v>0</v>
      </c>
      <c r="DD19" s="184">
        <v>1</v>
      </c>
      <c r="DE19" s="184">
        <v>12</v>
      </c>
      <c r="DF19" s="182">
        <v>19</v>
      </c>
      <c r="DG19" s="185">
        <v>32</v>
      </c>
      <c r="DH19" s="187">
        <v>32</v>
      </c>
      <c r="DI19" s="188">
        <v>0</v>
      </c>
      <c r="DJ19" s="182">
        <v>0</v>
      </c>
      <c r="DK19" s="182">
        <v>0</v>
      </c>
      <c r="DL19" s="183">
        <v>0</v>
      </c>
      <c r="DM19" s="184">
        <v>0</v>
      </c>
      <c r="DN19" s="184">
        <v>0</v>
      </c>
      <c r="DO19" s="184">
        <v>0</v>
      </c>
      <c r="DP19" s="182">
        <v>0</v>
      </c>
      <c r="DQ19" s="185">
        <v>0</v>
      </c>
      <c r="DR19" s="187">
        <v>0</v>
      </c>
      <c r="DS19" s="188">
        <v>0</v>
      </c>
      <c r="DT19" s="182">
        <v>0</v>
      </c>
      <c r="DU19" s="182">
        <v>0</v>
      </c>
      <c r="DV19" s="183">
        <v>52</v>
      </c>
      <c r="DW19" s="184">
        <v>97</v>
      </c>
      <c r="DX19" s="184">
        <v>344</v>
      </c>
      <c r="DY19" s="184">
        <v>473</v>
      </c>
      <c r="DZ19" s="182">
        <v>282</v>
      </c>
      <c r="EA19" s="185">
        <v>1248</v>
      </c>
      <c r="EB19" s="187">
        <v>1248</v>
      </c>
      <c r="EC19" s="32"/>
    </row>
    <row r="20" spans="2:133" ht="21" customHeight="1" x14ac:dyDescent="0.2">
      <c r="B20" s="472" t="s">
        <v>17</v>
      </c>
      <c r="C20" s="181">
        <v>0</v>
      </c>
      <c r="D20" s="182">
        <v>0</v>
      </c>
      <c r="E20" s="182">
        <v>0</v>
      </c>
      <c r="F20" s="183">
        <v>4</v>
      </c>
      <c r="G20" s="184">
        <v>17</v>
      </c>
      <c r="H20" s="184">
        <v>205</v>
      </c>
      <c r="I20" s="184">
        <v>296</v>
      </c>
      <c r="J20" s="182">
        <v>232</v>
      </c>
      <c r="K20" s="185">
        <v>754</v>
      </c>
      <c r="L20" s="186">
        <v>754</v>
      </c>
      <c r="M20" s="181">
        <v>0</v>
      </c>
      <c r="N20" s="182">
        <v>0</v>
      </c>
      <c r="O20" s="185">
        <v>0</v>
      </c>
      <c r="P20" s="183">
        <v>4</v>
      </c>
      <c r="Q20" s="184">
        <v>17</v>
      </c>
      <c r="R20" s="184">
        <v>205</v>
      </c>
      <c r="S20" s="184">
        <v>294</v>
      </c>
      <c r="T20" s="182">
        <v>229</v>
      </c>
      <c r="U20" s="185">
        <v>749</v>
      </c>
      <c r="V20" s="187">
        <v>749</v>
      </c>
      <c r="W20" s="188">
        <v>0</v>
      </c>
      <c r="X20" s="182">
        <v>0</v>
      </c>
      <c r="Y20" s="185">
        <v>0</v>
      </c>
      <c r="Z20" s="188">
        <v>0</v>
      </c>
      <c r="AA20" s="184">
        <v>0</v>
      </c>
      <c r="AB20" s="184">
        <v>0</v>
      </c>
      <c r="AC20" s="184">
        <v>2</v>
      </c>
      <c r="AD20" s="182">
        <v>3</v>
      </c>
      <c r="AE20" s="185">
        <v>5</v>
      </c>
      <c r="AF20" s="189">
        <v>5</v>
      </c>
      <c r="AG20" s="188">
        <v>0</v>
      </c>
      <c r="AH20" s="182">
        <v>0</v>
      </c>
      <c r="AI20" s="185">
        <v>0</v>
      </c>
      <c r="AJ20" s="188">
        <v>40</v>
      </c>
      <c r="AK20" s="184">
        <v>105</v>
      </c>
      <c r="AL20" s="184">
        <v>154</v>
      </c>
      <c r="AM20" s="184">
        <v>143</v>
      </c>
      <c r="AN20" s="182">
        <v>75</v>
      </c>
      <c r="AO20" s="185">
        <v>517</v>
      </c>
      <c r="AP20" s="189">
        <v>517</v>
      </c>
      <c r="AQ20" s="188">
        <v>0</v>
      </c>
      <c r="AR20" s="182">
        <v>0</v>
      </c>
      <c r="AS20" s="185">
        <v>0</v>
      </c>
      <c r="AT20" s="183">
        <v>38</v>
      </c>
      <c r="AU20" s="184">
        <v>103</v>
      </c>
      <c r="AV20" s="184">
        <v>151</v>
      </c>
      <c r="AW20" s="184">
        <v>142</v>
      </c>
      <c r="AX20" s="182">
        <v>72</v>
      </c>
      <c r="AY20" s="185">
        <v>506</v>
      </c>
      <c r="AZ20" s="186">
        <v>506</v>
      </c>
      <c r="BA20" s="181">
        <v>0</v>
      </c>
      <c r="BB20" s="182">
        <v>0</v>
      </c>
      <c r="BC20" s="182">
        <v>0</v>
      </c>
      <c r="BD20" s="183">
        <v>2</v>
      </c>
      <c r="BE20" s="184">
        <v>2</v>
      </c>
      <c r="BF20" s="184">
        <v>3</v>
      </c>
      <c r="BG20" s="184">
        <v>1</v>
      </c>
      <c r="BH20" s="182">
        <v>3</v>
      </c>
      <c r="BI20" s="185">
        <v>11</v>
      </c>
      <c r="BJ20" s="187">
        <v>11</v>
      </c>
      <c r="BK20" s="188">
        <v>0</v>
      </c>
      <c r="BL20" s="182">
        <v>0</v>
      </c>
      <c r="BM20" s="182">
        <v>0</v>
      </c>
      <c r="BN20" s="183">
        <v>0</v>
      </c>
      <c r="BO20" s="184">
        <v>0</v>
      </c>
      <c r="BP20" s="184">
        <v>0</v>
      </c>
      <c r="BQ20" s="184">
        <v>2</v>
      </c>
      <c r="BR20" s="182">
        <v>4</v>
      </c>
      <c r="BS20" s="185">
        <v>6</v>
      </c>
      <c r="BT20" s="186">
        <v>6</v>
      </c>
      <c r="BU20" s="181">
        <v>0</v>
      </c>
      <c r="BV20" s="182">
        <v>0</v>
      </c>
      <c r="BW20" s="182">
        <v>0</v>
      </c>
      <c r="BX20" s="183">
        <v>0</v>
      </c>
      <c r="BY20" s="184">
        <v>0</v>
      </c>
      <c r="BZ20" s="184">
        <v>0</v>
      </c>
      <c r="CA20" s="184">
        <v>2</v>
      </c>
      <c r="CB20" s="182">
        <v>4</v>
      </c>
      <c r="CC20" s="185">
        <v>6</v>
      </c>
      <c r="CD20" s="187">
        <v>6</v>
      </c>
      <c r="CE20" s="188">
        <v>0</v>
      </c>
      <c r="CF20" s="182">
        <v>0</v>
      </c>
      <c r="CG20" s="182">
        <v>0</v>
      </c>
      <c r="CH20" s="183">
        <v>0</v>
      </c>
      <c r="CI20" s="184">
        <v>0</v>
      </c>
      <c r="CJ20" s="184">
        <v>0</v>
      </c>
      <c r="CK20" s="184">
        <v>0</v>
      </c>
      <c r="CL20" s="182">
        <v>0</v>
      </c>
      <c r="CM20" s="185">
        <v>0</v>
      </c>
      <c r="CN20" s="187">
        <v>0</v>
      </c>
      <c r="CO20" s="188">
        <v>0</v>
      </c>
      <c r="CP20" s="182">
        <v>0</v>
      </c>
      <c r="CQ20" s="182">
        <v>0</v>
      </c>
      <c r="CR20" s="183">
        <v>0</v>
      </c>
      <c r="CS20" s="184">
        <v>0</v>
      </c>
      <c r="CT20" s="184">
        <v>1</v>
      </c>
      <c r="CU20" s="184">
        <v>3</v>
      </c>
      <c r="CV20" s="182">
        <v>12</v>
      </c>
      <c r="CW20" s="185">
        <v>16</v>
      </c>
      <c r="CX20" s="186">
        <v>16</v>
      </c>
      <c r="CY20" s="181">
        <v>0</v>
      </c>
      <c r="CZ20" s="182">
        <v>0</v>
      </c>
      <c r="DA20" s="182">
        <v>0</v>
      </c>
      <c r="DB20" s="183">
        <v>0</v>
      </c>
      <c r="DC20" s="184">
        <v>0</v>
      </c>
      <c r="DD20" s="184">
        <v>1</v>
      </c>
      <c r="DE20" s="184">
        <v>3</v>
      </c>
      <c r="DF20" s="182">
        <v>11</v>
      </c>
      <c r="DG20" s="185">
        <v>15</v>
      </c>
      <c r="DH20" s="187">
        <v>15</v>
      </c>
      <c r="DI20" s="188">
        <v>0</v>
      </c>
      <c r="DJ20" s="182">
        <v>0</v>
      </c>
      <c r="DK20" s="182">
        <v>0</v>
      </c>
      <c r="DL20" s="183">
        <v>0</v>
      </c>
      <c r="DM20" s="184">
        <v>0</v>
      </c>
      <c r="DN20" s="184">
        <v>0</v>
      </c>
      <c r="DO20" s="184">
        <v>0</v>
      </c>
      <c r="DP20" s="182">
        <v>1</v>
      </c>
      <c r="DQ20" s="185">
        <v>1</v>
      </c>
      <c r="DR20" s="187">
        <v>1</v>
      </c>
      <c r="DS20" s="188">
        <v>0</v>
      </c>
      <c r="DT20" s="182">
        <v>0</v>
      </c>
      <c r="DU20" s="182">
        <v>0</v>
      </c>
      <c r="DV20" s="183">
        <v>44</v>
      </c>
      <c r="DW20" s="184">
        <v>122</v>
      </c>
      <c r="DX20" s="184">
        <v>360</v>
      </c>
      <c r="DY20" s="184">
        <v>444</v>
      </c>
      <c r="DZ20" s="182">
        <v>323</v>
      </c>
      <c r="EA20" s="185">
        <v>1293</v>
      </c>
      <c r="EB20" s="187">
        <v>1293</v>
      </c>
      <c r="EC20" s="32"/>
    </row>
    <row r="21" spans="2:133" ht="21" customHeight="1" x14ac:dyDescent="0.2">
      <c r="B21" s="472" t="s">
        <v>18</v>
      </c>
      <c r="C21" s="181">
        <v>0</v>
      </c>
      <c r="D21" s="182">
        <v>0</v>
      </c>
      <c r="E21" s="182">
        <v>0</v>
      </c>
      <c r="F21" s="183">
        <v>5</v>
      </c>
      <c r="G21" s="184">
        <v>11</v>
      </c>
      <c r="H21" s="184">
        <v>186</v>
      </c>
      <c r="I21" s="184">
        <v>411</v>
      </c>
      <c r="J21" s="182">
        <v>254</v>
      </c>
      <c r="K21" s="185">
        <v>867</v>
      </c>
      <c r="L21" s="186">
        <v>867</v>
      </c>
      <c r="M21" s="181">
        <v>0</v>
      </c>
      <c r="N21" s="182">
        <v>0</v>
      </c>
      <c r="O21" s="185">
        <v>0</v>
      </c>
      <c r="P21" s="183">
        <v>5</v>
      </c>
      <c r="Q21" s="184">
        <v>11</v>
      </c>
      <c r="R21" s="184">
        <v>182</v>
      </c>
      <c r="S21" s="184">
        <v>407</v>
      </c>
      <c r="T21" s="182">
        <v>251</v>
      </c>
      <c r="U21" s="185">
        <v>856</v>
      </c>
      <c r="V21" s="187">
        <v>856</v>
      </c>
      <c r="W21" s="188">
        <v>0</v>
      </c>
      <c r="X21" s="182">
        <v>0</v>
      </c>
      <c r="Y21" s="185">
        <v>0</v>
      </c>
      <c r="Z21" s="188">
        <v>0</v>
      </c>
      <c r="AA21" s="184">
        <v>0</v>
      </c>
      <c r="AB21" s="184">
        <v>4</v>
      </c>
      <c r="AC21" s="184">
        <v>4</v>
      </c>
      <c r="AD21" s="182">
        <v>3</v>
      </c>
      <c r="AE21" s="185">
        <v>11</v>
      </c>
      <c r="AF21" s="189">
        <v>11</v>
      </c>
      <c r="AG21" s="188">
        <v>0</v>
      </c>
      <c r="AH21" s="182">
        <v>0</v>
      </c>
      <c r="AI21" s="185">
        <v>0</v>
      </c>
      <c r="AJ21" s="188">
        <v>25</v>
      </c>
      <c r="AK21" s="184">
        <v>83</v>
      </c>
      <c r="AL21" s="184">
        <v>115</v>
      </c>
      <c r="AM21" s="184">
        <v>119</v>
      </c>
      <c r="AN21" s="182">
        <v>71</v>
      </c>
      <c r="AO21" s="185">
        <v>413</v>
      </c>
      <c r="AP21" s="189">
        <v>413</v>
      </c>
      <c r="AQ21" s="188">
        <v>0</v>
      </c>
      <c r="AR21" s="182">
        <v>0</v>
      </c>
      <c r="AS21" s="185">
        <v>0</v>
      </c>
      <c r="AT21" s="183">
        <v>25</v>
      </c>
      <c r="AU21" s="184">
        <v>80</v>
      </c>
      <c r="AV21" s="184">
        <v>112</v>
      </c>
      <c r="AW21" s="184">
        <v>119</v>
      </c>
      <c r="AX21" s="182">
        <v>67</v>
      </c>
      <c r="AY21" s="185">
        <v>403</v>
      </c>
      <c r="AZ21" s="186">
        <v>403</v>
      </c>
      <c r="BA21" s="181">
        <v>0</v>
      </c>
      <c r="BB21" s="182">
        <v>0</v>
      </c>
      <c r="BC21" s="182">
        <v>0</v>
      </c>
      <c r="BD21" s="183">
        <v>0</v>
      </c>
      <c r="BE21" s="184">
        <v>3</v>
      </c>
      <c r="BF21" s="184">
        <v>3</v>
      </c>
      <c r="BG21" s="184">
        <v>0</v>
      </c>
      <c r="BH21" s="182">
        <v>4</v>
      </c>
      <c r="BI21" s="185">
        <v>10</v>
      </c>
      <c r="BJ21" s="187">
        <v>10</v>
      </c>
      <c r="BK21" s="188">
        <v>0</v>
      </c>
      <c r="BL21" s="182">
        <v>0</v>
      </c>
      <c r="BM21" s="182">
        <v>0</v>
      </c>
      <c r="BN21" s="183">
        <v>0</v>
      </c>
      <c r="BO21" s="184">
        <v>0</v>
      </c>
      <c r="BP21" s="184">
        <v>0</v>
      </c>
      <c r="BQ21" s="184">
        <v>1</v>
      </c>
      <c r="BR21" s="182">
        <v>3</v>
      </c>
      <c r="BS21" s="185">
        <v>4</v>
      </c>
      <c r="BT21" s="186">
        <v>4</v>
      </c>
      <c r="BU21" s="181">
        <v>0</v>
      </c>
      <c r="BV21" s="182">
        <v>0</v>
      </c>
      <c r="BW21" s="182">
        <v>0</v>
      </c>
      <c r="BX21" s="183">
        <v>0</v>
      </c>
      <c r="BY21" s="184">
        <v>0</v>
      </c>
      <c r="BZ21" s="184">
        <v>0</v>
      </c>
      <c r="CA21" s="184">
        <v>1</v>
      </c>
      <c r="CB21" s="182">
        <v>3</v>
      </c>
      <c r="CC21" s="185">
        <v>4</v>
      </c>
      <c r="CD21" s="187">
        <v>4</v>
      </c>
      <c r="CE21" s="188">
        <v>0</v>
      </c>
      <c r="CF21" s="182">
        <v>0</v>
      </c>
      <c r="CG21" s="182">
        <v>0</v>
      </c>
      <c r="CH21" s="183">
        <v>0</v>
      </c>
      <c r="CI21" s="184">
        <v>0</v>
      </c>
      <c r="CJ21" s="184">
        <v>0</v>
      </c>
      <c r="CK21" s="184">
        <v>0</v>
      </c>
      <c r="CL21" s="182">
        <v>0</v>
      </c>
      <c r="CM21" s="185">
        <v>0</v>
      </c>
      <c r="CN21" s="187">
        <v>0</v>
      </c>
      <c r="CO21" s="188">
        <v>0</v>
      </c>
      <c r="CP21" s="182">
        <v>0</v>
      </c>
      <c r="CQ21" s="182">
        <v>0</v>
      </c>
      <c r="CR21" s="183">
        <v>0</v>
      </c>
      <c r="CS21" s="184">
        <v>0</v>
      </c>
      <c r="CT21" s="184">
        <v>0</v>
      </c>
      <c r="CU21" s="184">
        <v>14</v>
      </c>
      <c r="CV21" s="182">
        <v>16</v>
      </c>
      <c r="CW21" s="185">
        <v>30</v>
      </c>
      <c r="CX21" s="186">
        <v>30</v>
      </c>
      <c r="CY21" s="181">
        <v>0</v>
      </c>
      <c r="CZ21" s="182">
        <v>0</v>
      </c>
      <c r="DA21" s="182">
        <v>0</v>
      </c>
      <c r="DB21" s="183">
        <v>0</v>
      </c>
      <c r="DC21" s="184">
        <v>0</v>
      </c>
      <c r="DD21" s="184">
        <v>0</v>
      </c>
      <c r="DE21" s="184">
        <v>13</v>
      </c>
      <c r="DF21" s="182">
        <v>16</v>
      </c>
      <c r="DG21" s="185">
        <v>29</v>
      </c>
      <c r="DH21" s="187">
        <v>29</v>
      </c>
      <c r="DI21" s="188">
        <v>0</v>
      </c>
      <c r="DJ21" s="182">
        <v>0</v>
      </c>
      <c r="DK21" s="182">
        <v>0</v>
      </c>
      <c r="DL21" s="183">
        <v>0</v>
      </c>
      <c r="DM21" s="184">
        <v>0</v>
      </c>
      <c r="DN21" s="184">
        <v>0</v>
      </c>
      <c r="DO21" s="184">
        <v>1</v>
      </c>
      <c r="DP21" s="182">
        <v>0</v>
      </c>
      <c r="DQ21" s="185">
        <v>1</v>
      </c>
      <c r="DR21" s="187">
        <v>1</v>
      </c>
      <c r="DS21" s="188">
        <v>0</v>
      </c>
      <c r="DT21" s="182">
        <v>0</v>
      </c>
      <c r="DU21" s="182">
        <v>0</v>
      </c>
      <c r="DV21" s="183">
        <v>30</v>
      </c>
      <c r="DW21" s="184">
        <v>94</v>
      </c>
      <c r="DX21" s="184">
        <v>301</v>
      </c>
      <c r="DY21" s="184">
        <v>545</v>
      </c>
      <c r="DZ21" s="182">
        <v>341</v>
      </c>
      <c r="EA21" s="185">
        <v>1311</v>
      </c>
      <c r="EB21" s="187">
        <v>1311</v>
      </c>
      <c r="EC21" s="32"/>
    </row>
    <row r="22" spans="2:133" ht="21" customHeight="1" x14ac:dyDescent="0.2">
      <c r="B22" s="472" t="s">
        <v>19</v>
      </c>
      <c r="C22" s="181">
        <v>0</v>
      </c>
      <c r="D22" s="182">
        <v>0</v>
      </c>
      <c r="E22" s="182">
        <v>0</v>
      </c>
      <c r="F22" s="183">
        <v>1</v>
      </c>
      <c r="G22" s="184">
        <v>5</v>
      </c>
      <c r="H22" s="184">
        <v>117</v>
      </c>
      <c r="I22" s="184">
        <v>123</v>
      </c>
      <c r="J22" s="182">
        <v>111</v>
      </c>
      <c r="K22" s="185">
        <v>357</v>
      </c>
      <c r="L22" s="186">
        <v>357</v>
      </c>
      <c r="M22" s="181">
        <v>0</v>
      </c>
      <c r="N22" s="182">
        <v>0</v>
      </c>
      <c r="O22" s="185">
        <v>0</v>
      </c>
      <c r="P22" s="183">
        <v>1</v>
      </c>
      <c r="Q22" s="184">
        <v>5</v>
      </c>
      <c r="R22" s="184">
        <v>116</v>
      </c>
      <c r="S22" s="184">
        <v>123</v>
      </c>
      <c r="T22" s="182">
        <v>111</v>
      </c>
      <c r="U22" s="185">
        <v>356</v>
      </c>
      <c r="V22" s="187">
        <v>356</v>
      </c>
      <c r="W22" s="188">
        <v>0</v>
      </c>
      <c r="X22" s="182">
        <v>0</v>
      </c>
      <c r="Y22" s="185">
        <v>0</v>
      </c>
      <c r="Z22" s="188">
        <v>0</v>
      </c>
      <c r="AA22" s="184">
        <v>0</v>
      </c>
      <c r="AB22" s="184">
        <v>1</v>
      </c>
      <c r="AC22" s="184">
        <v>0</v>
      </c>
      <c r="AD22" s="182">
        <v>0</v>
      </c>
      <c r="AE22" s="185">
        <v>1</v>
      </c>
      <c r="AF22" s="189">
        <v>1</v>
      </c>
      <c r="AG22" s="188">
        <v>0</v>
      </c>
      <c r="AH22" s="182">
        <v>0</v>
      </c>
      <c r="AI22" s="185">
        <v>0</v>
      </c>
      <c r="AJ22" s="188">
        <v>19</v>
      </c>
      <c r="AK22" s="184">
        <v>44</v>
      </c>
      <c r="AL22" s="184">
        <v>70</v>
      </c>
      <c r="AM22" s="184">
        <v>63</v>
      </c>
      <c r="AN22" s="182">
        <v>22</v>
      </c>
      <c r="AO22" s="185">
        <v>218</v>
      </c>
      <c r="AP22" s="189">
        <v>218</v>
      </c>
      <c r="AQ22" s="188">
        <v>0</v>
      </c>
      <c r="AR22" s="182">
        <v>0</v>
      </c>
      <c r="AS22" s="185">
        <v>0</v>
      </c>
      <c r="AT22" s="183">
        <v>19</v>
      </c>
      <c r="AU22" s="184">
        <v>44</v>
      </c>
      <c r="AV22" s="184">
        <v>69</v>
      </c>
      <c r="AW22" s="184">
        <v>61</v>
      </c>
      <c r="AX22" s="182">
        <v>21</v>
      </c>
      <c r="AY22" s="185">
        <v>214</v>
      </c>
      <c r="AZ22" s="186">
        <v>214</v>
      </c>
      <c r="BA22" s="181">
        <v>0</v>
      </c>
      <c r="BB22" s="182">
        <v>0</v>
      </c>
      <c r="BC22" s="182">
        <v>0</v>
      </c>
      <c r="BD22" s="183">
        <v>0</v>
      </c>
      <c r="BE22" s="184">
        <v>0</v>
      </c>
      <c r="BF22" s="184">
        <v>1</v>
      </c>
      <c r="BG22" s="184">
        <v>2</v>
      </c>
      <c r="BH22" s="182">
        <v>1</v>
      </c>
      <c r="BI22" s="185">
        <v>4</v>
      </c>
      <c r="BJ22" s="187">
        <v>4</v>
      </c>
      <c r="BK22" s="188">
        <v>0</v>
      </c>
      <c r="BL22" s="182">
        <v>0</v>
      </c>
      <c r="BM22" s="182">
        <v>0</v>
      </c>
      <c r="BN22" s="183">
        <v>0</v>
      </c>
      <c r="BO22" s="184">
        <v>0</v>
      </c>
      <c r="BP22" s="184">
        <v>0</v>
      </c>
      <c r="BQ22" s="184">
        <v>0</v>
      </c>
      <c r="BR22" s="182">
        <v>0</v>
      </c>
      <c r="BS22" s="185">
        <v>0</v>
      </c>
      <c r="BT22" s="186">
        <v>0</v>
      </c>
      <c r="BU22" s="181">
        <v>0</v>
      </c>
      <c r="BV22" s="182">
        <v>0</v>
      </c>
      <c r="BW22" s="182">
        <v>0</v>
      </c>
      <c r="BX22" s="183">
        <v>0</v>
      </c>
      <c r="BY22" s="184">
        <v>0</v>
      </c>
      <c r="BZ22" s="184">
        <v>0</v>
      </c>
      <c r="CA22" s="184">
        <v>0</v>
      </c>
      <c r="CB22" s="182">
        <v>0</v>
      </c>
      <c r="CC22" s="185">
        <v>0</v>
      </c>
      <c r="CD22" s="187">
        <v>0</v>
      </c>
      <c r="CE22" s="188">
        <v>0</v>
      </c>
      <c r="CF22" s="182">
        <v>0</v>
      </c>
      <c r="CG22" s="182">
        <v>0</v>
      </c>
      <c r="CH22" s="183">
        <v>0</v>
      </c>
      <c r="CI22" s="184">
        <v>0</v>
      </c>
      <c r="CJ22" s="184">
        <v>0</v>
      </c>
      <c r="CK22" s="184">
        <v>0</v>
      </c>
      <c r="CL22" s="182">
        <v>0</v>
      </c>
      <c r="CM22" s="185">
        <v>0</v>
      </c>
      <c r="CN22" s="187">
        <v>0</v>
      </c>
      <c r="CO22" s="188">
        <v>0</v>
      </c>
      <c r="CP22" s="182">
        <v>0</v>
      </c>
      <c r="CQ22" s="182">
        <v>0</v>
      </c>
      <c r="CR22" s="183">
        <v>0</v>
      </c>
      <c r="CS22" s="184">
        <v>1</v>
      </c>
      <c r="CT22" s="184">
        <v>0</v>
      </c>
      <c r="CU22" s="184">
        <v>4</v>
      </c>
      <c r="CV22" s="182">
        <v>6</v>
      </c>
      <c r="CW22" s="185">
        <v>11</v>
      </c>
      <c r="CX22" s="186">
        <v>11</v>
      </c>
      <c r="CY22" s="181">
        <v>0</v>
      </c>
      <c r="CZ22" s="182">
        <v>0</v>
      </c>
      <c r="DA22" s="182">
        <v>0</v>
      </c>
      <c r="DB22" s="183">
        <v>0</v>
      </c>
      <c r="DC22" s="184">
        <v>1</v>
      </c>
      <c r="DD22" s="184">
        <v>0</v>
      </c>
      <c r="DE22" s="184">
        <v>4</v>
      </c>
      <c r="DF22" s="182">
        <v>6</v>
      </c>
      <c r="DG22" s="185">
        <v>11</v>
      </c>
      <c r="DH22" s="187">
        <v>11</v>
      </c>
      <c r="DI22" s="188">
        <v>0</v>
      </c>
      <c r="DJ22" s="182">
        <v>0</v>
      </c>
      <c r="DK22" s="182">
        <v>0</v>
      </c>
      <c r="DL22" s="183">
        <v>0</v>
      </c>
      <c r="DM22" s="184">
        <v>0</v>
      </c>
      <c r="DN22" s="184">
        <v>0</v>
      </c>
      <c r="DO22" s="184">
        <v>0</v>
      </c>
      <c r="DP22" s="182">
        <v>0</v>
      </c>
      <c r="DQ22" s="185">
        <v>0</v>
      </c>
      <c r="DR22" s="187">
        <v>0</v>
      </c>
      <c r="DS22" s="188">
        <v>0</v>
      </c>
      <c r="DT22" s="182">
        <v>0</v>
      </c>
      <c r="DU22" s="182">
        <v>0</v>
      </c>
      <c r="DV22" s="183">
        <v>20</v>
      </c>
      <c r="DW22" s="184">
        <v>49</v>
      </c>
      <c r="DX22" s="184">
        <v>185</v>
      </c>
      <c r="DY22" s="184">
        <v>187</v>
      </c>
      <c r="DZ22" s="182">
        <v>138</v>
      </c>
      <c r="EA22" s="185">
        <v>579</v>
      </c>
      <c r="EB22" s="187">
        <v>579</v>
      </c>
      <c r="EC22" s="32"/>
    </row>
    <row r="23" spans="2:133" ht="21" customHeight="1" x14ac:dyDescent="0.2">
      <c r="B23" s="472" t="s">
        <v>20</v>
      </c>
      <c r="C23" s="181">
        <v>0</v>
      </c>
      <c r="D23" s="182">
        <v>0</v>
      </c>
      <c r="E23" s="182">
        <v>0</v>
      </c>
      <c r="F23" s="183">
        <v>4</v>
      </c>
      <c r="G23" s="184">
        <v>26</v>
      </c>
      <c r="H23" s="184">
        <v>134</v>
      </c>
      <c r="I23" s="184">
        <v>217</v>
      </c>
      <c r="J23" s="182">
        <v>102</v>
      </c>
      <c r="K23" s="185">
        <v>483</v>
      </c>
      <c r="L23" s="186">
        <v>483</v>
      </c>
      <c r="M23" s="181">
        <v>0</v>
      </c>
      <c r="N23" s="182">
        <v>0</v>
      </c>
      <c r="O23" s="185">
        <v>0</v>
      </c>
      <c r="P23" s="183">
        <v>4</v>
      </c>
      <c r="Q23" s="184">
        <v>26</v>
      </c>
      <c r="R23" s="184">
        <v>133</v>
      </c>
      <c r="S23" s="184">
        <v>214</v>
      </c>
      <c r="T23" s="182">
        <v>100</v>
      </c>
      <c r="U23" s="185">
        <v>477</v>
      </c>
      <c r="V23" s="187">
        <v>477</v>
      </c>
      <c r="W23" s="188">
        <v>0</v>
      </c>
      <c r="X23" s="182">
        <v>0</v>
      </c>
      <c r="Y23" s="185">
        <v>0</v>
      </c>
      <c r="Z23" s="188">
        <v>0</v>
      </c>
      <c r="AA23" s="184">
        <v>0</v>
      </c>
      <c r="AB23" s="184">
        <v>1</v>
      </c>
      <c r="AC23" s="184">
        <v>3</v>
      </c>
      <c r="AD23" s="182">
        <v>2</v>
      </c>
      <c r="AE23" s="185">
        <v>6</v>
      </c>
      <c r="AF23" s="189">
        <v>6</v>
      </c>
      <c r="AG23" s="188">
        <v>0</v>
      </c>
      <c r="AH23" s="182">
        <v>0</v>
      </c>
      <c r="AI23" s="185">
        <v>0</v>
      </c>
      <c r="AJ23" s="188">
        <v>20</v>
      </c>
      <c r="AK23" s="184">
        <v>37</v>
      </c>
      <c r="AL23" s="184">
        <v>43</v>
      </c>
      <c r="AM23" s="184">
        <v>55</v>
      </c>
      <c r="AN23" s="182">
        <v>23</v>
      </c>
      <c r="AO23" s="185">
        <v>178</v>
      </c>
      <c r="AP23" s="189">
        <v>178</v>
      </c>
      <c r="AQ23" s="188">
        <v>0</v>
      </c>
      <c r="AR23" s="182">
        <v>0</v>
      </c>
      <c r="AS23" s="185">
        <v>0</v>
      </c>
      <c r="AT23" s="183">
        <v>19</v>
      </c>
      <c r="AU23" s="184">
        <v>37</v>
      </c>
      <c r="AV23" s="184">
        <v>43</v>
      </c>
      <c r="AW23" s="184">
        <v>54</v>
      </c>
      <c r="AX23" s="182">
        <v>23</v>
      </c>
      <c r="AY23" s="185">
        <v>176</v>
      </c>
      <c r="AZ23" s="186">
        <v>176</v>
      </c>
      <c r="BA23" s="181">
        <v>0</v>
      </c>
      <c r="BB23" s="182">
        <v>0</v>
      </c>
      <c r="BC23" s="182">
        <v>0</v>
      </c>
      <c r="BD23" s="183">
        <v>1</v>
      </c>
      <c r="BE23" s="184">
        <v>0</v>
      </c>
      <c r="BF23" s="184">
        <v>0</v>
      </c>
      <c r="BG23" s="184">
        <v>1</v>
      </c>
      <c r="BH23" s="182">
        <v>0</v>
      </c>
      <c r="BI23" s="185">
        <v>2</v>
      </c>
      <c r="BJ23" s="187">
        <v>2</v>
      </c>
      <c r="BK23" s="188">
        <v>0</v>
      </c>
      <c r="BL23" s="182">
        <v>0</v>
      </c>
      <c r="BM23" s="182">
        <v>0</v>
      </c>
      <c r="BN23" s="183">
        <v>0</v>
      </c>
      <c r="BO23" s="184">
        <v>0</v>
      </c>
      <c r="BP23" s="184">
        <v>0</v>
      </c>
      <c r="BQ23" s="184">
        <v>1</v>
      </c>
      <c r="BR23" s="182">
        <v>0</v>
      </c>
      <c r="BS23" s="185">
        <v>1</v>
      </c>
      <c r="BT23" s="186">
        <v>1</v>
      </c>
      <c r="BU23" s="181">
        <v>0</v>
      </c>
      <c r="BV23" s="182">
        <v>0</v>
      </c>
      <c r="BW23" s="182">
        <v>0</v>
      </c>
      <c r="BX23" s="183">
        <v>0</v>
      </c>
      <c r="BY23" s="184">
        <v>0</v>
      </c>
      <c r="BZ23" s="184">
        <v>0</v>
      </c>
      <c r="CA23" s="184">
        <v>1</v>
      </c>
      <c r="CB23" s="182">
        <v>0</v>
      </c>
      <c r="CC23" s="185">
        <v>1</v>
      </c>
      <c r="CD23" s="187">
        <v>1</v>
      </c>
      <c r="CE23" s="188">
        <v>0</v>
      </c>
      <c r="CF23" s="182">
        <v>0</v>
      </c>
      <c r="CG23" s="182">
        <v>0</v>
      </c>
      <c r="CH23" s="183">
        <v>0</v>
      </c>
      <c r="CI23" s="184">
        <v>0</v>
      </c>
      <c r="CJ23" s="184">
        <v>0</v>
      </c>
      <c r="CK23" s="184">
        <v>0</v>
      </c>
      <c r="CL23" s="182">
        <v>0</v>
      </c>
      <c r="CM23" s="185">
        <v>0</v>
      </c>
      <c r="CN23" s="187">
        <v>0</v>
      </c>
      <c r="CO23" s="188">
        <v>0</v>
      </c>
      <c r="CP23" s="182">
        <v>0</v>
      </c>
      <c r="CQ23" s="182">
        <v>0</v>
      </c>
      <c r="CR23" s="183">
        <v>0</v>
      </c>
      <c r="CS23" s="184">
        <v>0</v>
      </c>
      <c r="CT23" s="184">
        <v>0</v>
      </c>
      <c r="CU23" s="184">
        <v>2</v>
      </c>
      <c r="CV23" s="182">
        <v>3</v>
      </c>
      <c r="CW23" s="185">
        <v>5</v>
      </c>
      <c r="CX23" s="186">
        <v>5</v>
      </c>
      <c r="CY23" s="181">
        <v>0</v>
      </c>
      <c r="CZ23" s="182">
        <v>0</v>
      </c>
      <c r="DA23" s="182">
        <v>0</v>
      </c>
      <c r="DB23" s="183">
        <v>0</v>
      </c>
      <c r="DC23" s="184">
        <v>0</v>
      </c>
      <c r="DD23" s="184">
        <v>0</v>
      </c>
      <c r="DE23" s="184">
        <v>2</v>
      </c>
      <c r="DF23" s="182">
        <v>3</v>
      </c>
      <c r="DG23" s="185">
        <v>5</v>
      </c>
      <c r="DH23" s="187">
        <v>5</v>
      </c>
      <c r="DI23" s="188">
        <v>0</v>
      </c>
      <c r="DJ23" s="182">
        <v>0</v>
      </c>
      <c r="DK23" s="182">
        <v>0</v>
      </c>
      <c r="DL23" s="183">
        <v>0</v>
      </c>
      <c r="DM23" s="184">
        <v>0</v>
      </c>
      <c r="DN23" s="184">
        <v>0</v>
      </c>
      <c r="DO23" s="184">
        <v>0</v>
      </c>
      <c r="DP23" s="182">
        <v>0</v>
      </c>
      <c r="DQ23" s="185">
        <v>0</v>
      </c>
      <c r="DR23" s="187">
        <v>0</v>
      </c>
      <c r="DS23" s="188">
        <v>0</v>
      </c>
      <c r="DT23" s="182">
        <v>0</v>
      </c>
      <c r="DU23" s="182">
        <v>0</v>
      </c>
      <c r="DV23" s="183">
        <v>24</v>
      </c>
      <c r="DW23" s="184">
        <v>63</v>
      </c>
      <c r="DX23" s="184">
        <v>177</v>
      </c>
      <c r="DY23" s="184">
        <v>275</v>
      </c>
      <c r="DZ23" s="182">
        <v>128</v>
      </c>
      <c r="EA23" s="185">
        <v>667</v>
      </c>
      <c r="EB23" s="187">
        <v>667</v>
      </c>
      <c r="EC23" s="32"/>
    </row>
    <row r="24" spans="2:133" ht="21" customHeight="1" x14ac:dyDescent="0.2">
      <c r="B24" s="472" t="s">
        <v>21</v>
      </c>
      <c r="C24" s="181">
        <v>0</v>
      </c>
      <c r="D24" s="182">
        <v>0</v>
      </c>
      <c r="E24" s="182">
        <v>0</v>
      </c>
      <c r="F24" s="183">
        <v>4</v>
      </c>
      <c r="G24" s="184">
        <v>11</v>
      </c>
      <c r="H24" s="184">
        <v>149</v>
      </c>
      <c r="I24" s="184">
        <v>172</v>
      </c>
      <c r="J24" s="182">
        <v>147</v>
      </c>
      <c r="K24" s="185">
        <v>483</v>
      </c>
      <c r="L24" s="186">
        <v>483</v>
      </c>
      <c r="M24" s="181">
        <v>0</v>
      </c>
      <c r="N24" s="182">
        <v>0</v>
      </c>
      <c r="O24" s="185">
        <v>0</v>
      </c>
      <c r="P24" s="183">
        <v>3</v>
      </c>
      <c r="Q24" s="184">
        <v>11</v>
      </c>
      <c r="R24" s="184">
        <v>148</v>
      </c>
      <c r="S24" s="184">
        <v>172</v>
      </c>
      <c r="T24" s="182">
        <v>145</v>
      </c>
      <c r="U24" s="185">
        <v>479</v>
      </c>
      <c r="V24" s="187">
        <v>479</v>
      </c>
      <c r="W24" s="188">
        <v>0</v>
      </c>
      <c r="X24" s="182">
        <v>0</v>
      </c>
      <c r="Y24" s="185">
        <v>0</v>
      </c>
      <c r="Z24" s="188">
        <v>1</v>
      </c>
      <c r="AA24" s="184">
        <v>0</v>
      </c>
      <c r="AB24" s="184">
        <v>1</v>
      </c>
      <c r="AC24" s="184">
        <v>0</v>
      </c>
      <c r="AD24" s="182">
        <v>2</v>
      </c>
      <c r="AE24" s="185">
        <v>4</v>
      </c>
      <c r="AF24" s="189">
        <v>4</v>
      </c>
      <c r="AG24" s="188">
        <v>0</v>
      </c>
      <c r="AH24" s="182">
        <v>0</v>
      </c>
      <c r="AI24" s="185">
        <v>0</v>
      </c>
      <c r="AJ24" s="188">
        <v>25</v>
      </c>
      <c r="AK24" s="184">
        <v>29</v>
      </c>
      <c r="AL24" s="184">
        <v>45</v>
      </c>
      <c r="AM24" s="184">
        <v>43</v>
      </c>
      <c r="AN24" s="182">
        <v>23</v>
      </c>
      <c r="AO24" s="185">
        <v>165</v>
      </c>
      <c r="AP24" s="189">
        <v>165</v>
      </c>
      <c r="AQ24" s="188">
        <v>0</v>
      </c>
      <c r="AR24" s="182">
        <v>0</v>
      </c>
      <c r="AS24" s="185">
        <v>0</v>
      </c>
      <c r="AT24" s="183">
        <v>25</v>
      </c>
      <c r="AU24" s="184">
        <v>29</v>
      </c>
      <c r="AV24" s="184">
        <v>44</v>
      </c>
      <c r="AW24" s="184">
        <v>40</v>
      </c>
      <c r="AX24" s="182">
        <v>21</v>
      </c>
      <c r="AY24" s="185">
        <v>159</v>
      </c>
      <c r="AZ24" s="186">
        <v>159</v>
      </c>
      <c r="BA24" s="181">
        <v>0</v>
      </c>
      <c r="BB24" s="182">
        <v>0</v>
      </c>
      <c r="BC24" s="182">
        <v>0</v>
      </c>
      <c r="BD24" s="183">
        <v>0</v>
      </c>
      <c r="BE24" s="184">
        <v>0</v>
      </c>
      <c r="BF24" s="184">
        <v>1</v>
      </c>
      <c r="BG24" s="184">
        <v>3</v>
      </c>
      <c r="BH24" s="182">
        <v>2</v>
      </c>
      <c r="BI24" s="185">
        <v>6</v>
      </c>
      <c r="BJ24" s="187">
        <v>6</v>
      </c>
      <c r="BK24" s="188">
        <v>0</v>
      </c>
      <c r="BL24" s="182">
        <v>0</v>
      </c>
      <c r="BM24" s="182">
        <v>0</v>
      </c>
      <c r="BN24" s="183">
        <v>0</v>
      </c>
      <c r="BO24" s="184">
        <v>0</v>
      </c>
      <c r="BP24" s="184">
        <v>0</v>
      </c>
      <c r="BQ24" s="184">
        <v>1</v>
      </c>
      <c r="BR24" s="182">
        <v>5</v>
      </c>
      <c r="BS24" s="185">
        <v>6</v>
      </c>
      <c r="BT24" s="186">
        <v>6</v>
      </c>
      <c r="BU24" s="181">
        <v>0</v>
      </c>
      <c r="BV24" s="182">
        <v>0</v>
      </c>
      <c r="BW24" s="182">
        <v>0</v>
      </c>
      <c r="BX24" s="183">
        <v>0</v>
      </c>
      <c r="BY24" s="184">
        <v>0</v>
      </c>
      <c r="BZ24" s="184">
        <v>0</v>
      </c>
      <c r="CA24" s="184">
        <v>1</v>
      </c>
      <c r="CB24" s="182">
        <v>5</v>
      </c>
      <c r="CC24" s="185">
        <v>6</v>
      </c>
      <c r="CD24" s="187">
        <v>6</v>
      </c>
      <c r="CE24" s="188">
        <v>0</v>
      </c>
      <c r="CF24" s="182">
        <v>0</v>
      </c>
      <c r="CG24" s="182">
        <v>0</v>
      </c>
      <c r="CH24" s="183">
        <v>0</v>
      </c>
      <c r="CI24" s="184">
        <v>0</v>
      </c>
      <c r="CJ24" s="184">
        <v>0</v>
      </c>
      <c r="CK24" s="184">
        <v>0</v>
      </c>
      <c r="CL24" s="182">
        <v>0</v>
      </c>
      <c r="CM24" s="185">
        <v>0</v>
      </c>
      <c r="CN24" s="187">
        <v>0</v>
      </c>
      <c r="CO24" s="188">
        <v>0</v>
      </c>
      <c r="CP24" s="182">
        <v>0</v>
      </c>
      <c r="CQ24" s="182">
        <v>0</v>
      </c>
      <c r="CR24" s="183">
        <v>0</v>
      </c>
      <c r="CS24" s="184">
        <v>0</v>
      </c>
      <c r="CT24" s="184">
        <v>1</v>
      </c>
      <c r="CU24" s="184">
        <v>10</v>
      </c>
      <c r="CV24" s="182">
        <v>20</v>
      </c>
      <c r="CW24" s="185">
        <v>31</v>
      </c>
      <c r="CX24" s="186">
        <v>31</v>
      </c>
      <c r="CY24" s="181">
        <v>0</v>
      </c>
      <c r="CZ24" s="182">
        <v>0</v>
      </c>
      <c r="DA24" s="182">
        <v>0</v>
      </c>
      <c r="DB24" s="183">
        <v>0</v>
      </c>
      <c r="DC24" s="184">
        <v>0</v>
      </c>
      <c r="DD24" s="184">
        <v>1</v>
      </c>
      <c r="DE24" s="184">
        <v>10</v>
      </c>
      <c r="DF24" s="182">
        <v>20</v>
      </c>
      <c r="DG24" s="185">
        <v>31</v>
      </c>
      <c r="DH24" s="187">
        <v>31</v>
      </c>
      <c r="DI24" s="188">
        <v>0</v>
      </c>
      <c r="DJ24" s="182">
        <v>0</v>
      </c>
      <c r="DK24" s="182">
        <v>0</v>
      </c>
      <c r="DL24" s="183">
        <v>0</v>
      </c>
      <c r="DM24" s="184">
        <v>0</v>
      </c>
      <c r="DN24" s="184">
        <v>0</v>
      </c>
      <c r="DO24" s="184">
        <v>0</v>
      </c>
      <c r="DP24" s="182">
        <v>0</v>
      </c>
      <c r="DQ24" s="185">
        <v>0</v>
      </c>
      <c r="DR24" s="187">
        <v>0</v>
      </c>
      <c r="DS24" s="188">
        <v>0</v>
      </c>
      <c r="DT24" s="182">
        <v>0</v>
      </c>
      <c r="DU24" s="182">
        <v>0</v>
      </c>
      <c r="DV24" s="183">
        <v>29</v>
      </c>
      <c r="DW24" s="184">
        <v>40</v>
      </c>
      <c r="DX24" s="184">
        <v>195</v>
      </c>
      <c r="DY24" s="184">
        <v>226</v>
      </c>
      <c r="DZ24" s="182">
        <v>195</v>
      </c>
      <c r="EA24" s="185">
        <v>685</v>
      </c>
      <c r="EB24" s="187">
        <v>685</v>
      </c>
      <c r="EC24" s="32"/>
    </row>
    <row r="25" spans="2:133" ht="21" customHeight="1" x14ac:dyDescent="0.2">
      <c r="B25" s="472" t="s">
        <v>22</v>
      </c>
      <c r="C25" s="181">
        <v>0</v>
      </c>
      <c r="D25" s="182">
        <v>0</v>
      </c>
      <c r="E25" s="182">
        <v>0</v>
      </c>
      <c r="F25" s="183">
        <v>3</v>
      </c>
      <c r="G25" s="184">
        <v>7</v>
      </c>
      <c r="H25" s="184">
        <v>57</v>
      </c>
      <c r="I25" s="184">
        <v>61</v>
      </c>
      <c r="J25" s="182">
        <v>30</v>
      </c>
      <c r="K25" s="185">
        <v>158</v>
      </c>
      <c r="L25" s="186">
        <v>158</v>
      </c>
      <c r="M25" s="181">
        <v>0</v>
      </c>
      <c r="N25" s="182">
        <v>0</v>
      </c>
      <c r="O25" s="185">
        <v>0</v>
      </c>
      <c r="P25" s="183">
        <v>3</v>
      </c>
      <c r="Q25" s="184">
        <v>7</v>
      </c>
      <c r="R25" s="184">
        <v>57</v>
      </c>
      <c r="S25" s="184">
        <v>61</v>
      </c>
      <c r="T25" s="182">
        <v>29</v>
      </c>
      <c r="U25" s="185">
        <v>157</v>
      </c>
      <c r="V25" s="187">
        <v>157</v>
      </c>
      <c r="W25" s="188">
        <v>0</v>
      </c>
      <c r="X25" s="182">
        <v>0</v>
      </c>
      <c r="Y25" s="185">
        <v>0</v>
      </c>
      <c r="Z25" s="188">
        <v>0</v>
      </c>
      <c r="AA25" s="184">
        <v>0</v>
      </c>
      <c r="AB25" s="184">
        <v>0</v>
      </c>
      <c r="AC25" s="184">
        <v>0</v>
      </c>
      <c r="AD25" s="182">
        <v>1</v>
      </c>
      <c r="AE25" s="185">
        <v>1</v>
      </c>
      <c r="AF25" s="189">
        <v>1</v>
      </c>
      <c r="AG25" s="188">
        <v>0</v>
      </c>
      <c r="AH25" s="182">
        <v>0</v>
      </c>
      <c r="AI25" s="185">
        <v>0</v>
      </c>
      <c r="AJ25" s="188">
        <v>9</v>
      </c>
      <c r="AK25" s="184">
        <v>28</v>
      </c>
      <c r="AL25" s="184">
        <v>27</v>
      </c>
      <c r="AM25" s="184">
        <v>40</v>
      </c>
      <c r="AN25" s="182">
        <v>18</v>
      </c>
      <c r="AO25" s="185">
        <v>122</v>
      </c>
      <c r="AP25" s="189">
        <v>122</v>
      </c>
      <c r="AQ25" s="188">
        <v>0</v>
      </c>
      <c r="AR25" s="182">
        <v>0</v>
      </c>
      <c r="AS25" s="185">
        <v>0</v>
      </c>
      <c r="AT25" s="183">
        <v>9</v>
      </c>
      <c r="AU25" s="184">
        <v>28</v>
      </c>
      <c r="AV25" s="184">
        <v>27</v>
      </c>
      <c r="AW25" s="184">
        <v>40</v>
      </c>
      <c r="AX25" s="182">
        <v>18</v>
      </c>
      <c r="AY25" s="185">
        <v>122</v>
      </c>
      <c r="AZ25" s="186">
        <v>122</v>
      </c>
      <c r="BA25" s="181">
        <v>0</v>
      </c>
      <c r="BB25" s="182">
        <v>0</v>
      </c>
      <c r="BC25" s="182">
        <v>0</v>
      </c>
      <c r="BD25" s="183">
        <v>0</v>
      </c>
      <c r="BE25" s="184">
        <v>0</v>
      </c>
      <c r="BF25" s="184">
        <v>0</v>
      </c>
      <c r="BG25" s="184">
        <v>0</v>
      </c>
      <c r="BH25" s="182">
        <v>0</v>
      </c>
      <c r="BI25" s="185">
        <v>0</v>
      </c>
      <c r="BJ25" s="187">
        <v>0</v>
      </c>
      <c r="BK25" s="188">
        <v>0</v>
      </c>
      <c r="BL25" s="182">
        <v>0</v>
      </c>
      <c r="BM25" s="182">
        <v>0</v>
      </c>
      <c r="BN25" s="183">
        <v>0</v>
      </c>
      <c r="BO25" s="184">
        <v>0</v>
      </c>
      <c r="BP25" s="184">
        <v>0</v>
      </c>
      <c r="BQ25" s="184">
        <v>0</v>
      </c>
      <c r="BR25" s="182">
        <v>0</v>
      </c>
      <c r="BS25" s="185">
        <v>0</v>
      </c>
      <c r="BT25" s="186">
        <v>0</v>
      </c>
      <c r="BU25" s="181">
        <v>0</v>
      </c>
      <c r="BV25" s="182">
        <v>0</v>
      </c>
      <c r="BW25" s="182">
        <v>0</v>
      </c>
      <c r="BX25" s="183">
        <v>0</v>
      </c>
      <c r="BY25" s="184">
        <v>0</v>
      </c>
      <c r="BZ25" s="184">
        <v>0</v>
      </c>
      <c r="CA25" s="184">
        <v>0</v>
      </c>
      <c r="CB25" s="182">
        <v>0</v>
      </c>
      <c r="CC25" s="185">
        <v>0</v>
      </c>
      <c r="CD25" s="187">
        <v>0</v>
      </c>
      <c r="CE25" s="188">
        <v>0</v>
      </c>
      <c r="CF25" s="182">
        <v>0</v>
      </c>
      <c r="CG25" s="182">
        <v>0</v>
      </c>
      <c r="CH25" s="183">
        <v>0</v>
      </c>
      <c r="CI25" s="184">
        <v>0</v>
      </c>
      <c r="CJ25" s="184">
        <v>0</v>
      </c>
      <c r="CK25" s="184">
        <v>0</v>
      </c>
      <c r="CL25" s="182">
        <v>0</v>
      </c>
      <c r="CM25" s="185">
        <v>0</v>
      </c>
      <c r="CN25" s="187">
        <v>0</v>
      </c>
      <c r="CO25" s="188">
        <v>0</v>
      </c>
      <c r="CP25" s="182">
        <v>0</v>
      </c>
      <c r="CQ25" s="182">
        <v>0</v>
      </c>
      <c r="CR25" s="183">
        <v>0</v>
      </c>
      <c r="CS25" s="184">
        <v>0</v>
      </c>
      <c r="CT25" s="184">
        <v>0</v>
      </c>
      <c r="CU25" s="184">
        <v>9</v>
      </c>
      <c r="CV25" s="182">
        <v>3</v>
      </c>
      <c r="CW25" s="185">
        <v>12</v>
      </c>
      <c r="CX25" s="186">
        <v>12</v>
      </c>
      <c r="CY25" s="181">
        <v>0</v>
      </c>
      <c r="CZ25" s="182">
        <v>0</v>
      </c>
      <c r="DA25" s="182">
        <v>0</v>
      </c>
      <c r="DB25" s="183">
        <v>0</v>
      </c>
      <c r="DC25" s="184">
        <v>0</v>
      </c>
      <c r="DD25" s="184">
        <v>0</v>
      </c>
      <c r="DE25" s="184">
        <v>8</v>
      </c>
      <c r="DF25" s="182">
        <v>2</v>
      </c>
      <c r="DG25" s="185">
        <v>10</v>
      </c>
      <c r="DH25" s="187">
        <v>10</v>
      </c>
      <c r="DI25" s="188">
        <v>0</v>
      </c>
      <c r="DJ25" s="182">
        <v>0</v>
      </c>
      <c r="DK25" s="182">
        <v>0</v>
      </c>
      <c r="DL25" s="183">
        <v>0</v>
      </c>
      <c r="DM25" s="184">
        <v>0</v>
      </c>
      <c r="DN25" s="184">
        <v>0</v>
      </c>
      <c r="DO25" s="184">
        <v>1</v>
      </c>
      <c r="DP25" s="182">
        <v>1</v>
      </c>
      <c r="DQ25" s="185">
        <v>2</v>
      </c>
      <c r="DR25" s="187">
        <v>2</v>
      </c>
      <c r="DS25" s="188">
        <v>0</v>
      </c>
      <c r="DT25" s="182">
        <v>0</v>
      </c>
      <c r="DU25" s="182">
        <v>0</v>
      </c>
      <c r="DV25" s="183">
        <v>12</v>
      </c>
      <c r="DW25" s="184">
        <v>35</v>
      </c>
      <c r="DX25" s="184">
        <v>84</v>
      </c>
      <c r="DY25" s="184">
        <v>110</v>
      </c>
      <c r="DZ25" s="182">
        <v>51</v>
      </c>
      <c r="EA25" s="185">
        <v>292</v>
      </c>
      <c r="EB25" s="187">
        <v>292</v>
      </c>
      <c r="EC25" s="32"/>
    </row>
    <row r="26" spans="2:133" ht="21" customHeight="1" x14ac:dyDescent="0.2">
      <c r="B26" s="472" t="s">
        <v>23</v>
      </c>
      <c r="C26" s="181">
        <v>0</v>
      </c>
      <c r="D26" s="182">
        <v>0</v>
      </c>
      <c r="E26" s="182">
        <v>0</v>
      </c>
      <c r="F26" s="183">
        <v>2</v>
      </c>
      <c r="G26" s="184">
        <v>10</v>
      </c>
      <c r="H26" s="184">
        <v>89</v>
      </c>
      <c r="I26" s="184">
        <v>130</v>
      </c>
      <c r="J26" s="182">
        <v>92</v>
      </c>
      <c r="K26" s="185">
        <v>323</v>
      </c>
      <c r="L26" s="186">
        <v>323</v>
      </c>
      <c r="M26" s="181">
        <v>0</v>
      </c>
      <c r="N26" s="182">
        <v>0</v>
      </c>
      <c r="O26" s="185">
        <v>0</v>
      </c>
      <c r="P26" s="183">
        <v>2</v>
      </c>
      <c r="Q26" s="184">
        <v>10</v>
      </c>
      <c r="R26" s="184">
        <v>89</v>
      </c>
      <c r="S26" s="184">
        <v>129</v>
      </c>
      <c r="T26" s="182">
        <v>92</v>
      </c>
      <c r="U26" s="185">
        <v>322</v>
      </c>
      <c r="V26" s="187">
        <v>322</v>
      </c>
      <c r="W26" s="188">
        <v>0</v>
      </c>
      <c r="X26" s="182">
        <v>0</v>
      </c>
      <c r="Y26" s="185">
        <v>0</v>
      </c>
      <c r="Z26" s="188">
        <v>0</v>
      </c>
      <c r="AA26" s="184">
        <v>0</v>
      </c>
      <c r="AB26" s="184">
        <v>0</v>
      </c>
      <c r="AC26" s="184">
        <v>1</v>
      </c>
      <c r="AD26" s="182">
        <v>0</v>
      </c>
      <c r="AE26" s="185">
        <v>1</v>
      </c>
      <c r="AF26" s="189">
        <v>1</v>
      </c>
      <c r="AG26" s="188">
        <v>0</v>
      </c>
      <c r="AH26" s="182">
        <v>0</v>
      </c>
      <c r="AI26" s="185">
        <v>0</v>
      </c>
      <c r="AJ26" s="188">
        <v>12</v>
      </c>
      <c r="AK26" s="184">
        <v>26</v>
      </c>
      <c r="AL26" s="184">
        <v>41</v>
      </c>
      <c r="AM26" s="184">
        <v>59</v>
      </c>
      <c r="AN26" s="182">
        <v>30</v>
      </c>
      <c r="AO26" s="185">
        <v>168</v>
      </c>
      <c r="AP26" s="189">
        <v>168</v>
      </c>
      <c r="AQ26" s="188">
        <v>0</v>
      </c>
      <c r="AR26" s="182">
        <v>0</v>
      </c>
      <c r="AS26" s="185">
        <v>0</v>
      </c>
      <c r="AT26" s="183">
        <v>12</v>
      </c>
      <c r="AU26" s="184">
        <v>26</v>
      </c>
      <c r="AV26" s="184">
        <v>41</v>
      </c>
      <c r="AW26" s="184">
        <v>59</v>
      </c>
      <c r="AX26" s="182">
        <v>29</v>
      </c>
      <c r="AY26" s="185">
        <v>167</v>
      </c>
      <c r="AZ26" s="186">
        <v>167</v>
      </c>
      <c r="BA26" s="181">
        <v>0</v>
      </c>
      <c r="BB26" s="182">
        <v>0</v>
      </c>
      <c r="BC26" s="182">
        <v>0</v>
      </c>
      <c r="BD26" s="183">
        <v>0</v>
      </c>
      <c r="BE26" s="184">
        <v>0</v>
      </c>
      <c r="BF26" s="184">
        <v>0</v>
      </c>
      <c r="BG26" s="184">
        <v>0</v>
      </c>
      <c r="BH26" s="182">
        <v>1</v>
      </c>
      <c r="BI26" s="185">
        <v>1</v>
      </c>
      <c r="BJ26" s="187">
        <v>1</v>
      </c>
      <c r="BK26" s="188">
        <v>0</v>
      </c>
      <c r="BL26" s="182">
        <v>0</v>
      </c>
      <c r="BM26" s="182">
        <v>0</v>
      </c>
      <c r="BN26" s="183">
        <v>0</v>
      </c>
      <c r="BO26" s="184">
        <v>0</v>
      </c>
      <c r="BP26" s="184">
        <v>0</v>
      </c>
      <c r="BQ26" s="184">
        <v>0</v>
      </c>
      <c r="BR26" s="182">
        <v>2</v>
      </c>
      <c r="BS26" s="185">
        <v>2</v>
      </c>
      <c r="BT26" s="186">
        <v>2</v>
      </c>
      <c r="BU26" s="181">
        <v>0</v>
      </c>
      <c r="BV26" s="182">
        <v>0</v>
      </c>
      <c r="BW26" s="182">
        <v>0</v>
      </c>
      <c r="BX26" s="183">
        <v>0</v>
      </c>
      <c r="BY26" s="184">
        <v>0</v>
      </c>
      <c r="BZ26" s="184">
        <v>0</v>
      </c>
      <c r="CA26" s="184">
        <v>0</v>
      </c>
      <c r="CB26" s="182">
        <v>2</v>
      </c>
      <c r="CC26" s="185">
        <v>2</v>
      </c>
      <c r="CD26" s="187">
        <v>2</v>
      </c>
      <c r="CE26" s="188">
        <v>0</v>
      </c>
      <c r="CF26" s="182">
        <v>0</v>
      </c>
      <c r="CG26" s="182">
        <v>0</v>
      </c>
      <c r="CH26" s="183">
        <v>0</v>
      </c>
      <c r="CI26" s="184">
        <v>0</v>
      </c>
      <c r="CJ26" s="184">
        <v>0</v>
      </c>
      <c r="CK26" s="184">
        <v>0</v>
      </c>
      <c r="CL26" s="182">
        <v>0</v>
      </c>
      <c r="CM26" s="185">
        <v>0</v>
      </c>
      <c r="CN26" s="187">
        <v>0</v>
      </c>
      <c r="CO26" s="188">
        <v>0</v>
      </c>
      <c r="CP26" s="182">
        <v>0</v>
      </c>
      <c r="CQ26" s="182">
        <v>0</v>
      </c>
      <c r="CR26" s="183">
        <v>0</v>
      </c>
      <c r="CS26" s="184">
        <v>0</v>
      </c>
      <c r="CT26" s="184">
        <v>0</v>
      </c>
      <c r="CU26" s="184">
        <v>3</v>
      </c>
      <c r="CV26" s="182">
        <v>10</v>
      </c>
      <c r="CW26" s="185">
        <v>13</v>
      </c>
      <c r="CX26" s="186">
        <v>13</v>
      </c>
      <c r="CY26" s="181">
        <v>0</v>
      </c>
      <c r="CZ26" s="182">
        <v>0</v>
      </c>
      <c r="DA26" s="182">
        <v>0</v>
      </c>
      <c r="DB26" s="183">
        <v>0</v>
      </c>
      <c r="DC26" s="184">
        <v>0</v>
      </c>
      <c r="DD26" s="184">
        <v>0</v>
      </c>
      <c r="DE26" s="184">
        <v>3</v>
      </c>
      <c r="DF26" s="182">
        <v>10</v>
      </c>
      <c r="DG26" s="185">
        <v>13</v>
      </c>
      <c r="DH26" s="187">
        <v>13</v>
      </c>
      <c r="DI26" s="188">
        <v>0</v>
      </c>
      <c r="DJ26" s="182">
        <v>0</v>
      </c>
      <c r="DK26" s="182">
        <v>0</v>
      </c>
      <c r="DL26" s="183">
        <v>0</v>
      </c>
      <c r="DM26" s="184">
        <v>0</v>
      </c>
      <c r="DN26" s="184">
        <v>0</v>
      </c>
      <c r="DO26" s="184">
        <v>0</v>
      </c>
      <c r="DP26" s="182">
        <v>0</v>
      </c>
      <c r="DQ26" s="185">
        <v>0</v>
      </c>
      <c r="DR26" s="187">
        <v>0</v>
      </c>
      <c r="DS26" s="188">
        <v>0</v>
      </c>
      <c r="DT26" s="182">
        <v>0</v>
      </c>
      <c r="DU26" s="182">
        <v>0</v>
      </c>
      <c r="DV26" s="183">
        <v>14</v>
      </c>
      <c r="DW26" s="184">
        <v>36</v>
      </c>
      <c r="DX26" s="184">
        <v>129</v>
      </c>
      <c r="DY26" s="184">
        <v>189</v>
      </c>
      <c r="DZ26" s="182">
        <v>134</v>
      </c>
      <c r="EA26" s="185">
        <v>502</v>
      </c>
      <c r="EB26" s="187">
        <v>502</v>
      </c>
      <c r="EC26" s="32"/>
    </row>
    <row r="27" spans="2:133" ht="21" customHeight="1" x14ac:dyDescent="0.2">
      <c r="B27" s="472" t="s">
        <v>24</v>
      </c>
      <c r="C27" s="181">
        <v>0</v>
      </c>
      <c r="D27" s="182">
        <v>0</v>
      </c>
      <c r="E27" s="182">
        <v>0</v>
      </c>
      <c r="F27" s="183">
        <v>0</v>
      </c>
      <c r="G27" s="184">
        <v>0</v>
      </c>
      <c r="H27" s="184">
        <v>26</v>
      </c>
      <c r="I27" s="184">
        <v>86</v>
      </c>
      <c r="J27" s="182">
        <v>54</v>
      </c>
      <c r="K27" s="185">
        <v>166</v>
      </c>
      <c r="L27" s="186">
        <v>166</v>
      </c>
      <c r="M27" s="181">
        <v>0</v>
      </c>
      <c r="N27" s="182">
        <v>0</v>
      </c>
      <c r="O27" s="185">
        <v>0</v>
      </c>
      <c r="P27" s="183">
        <v>0</v>
      </c>
      <c r="Q27" s="184">
        <v>0</v>
      </c>
      <c r="R27" s="184">
        <v>26</v>
      </c>
      <c r="S27" s="184">
        <v>86</v>
      </c>
      <c r="T27" s="182">
        <v>54</v>
      </c>
      <c r="U27" s="185">
        <v>166</v>
      </c>
      <c r="V27" s="187">
        <v>166</v>
      </c>
      <c r="W27" s="188">
        <v>0</v>
      </c>
      <c r="X27" s="182">
        <v>0</v>
      </c>
      <c r="Y27" s="185">
        <v>0</v>
      </c>
      <c r="Z27" s="188">
        <v>0</v>
      </c>
      <c r="AA27" s="184">
        <v>0</v>
      </c>
      <c r="AB27" s="184">
        <v>0</v>
      </c>
      <c r="AC27" s="184">
        <v>0</v>
      </c>
      <c r="AD27" s="182">
        <v>0</v>
      </c>
      <c r="AE27" s="185">
        <v>0</v>
      </c>
      <c r="AF27" s="189">
        <v>0</v>
      </c>
      <c r="AG27" s="188">
        <v>0</v>
      </c>
      <c r="AH27" s="182">
        <v>0</v>
      </c>
      <c r="AI27" s="185">
        <v>0</v>
      </c>
      <c r="AJ27" s="188">
        <v>12</v>
      </c>
      <c r="AK27" s="184">
        <v>10</v>
      </c>
      <c r="AL27" s="184">
        <v>22</v>
      </c>
      <c r="AM27" s="184">
        <v>29</v>
      </c>
      <c r="AN27" s="182">
        <v>14</v>
      </c>
      <c r="AO27" s="185">
        <v>87</v>
      </c>
      <c r="AP27" s="189">
        <v>87</v>
      </c>
      <c r="AQ27" s="188">
        <v>0</v>
      </c>
      <c r="AR27" s="182">
        <v>0</v>
      </c>
      <c r="AS27" s="185">
        <v>0</v>
      </c>
      <c r="AT27" s="183">
        <v>12</v>
      </c>
      <c r="AU27" s="184">
        <v>10</v>
      </c>
      <c r="AV27" s="184">
        <v>21</v>
      </c>
      <c r="AW27" s="184">
        <v>28</v>
      </c>
      <c r="AX27" s="182">
        <v>14</v>
      </c>
      <c r="AY27" s="185">
        <v>85</v>
      </c>
      <c r="AZ27" s="186">
        <v>85</v>
      </c>
      <c r="BA27" s="181">
        <v>0</v>
      </c>
      <c r="BB27" s="182">
        <v>0</v>
      </c>
      <c r="BC27" s="182">
        <v>0</v>
      </c>
      <c r="BD27" s="183">
        <v>0</v>
      </c>
      <c r="BE27" s="184">
        <v>0</v>
      </c>
      <c r="BF27" s="184">
        <v>1</v>
      </c>
      <c r="BG27" s="184">
        <v>1</v>
      </c>
      <c r="BH27" s="182">
        <v>0</v>
      </c>
      <c r="BI27" s="185">
        <v>2</v>
      </c>
      <c r="BJ27" s="187">
        <v>2</v>
      </c>
      <c r="BK27" s="188">
        <v>0</v>
      </c>
      <c r="BL27" s="182">
        <v>0</v>
      </c>
      <c r="BM27" s="182">
        <v>0</v>
      </c>
      <c r="BN27" s="183">
        <v>0</v>
      </c>
      <c r="BO27" s="184">
        <v>0</v>
      </c>
      <c r="BP27" s="184">
        <v>0</v>
      </c>
      <c r="BQ27" s="184">
        <v>0</v>
      </c>
      <c r="BR27" s="182">
        <v>0</v>
      </c>
      <c r="BS27" s="185">
        <v>0</v>
      </c>
      <c r="BT27" s="186">
        <v>0</v>
      </c>
      <c r="BU27" s="181">
        <v>0</v>
      </c>
      <c r="BV27" s="182">
        <v>0</v>
      </c>
      <c r="BW27" s="182">
        <v>0</v>
      </c>
      <c r="BX27" s="183">
        <v>0</v>
      </c>
      <c r="BY27" s="184">
        <v>0</v>
      </c>
      <c r="BZ27" s="184">
        <v>0</v>
      </c>
      <c r="CA27" s="184">
        <v>0</v>
      </c>
      <c r="CB27" s="182">
        <v>0</v>
      </c>
      <c r="CC27" s="185">
        <v>0</v>
      </c>
      <c r="CD27" s="187">
        <v>0</v>
      </c>
      <c r="CE27" s="188">
        <v>0</v>
      </c>
      <c r="CF27" s="182">
        <v>0</v>
      </c>
      <c r="CG27" s="182">
        <v>0</v>
      </c>
      <c r="CH27" s="183">
        <v>0</v>
      </c>
      <c r="CI27" s="184">
        <v>0</v>
      </c>
      <c r="CJ27" s="184">
        <v>0</v>
      </c>
      <c r="CK27" s="184">
        <v>0</v>
      </c>
      <c r="CL27" s="182">
        <v>0</v>
      </c>
      <c r="CM27" s="185">
        <v>0</v>
      </c>
      <c r="CN27" s="187">
        <v>0</v>
      </c>
      <c r="CO27" s="188">
        <v>0</v>
      </c>
      <c r="CP27" s="182">
        <v>0</v>
      </c>
      <c r="CQ27" s="182">
        <v>0</v>
      </c>
      <c r="CR27" s="183">
        <v>0</v>
      </c>
      <c r="CS27" s="184">
        <v>0</v>
      </c>
      <c r="CT27" s="184">
        <v>0</v>
      </c>
      <c r="CU27" s="184">
        <v>0</v>
      </c>
      <c r="CV27" s="182">
        <v>0</v>
      </c>
      <c r="CW27" s="185">
        <v>0</v>
      </c>
      <c r="CX27" s="186">
        <v>0</v>
      </c>
      <c r="CY27" s="181">
        <v>0</v>
      </c>
      <c r="CZ27" s="182">
        <v>0</v>
      </c>
      <c r="DA27" s="182">
        <v>0</v>
      </c>
      <c r="DB27" s="183">
        <v>0</v>
      </c>
      <c r="DC27" s="184">
        <v>0</v>
      </c>
      <c r="DD27" s="184">
        <v>0</v>
      </c>
      <c r="DE27" s="184">
        <v>0</v>
      </c>
      <c r="DF27" s="182">
        <v>0</v>
      </c>
      <c r="DG27" s="185">
        <v>0</v>
      </c>
      <c r="DH27" s="187">
        <v>0</v>
      </c>
      <c r="DI27" s="188">
        <v>0</v>
      </c>
      <c r="DJ27" s="182">
        <v>0</v>
      </c>
      <c r="DK27" s="182">
        <v>0</v>
      </c>
      <c r="DL27" s="183">
        <v>0</v>
      </c>
      <c r="DM27" s="184">
        <v>0</v>
      </c>
      <c r="DN27" s="184">
        <v>0</v>
      </c>
      <c r="DO27" s="184">
        <v>0</v>
      </c>
      <c r="DP27" s="182">
        <v>0</v>
      </c>
      <c r="DQ27" s="185">
        <v>0</v>
      </c>
      <c r="DR27" s="187">
        <v>0</v>
      </c>
      <c r="DS27" s="188">
        <v>0</v>
      </c>
      <c r="DT27" s="182">
        <v>0</v>
      </c>
      <c r="DU27" s="182">
        <v>0</v>
      </c>
      <c r="DV27" s="183">
        <v>12</v>
      </c>
      <c r="DW27" s="184">
        <v>10</v>
      </c>
      <c r="DX27" s="184">
        <v>48</v>
      </c>
      <c r="DY27" s="184">
        <v>114</v>
      </c>
      <c r="DZ27" s="182">
        <v>67</v>
      </c>
      <c r="EA27" s="185">
        <v>251</v>
      </c>
      <c r="EB27" s="187">
        <v>251</v>
      </c>
      <c r="EC27" s="32"/>
    </row>
    <row r="28" spans="2:133" ht="21" customHeight="1" x14ac:dyDescent="0.2">
      <c r="B28" s="472" t="s">
        <v>25</v>
      </c>
      <c r="C28" s="181">
        <v>0</v>
      </c>
      <c r="D28" s="182">
        <v>0</v>
      </c>
      <c r="E28" s="182">
        <v>0</v>
      </c>
      <c r="F28" s="183">
        <v>0</v>
      </c>
      <c r="G28" s="184">
        <v>5</v>
      </c>
      <c r="H28" s="184">
        <v>60</v>
      </c>
      <c r="I28" s="184">
        <v>80</v>
      </c>
      <c r="J28" s="182">
        <v>51</v>
      </c>
      <c r="K28" s="185">
        <v>196</v>
      </c>
      <c r="L28" s="186">
        <v>196</v>
      </c>
      <c r="M28" s="181">
        <v>0</v>
      </c>
      <c r="N28" s="182">
        <v>0</v>
      </c>
      <c r="O28" s="185">
        <v>0</v>
      </c>
      <c r="P28" s="183">
        <v>0</v>
      </c>
      <c r="Q28" s="184">
        <v>5</v>
      </c>
      <c r="R28" s="184">
        <v>60</v>
      </c>
      <c r="S28" s="184">
        <v>80</v>
      </c>
      <c r="T28" s="182">
        <v>46</v>
      </c>
      <c r="U28" s="185">
        <v>191</v>
      </c>
      <c r="V28" s="187">
        <v>191</v>
      </c>
      <c r="W28" s="188">
        <v>0</v>
      </c>
      <c r="X28" s="182">
        <v>0</v>
      </c>
      <c r="Y28" s="185">
        <v>0</v>
      </c>
      <c r="Z28" s="188">
        <v>0</v>
      </c>
      <c r="AA28" s="184">
        <v>0</v>
      </c>
      <c r="AB28" s="184">
        <v>0</v>
      </c>
      <c r="AC28" s="184">
        <v>0</v>
      </c>
      <c r="AD28" s="182">
        <v>5</v>
      </c>
      <c r="AE28" s="185">
        <v>5</v>
      </c>
      <c r="AF28" s="189">
        <v>5</v>
      </c>
      <c r="AG28" s="188">
        <v>0</v>
      </c>
      <c r="AH28" s="182">
        <v>0</v>
      </c>
      <c r="AI28" s="185">
        <v>0</v>
      </c>
      <c r="AJ28" s="188">
        <v>15</v>
      </c>
      <c r="AK28" s="184">
        <v>19</v>
      </c>
      <c r="AL28" s="184">
        <v>21</v>
      </c>
      <c r="AM28" s="184">
        <v>43</v>
      </c>
      <c r="AN28" s="182">
        <v>20</v>
      </c>
      <c r="AO28" s="185">
        <v>118</v>
      </c>
      <c r="AP28" s="189">
        <v>118</v>
      </c>
      <c r="AQ28" s="188">
        <v>0</v>
      </c>
      <c r="AR28" s="182">
        <v>0</v>
      </c>
      <c r="AS28" s="185">
        <v>0</v>
      </c>
      <c r="AT28" s="183">
        <v>15</v>
      </c>
      <c r="AU28" s="184">
        <v>19</v>
      </c>
      <c r="AV28" s="184">
        <v>21</v>
      </c>
      <c r="AW28" s="184">
        <v>42</v>
      </c>
      <c r="AX28" s="182">
        <v>20</v>
      </c>
      <c r="AY28" s="185">
        <v>117</v>
      </c>
      <c r="AZ28" s="186">
        <v>117</v>
      </c>
      <c r="BA28" s="181">
        <v>0</v>
      </c>
      <c r="BB28" s="182">
        <v>0</v>
      </c>
      <c r="BC28" s="182">
        <v>0</v>
      </c>
      <c r="BD28" s="183">
        <v>0</v>
      </c>
      <c r="BE28" s="184">
        <v>0</v>
      </c>
      <c r="BF28" s="184">
        <v>0</v>
      </c>
      <c r="BG28" s="184">
        <v>1</v>
      </c>
      <c r="BH28" s="182">
        <v>0</v>
      </c>
      <c r="BI28" s="185">
        <v>1</v>
      </c>
      <c r="BJ28" s="187">
        <v>1</v>
      </c>
      <c r="BK28" s="188">
        <v>0</v>
      </c>
      <c r="BL28" s="182">
        <v>0</v>
      </c>
      <c r="BM28" s="182">
        <v>0</v>
      </c>
      <c r="BN28" s="183">
        <v>0</v>
      </c>
      <c r="BO28" s="184">
        <v>0</v>
      </c>
      <c r="BP28" s="184">
        <v>0</v>
      </c>
      <c r="BQ28" s="184">
        <v>0</v>
      </c>
      <c r="BR28" s="182">
        <v>0</v>
      </c>
      <c r="BS28" s="185">
        <v>0</v>
      </c>
      <c r="BT28" s="186">
        <v>0</v>
      </c>
      <c r="BU28" s="181">
        <v>0</v>
      </c>
      <c r="BV28" s="182">
        <v>0</v>
      </c>
      <c r="BW28" s="182">
        <v>0</v>
      </c>
      <c r="BX28" s="183">
        <v>0</v>
      </c>
      <c r="BY28" s="184">
        <v>0</v>
      </c>
      <c r="BZ28" s="184">
        <v>0</v>
      </c>
      <c r="CA28" s="184">
        <v>0</v>
      </c>
      <c r="CB28" s="182">
        <v>0</v>
      </c>
      <c r="CC28" s="185">
        <v>0</v>
      </c>
      <c r="CD28" s="187">
        <v>0</v>
      </c>
      <c r="CE28" s="188">
        <v>0</v>
      </c>
      <c r="CF28" s="182">
        <v>0</v>
      </c>
      <c r="CG28" s="182">
        <v>0</v>
      </c>
      <c r="CH28" s="183">
        <v>0</v>
      </c>
      <c r="CI28" s="184">
        <v>0</v>
      </c>
      <c r="CJ28" s="184">
        <v>0</v>
      </c>
      <c r="CK28" s="184">
        <v>0</v>
      </c>
      <c r="CL28" s="182">
        <v>0</v>
      </c>
      <c r="CM28" s="185">
        <v>0</v>
      </c>
      <c r="CN28" s="187">
        <v>0</v>
      </c>
      <c r="CO28" s="188">
        <v>0</v>
      </c>
      <c r="CP28" s="182">
        <v>0</v>
      </c>
      <c r="CQ28" s="182">
        <v>0</v>
      </c>
      <c r="CR28" s="183">
        <v>0</v>
      </c>
      <c r="CS28" s="184">
        <v>0</v>
      </c>
      <c r="CT28" s="184">
        <v>0</v>
      </c>
      <c r="CU28" s="184">
        <v>0</v>
      </c>
      <c r="CV28" s="182">
        <v>3</v>
      </c>
      <c r="CW28" s="185">
        <v>3</v>
      </c>
      <c r="CX28" s="186">
        <v>3</v>
      </c>
      <c r="CY28" s="181">
        <v>0</v>
      </c>
      <c r="CZ28" s="182">
        <v>0</v>
      </c>
      <c r="DA28" s="182">
        <v>0</v>
      </c>
      <c r="DB28" s="183">
        <v>0</v>
      </c>
      <c r="DC28" s="184">
        <v>0</v>
      </c>
      <c r="DD28" s="184">
        <v>0</v>
      </c>
      <c r="DE28" s="184">
        <v>0</v>
      </c>
      <c r="DF28" s="182">
        <v>3</v>
      </c>
      <c r="DG28" s="185">
        <v>3</v>
      </c>
      <c r="DH28" s="187">
        <v>3</v>
      </c>
      <c r="DI28" s="188">
        <v>0</v>
      </c>
      <c r="DJ28" s="182">
        <v>0</v>
      </c>
      <c r="DK28" s="182">
        <v>0</v>
      </c>
      <c r="DL28" s="183">
        <v>0</v>
      </c>
      <c r="DM28" s="184">
        <v>0</v>
      </c>
      <c r="DN28" s="184">
        <v>0</v>
      </c>
      <c r="DO28" s="184">
        <v>0</v>
      </c>
      <c r="DP28" s="182">
        <v>0</v>
      </c>
      <c r="DQ28" s="185">
        <v>0</v>
      </c>
      <c r="DR28" s="187">
        <v>0</v>
      </c>
      <c r="DS28" s="188">
        <v>0</v>
      </c>
      <c r="DT28" s="182">
        <v>0</v>
      </c>
      <c r="DU28" s="182">
        <v>0</v>
      </c>
      <c r="DV28" s="183">
        <v>15</v>
      </c>
      <c r="DW28" s="184">
        <v>24</v>
      </c>
      <c r="DX28" s="184">
        <v>81</v>
      </c>
      <c r="DY28" s="184">
        <v>123</v>
      </c>
      <c r="DZ28" s="182">
        <v>74</v>
      </c>
      <c r="EA28" s="185">
        <v>317</v>
      </c>
      <c r="EB28" s="187">
        <v>317</v>
      </c>
      <c r="EC28" s="32"/>
    </row>
    <row r="29" spans="2:133" ht="21" customHeight="1" x14ac:dyDescent="0.2">
      <c r="B29" s="472" t="s">
        <v>26</v>
      </c>
      <c r="C29" s="181">
        <v>0</v>
      </c>
      <c r="D29" s="182">
        <v>0</v>
      </c>
      <c r="E29" s="182">
        <v>0</v>
      </c>
      <c r="F29" s="183">
        <v>1</v>
      </c>
      <c r="G29" s="184">
        <v>6</v>
      </c>
      <c r="H29" s="184">
        <v>35</v>
      </c>
      <c r="I29" s="184">
        <v>69</v>
      </c>
      <c r="J29" s="182">
        <v>47</v>
      </c>
      <c r="K29" s="185">
        <v>158</v>
      </c>
      <c r="L29" s="186">
        <v>158</v>
      </c>
      <c r="M29" s="181">
        <v>0</v>
      </c>
      <c r="N29" s="182">
        <v>0</v>
      </c>
      <c r="O29" s="185">
        <v>0</v>
      </c>
      <c r="P29" s="183">
        <v>1</v>
      </c>
      <c r="Q29" s="184">
        <v>6</v>
      </c>
      <c r="R29" s="184">
        <v>35</v>
      </c>
      <c r="S29" s="184">
        <v>67</v>
      </c>
      <c r="T29" s="182">
        <v>47</v>
      </c>
      <c r="U29" s="185">
        <v>156</v>
      </c>
      <c r="V29" s="187">
        <v>156</v>
      </c>
      <c r="W29" s="188">
        <v>0</v>
      </c>
      <c r="X29" s="182">
        <v>0</v>
      </c>
      <c r="Y29" s="185">
        <v>0</v>
      </c>
      <c r="Z29" s="188">
        <v>0</v>
      </c>
      <c r="AA29" s="184">
        <v>0</v>
      </c>
      <c r="AB29" s="184">
        <v>0</v>
      </c>
      <c r="AC29" s="184">
        <v>2</v>
      </c>
      <c r="AD29" s="182">
        <v>0</v>
      </c>
      <c r="AE29" s="185">
        <v>2</v>
      </c>
      <c r="AF29" s="189">
        <v>2</v>
      </c>
      <c r="AG29" s="188">
        <v>0</v>
      </c>
      <c r="AH29" s="182">
        <v>0</v>
      </c>
      <c r="AI29" s="185">
        <v>0</v>
      </c>
      <c r="AJ29" s="188">
        <v>7</v>
      </c>
      <c r="AK29" s="184">
        <v>23</v>
      </c>
      <c r="AL29" s="184">
        <v>22</v>
      </c>
      <c r="AM29" s="184">
        <v>19</v>
      </c>
      <c r="AN29" s="182">
        <v>17</v>
      </c>
      <c r="AO29" s="185">
        <v>88</v>
      </c>
      <c r="AP29" s="189">
        <v>88</v>
      </c>
      <c r="AQ29" s="188">
        <v>0</v>
      </c>
      <c r="AR29" s="182">
        <v>0</v>
      </c>
      <c r="AS29" s="185">
        <v>0</v>
      </c>
      <c r="AT29" s="183">
        <v>7</v>
      </c>
      <c r="AU29" s="184">
        <v>22</v>
      </c>
      <c r="AV29" s="184">
        <v>22</v>
      </c>
      <c r="AW29" s="184">
        <v>19</v>
      </c>
      <c r="AX29" s="182">
        <v>17</v>
      </c>
      <c r="AY29" s="185">
        <v>87</v>
      </c>
      <c r="AZ29" s="186">
        <v>87</v>
      </c>
      <c r="BA29" s="181">
        <v>0</v>
      </c>
      <c r="BB29" s="182">
        <v>0</v>
      </c>
      <c r="BC29" s="182">
        <v>0</v>
      </c>
      <c r="BD29" s="183">
        <v>0</v>
      </c>
      <c r="BE29" s="184">
        <v>1</v>
      </c>
      <c r="BF29" s="184">
        <v>0</v>
      </c>
      <c r="BG29" s="184">
        <v>0</v>
      </c>
      <c r="BH29" s="182">
        <v>0</v>
      </c>
      <c r="BI29" s="185">
        <v>1</v>
      </c>
      <c r="BJ29" s="187">
        <v>1</v>
      </c>
      <c r="BK29" s="188">
        <v>0</v>
      </c>
      <c r="BL29" s="182">
        <v>0</v>
      </c>
      <c r="BM29" s="182">
        <v>0</v>
      </c>
      <c r="BN29" s="183">
        <v>0</v>
      </c>
      <c r="BO29" s="184">
        <v>0</v>
      </c>
      <c r="BP29" s="184">
        <v>0</v>
      </c>
      <c r="BQ29" s="184">
        <v>0</v>
      </c>
      <c r="BR29" s="182">
        <v>0</v>
      </c>
      <c r="BS29" s="185">
        <v>0</v>
      </c>
      <c r="BT29" s="186">
        <v>0</v>
      </c>
      <c r="BU29" s="181">
        <v>0</v>
      </c>
      <c r="BV29" s="182">
        <v>0</v>
      </c>
      <c r="BW29" s="182">
        <v>0</v>
      </c>
      <c r="BX29" s="183">
        <v>0</v>
      </c>
      <c r="BY29" s="184">
        <v>0</v>
      </c>
      <c r="BZ29" s="184">
        <v>0</v>
      </c>
      <c r="CA29" s="184">
        <v>0</v>
      </c>
      <c r="CB29" s="182">
        <v>0</v>
      </c>
      <c r="CC29" s="185">
        <v>0</v>
      </c>
      <c r="CD29" s="187">
        <v>0</v>
      </c>
      <c r="CE29" s="188">
        <v>0</v>
      </c>
      <c r="CF29" s="182">
        <v>0</v>
      </c>
      <c r="CG29" s="182">
        <v>0</v>
      </c>
      <c r="CH29" s="183">
        <v>0</v>
      </c>
      <c r="CI29" s="184">
        <v>0</v>
      </c>
      <c r="CJ29" s="184">
        <v>0</v>
      </c>
      <c r="CK29" s="184">
        <v>0</v>
      </c>
      <c r="CL29" s="182">
        <v>0</v>
      </c>
      <c r="CM29" s="185">
        <v>0</v>
      </c>
      <c r="CN29" s="187">
        <v>0</v>
      </c>
      <c r="CO29" s="188">
        <v>0</v>
      </c>
      <c r="CP29" s="182">
        <v>0</v>
      </c>
      <c r="CQ29" s="182">
        <v>0</v>
      </c>
      <c r="CR29" s="183">
        <v>0</v>
      </c>
      <c r="CS29" s="184">
        <v>0</v>
      </c>
      <c r="CT29" s="184">
        <v>1</v>
      </c>
      <c r="CU29" s="184">
        <v>0</v>
      </c>
      <c r="CV29" s="182">
        <v>2</v>
      </c>
      <c r="CW29" s="185">
        <v>3</v>
      </c>
      <c r="CX29" s="186">
        <v>3</v>
      </c>
      <c r="CY29" s="181">
        <v>0</v>
      </c>
      <c r="CZ29" s="182">
        <v>0</v>
      </c>
      <c r="DA29" s="182">
        <v>0</v>
      </c>
      <c r="DB29" s="183">
        <v>0</v>
      </c>
      <c r="DC29" s="184">
        <v>0</v>
      </c>
      <c r="DD29" s="184">
        <v>1</v>
      </c>
      <c r="DE29" s="184">
        <v>0</v>
      </c>
      <c r="DF29" s="182">
        <v>2</v>
      </c>
      <c r="DG29" s="185">
        <v>3</v>
      </c>
      <c r="DH29" s="187">
        <v>3</v>
      </c>
      <c r="DI29" s="188">
        <v>0</v>
      </c>
      <c r="DJ29" s="182">
        <v>0</v>
      </c>
      <c r="DK29" s="182">
        <v>0</v>
      </c>
      <c r="DL29" s="183">
        <v>0</v>
      </c>
      <c r="DM29" s="184">
        <v>0</v>
      </c>
      <c r="DN29" s="184">
        <v>0</v>
      </c>
      <c r="DO29" s="184">
        <v>0</v>
      </c>
      <c r="DP29" s="182">
        <v>0</v>
      </c>
      <c r="DQ29" s="185">
        <v>0</v>
      </c>
      <c r="DR29" s="187">
        <v>0</v>
      </c>
      <c r="DS29" s="188">
        <v>0</v>
      </c>
      <c r="DT29" s="182">
        <v>0</v>
      </c>
      <c r="DU29" s="182">
        <v>0</v>
      </c>
      <c r="DV29" s="183">
        <v>8</v>
      </c>
      <c r="DW29" s="184">
        <v>29</v>
      </c>
      <c r="DX29" s="184">
        <v>58</v>
      </c>
      <c r="DY29" s="184">
        <v>87</v>
      </c>
      <c r="DZ29" s="182">
        <v>66</v>
      </c>
      <c r="EA29" s="185">
        <v>248</v>
      </c>
      <c r="EB29" s="187">
        <v>248</v>
      </c>
      <c r="EC29" s="32"/>
    </row>
    <row r="30" spans="2:133" ht="21" customHeight="1" x14ac:dyDescent="0.2">
      <c r="B30" s="472" t="s">
        <v>27</v>
      </c>
      <c r="C30" s="181">
        <v>0</v>
      </c>
      <c r="D30" s="182">
        <v>0</v>
      </c>
      <c r="E30" s="182">
        <v>0</v>
      </c>
      <c r="F30" s="183">
        <v>3</v>
      </c>
      <c r="G30" s="184">
        <v>2</v>
      </c>
      <c r="H30" s="184">
        <v>33</v>
      </c>
      <c r="I30" s="184">
        <v>62</v>
      </c>
      <c r="J30" s="182">
        <v>39</v>
      </c>
      <c r="K30" s="185">
        <v>139</v>
      </c>
      <c r="L30" s="186">
        <v>139</v>
      </c>
      <c r="M30" s="181">
        <v>0</v>
      </c>
      <c r="N30" s="182">
        <v>0</v>
      </c>
      <c r="O30" s="185">
        <v>0</v>
      </c>
      <c r="P30" s="183">
        <v>3</v>
      </c>
      <c r="Q30" s="184">
        <v>2</v>
      </c>
      <c r="R30" s="184">
        <v>32</v>
      </c>
      <c r="S30" s="184">
        <v>62</v>
      </c>
      <c r="T30" s="182">
        <v>39</v>
      </c>
      <c r="U30" s="185">
        <v>138</v>
      </c>
      <c r="V30" s="187">
        <v>138</v>
      </c>
      <c r="W30" s="188">
        <v>0</v>
      </c>
      <c r="X30" s="182">
        <v>0</v>
      </c>
      <c r="Y30" s="185">
        <v>0</v>
      </c>
      <c r="Z30" s="188">
        <v>0</v>
      </c>
      <c r="AA30" s="184">
        <v>0</v>
      </c>
      <c r="AB30" s="184">
        <v>1</v>
      </c>
      <c r="AC30" s="184">
        <v>0</v>
      </c>
      <c r="AD30" s="182">
        <v>0</v>
      </c>
      <c r="AE30" s="185">
        <v>1</v>
      </c>
      <c r="AF30" s="189">
        <v>1</v>
      </c>
      <c r="AG30" s="188">
        <v>0</v>
      </c>
      <c r="AH30" s="182">
        <v>0</v>
      </c>
      <c r="AI30" s="185">
        <v>0</v>
      </c>
      <c r="AJ30" s="188">
        <v>9</v>
      </c>
      <c r="AK30" s="184">
        <v>16</v>
      </c>
      <c r="AL30" s="184">
        <v>21</v>
      </c>
      <c r="AM30" s="184">
        <v>18</v>
      </c>
      <c r="AN30" s="182">
        <v>14</v>
      </c>
      <c r="AO30" s="185">
        <v>78</v>
      </c>
      <c r="AP30" s="189">
        <v>78</v>
      </c>
      <c r="AQ30" s="188">
        <v>0</v>
      </c>
      <c r="AR30" s="182">
        <v>0</v>
      </c>
      <c r="AS30" s="185">
        <v>0</v>
      </c>
      <c r="AT30" s="183">
        <v>9</v>
      </c>
      <c r="AU30" s="184">
        <v>14</v>
      </c>
      <c r="AV30" s="184">
        <v>20</v>
      </c>
      <c r="AW30" s="184">
        <v>16</v>
      </c>
      <c r="AX30" s="182">
        <v>14</v>
      </c>
      <c r="AY30" s="185">
        <v>73</v>
      </c>
      <c r="AZ30" s="186">
        <v>73</v>
      </c>
      <c r="BA30" s="181">
        <v>0</v>
      </c>
      <c r="BB30" s="182">
        <v>0</v>
      </c>
      <c r="BC30" s="182">
        <v>0</v>
      </c>
      <c r="BD30" s="183">
        <v>0</v>
      </c>
      <c r="BE30" s="184">
        <v>2</v>
      </c>
      <c r="BF30" s="184">
        <v>1</v>
      </c>
      <c r="BG30" s="184">
        <v>2</v>
      </c>
      <c r="BH30" s="182">
        <v>0</v>
      </c>
      <c r="BI30" s="185">
        <v>5</v>
      </c>
      <c r="BJ30" s="187">
        <v>5</v>
      </c>
      <c r="BK30" s="188">
        <v>0</v>
      </c>
      <c r="BL30" s="182">
        <v>0</v>
      </c>
      <c r="BM30" s="182">
        <v>0</v>
      </c>
      <c r="BN30" s="183">
        <v>0</v>
      </c>
      <c r="BO30" s="184">
        <v>0</v>
      </c>
      <c r="BP30" s="184">
        <v>0</v>
      </c>
      <c r="BQ30" s="184">
        <v>0</v>
      </c>
      <c r="BR30" s="182">
        <v>0</v>
      </c>
      <c r="BS30" s="185">
        <v>0</v>
      </c>
      <c r="BT30" s="186">
        <v>0</v>
      </c>
      <c r="BU30" s="181">
        <v>0</v>
      </c>
      <c r="BV30" s="182">
        <v>0</v>
      </c>
      <c r="BW30" s="182">
        <v>0</v>
      </c>
      <c r="BX30" s="183">
        <v>0</v>
      </c>
      <c r="BY30" s="184">
        <v>0</v>
      </c>
      <c r="BZ30" s="184">
        <v>0</v>
      </c>
      <c r="CA30" s="184">
        <v>0</v>
      </c>
      <c r="CB30" s="182">
        <v>0</v>
      </c>
      <c r="CC30" s="185">
        <v>0</v>
      </c>
      <c r="CD30" s="187">
        <v>0</v>
      </c>
      <c r="CE30" s="188">
        <v>0</v>
      </c>
      <c r="CF30" s="182">
        <v>0</v>
      </c>
      <c r="CG30" s="182">
        <v>0</v>
      </c>
      <c r="CH30" s="183">
        <v>0</v>
      </c>
      <c r="CI30" s="184">
        <v>0</v>
      </c>
      <c r="CJ30" s="184">
        <v>0</v>
      </c>
      <c r="CK30" s="184">
        <v>0</v>
      </c>
      <c r="CL30" s="182">
        <v>0</v>
      </c>
      <c r="CM30" s="185">
        <v>0</v>
      </c>
      <c r="CN30" s="187">
        <v>0</v>
      </c>
      <c r="CO30" s="188">
        <v>0</v>
      </c>
      <c r="CP30" s="182">
        <v>0</v>
      </c>
      <c r="CQ30" s="182">
        <v>0</v>
      </c>
      <c r="CR30" s="183">
        <v>0</v>
      </c>
      <c r="CS30" s="184">
        <v>0</v>
      </c>
      <c r="CT30" s="184">
        <v>0</v>
      </c>
      <c r="CU30" s="184">
        <v>3</v>
      </c>
      <c r="CV30" s="182">
        <v>2</v>
      </c>
      <c r="CW30" s="185">
        <v>5</v>
      </c>
      <c r="CX30" s="186">
        <v>5</v>
      </c>
      <c r="CY30" s="181">
        <v>0</v>
      </c>
      <c r="CZ30" s="182">
        <v>0</v>
      </c>
      <c r="DA30" s="182">
        <v>0</v>
      </c>
      <c r="DB30" s="183">
        <v>0</v>
      </c>
      <c r="DC30" s="184">
        <v>0</v>
      </c>
      <c r="DD30" s="184">
        <v>0</v>
      </c>
      <c r="DE30" s="184">
        <v>2</v>
      </c>
      <c r="DF30" s="182">
        <v>1</v>
      </c>
      <c r="DG30" s="185">
        <v>3</v>
      </c>
      <c r="DH30" s="187">
        <v>3</v>
      </c>
      <c r="DI30" s="188">
        <v>0</v>
      </c>
      <c r="DJ30" s="182">
        <v>0</v>
      </c>
      <c r="DK30" s="182">
        <v>0</v>
      </c>
      <c r="DL30" s="183">
        <v>0</v>
      </c>
      <c r="DM30" s="184">
        <v>0</v>
      </c>
      <c r="DN30" s="184">
        <v>0</v>
      </c>
      <c r="DO30" s="184">
        <v>1</v>
      </c>
      <c r="DP30" s="182">
        <v>1</v>
      </c>
      <c r="DQ30" s="185">
        <v>2</v>
      </c>
      <c r="DR30" s="187">
        <v>2</v>
      </c>
      <c r="DS30" s="188">
        <v>0</v>
      </c>
      <c r="DT30" s="182">
        <v>0</v>
      </c>
      <c r="DU30" s="182">
        <v>0</v>
      </c>
      <c r="DV30" s="183">
        <v>12</v>
      </c>
      <c r="DW30" s="184">
        <v>18</v>
      </c>
      <c r="DX30" s="184">
        <v>54</v>
      </c>
      <c r="DY30" s="184">
        <v>83</v>
      </c>
      <c r="DZ30" s="182">
        <v>55</v>
      </c>
      <c r="EA30" s="185">
        <v>222</v>
      </c>
      <c r="EB30" s="187">
        <v>222</v>
      </c>
      <c r="EC30" s="32"/>
    </row>
    <row r="31" spans="2:133" ht="21" customHeight="1" x14ac:dyDescent="0.2">
      <c r="B31" s="472" t="s">
        <v>28</v>
      </c>
      <c r="C31" s="181">
        <v>0</v>
      </c>
      <c r="D31" s="182">
        <v>0</v>
      </c>
      <c r="E31" s="182">
        <v>0</v>
      </c>
      <c r="F31" s="183">
        <v>0</v>
      </c>
      <c r="G31" s="184">
        <v>2</v>
      </c>
      <c r="H31" s="184">
        <v>13</v>
      </c>
      <c r="I31" s="184">
        <v>15</v>
      </c>
      <c r="J31" s="182">
        <v>18</v>
      </c>
      <c r="K31" s="185">
        <v>48</v>
      </c>
      <c r="L31" s="186">
        <v>48</v>
      </c>
      <c r="M31" s="181">
        <v>0</v>
      </c>
      <c r="N31" s="182">
        <v>0</v>
      </c>
      <c r="O31" s="185">
        <v>0</v>
      </c>
      <c r="P31" s="183">
        <v>0</v>
      </c>
      <c r="Q31" s="184">
        <v>2</v>
      </c>
      <c r="R31" s="184">
        <v>13</v>
      </c>
      <c r="S31" s="184">
        <v>15</v>
      </c>
      <c r="T31" s="182">
        <v>17</v>
      </c>
      <c r="U31" s="185">
        <v>47</v>
      </c>
      <c r="V31" s="187">
        <v>47</v>
      </c>
      <c r="W31" s="188">
        <v>0</v>
      </c>
      <c r="X31" s="182">
        <v>0</v>
      </c>
      <c r="Y31" s="185">
        <v>0</v>
      </c>
      <c r="Z31" s="188">
        <v>0</v>
      </c>
      <c r="AA31" s="184">
        <v>0</v>
      </c>
      <c r="AB31" s="184">
        <v>0</v>
      </c>
      <c r="AC31" s="184">
        <v>0</v>
      </c>
      <c r="AD31" s="182">
        <v>1</v>
      </c>
      <c r="AE31" s="185">
        <v>1</v>
      </c>
      <c r="AF31" s="189">
        <v>1</v>
      </c>
      <c r="AG31" s="188">
        <v>0</v>
      </c>
      <c r="AH31" s="182">
        <v>0</v>
      </c>
      <c r="AI31" s="185">
        <v>0</v>
      </c>
      <c r="AJ31" s="188">
        <v>4</v>
      </c>
      <c r="AK31" s="184">
        <v>9</v>
      </c>
      <c r="AL31" s="184">
        <v>10</v>
      </c>
      <c r="AM31" s="184">
        <v>6</v>
      </c>
      <c r="AN31" s="182">
        <v>3</v>
      </c>
      <c r="AO31" s="185">
        <v>32</v>
      </c>
      <c r="AP31" s="189">
        <v>32</v>
      </c>
      <c r="AQ31" s="188">
        <v>0</v>
      </c>
      <c r="AR31" s="182">
        <v>0</v>
      </c>
      <c r="AS31" s="185">
        <v>0</v>
      </c>
      <c r="AT31" s="183">
        <v>4</v>
      </c>
      <c r="AU31" s="184">
        <v>9</v>
      </c>
      <c r="AV31" s="184">
        <v>10</v>
      </c>
      <c r="AW31" s="184">
        <v>6</v>
      </c>
      <c r="AX31" s="182">
        <v>3</v>
      </c>
      <c r="AY31" s="185">
        <v>32</v>
      </c>
      <c r="AZ31" s="186">
        <v>32</v>
      </c>
      <c r="BA31" s="181">
        <v>0</v>
      </c>
      <c r="BB31" s="182">
        <v>0</v>
      </c>
      <c r="BC31" s="182">
        <v>0</v>
      </c>
      <c r="BD31" s="183">
        <v>0</v>
      </c>
      <c r="BE31" s="184">
        <v>0</v>
      </c>
      <c r="BF31" s="184">
        <v>0</v>
      </c>
      <c r="BG31" s="184">
        <v>0</v>
      </c>
      <c r="BH31" s="182">
        <v>0</v>
      </c>
      <c r="BI31" s="185">
        <v>0</v>
      </c>
      <c r="BJ31" s="187">
        <v>0</v>
      </c>
      <c r="BK31" s="188">
        <v>0</v>
      </c>
      <c r="BL31" s="182">
        <v>0</v>
      </c>
      <c r="BM31" s="182">
        <v>0</v>
      </c>
      <c r="BN31" s="183">
        <v>0</v>
      </c>
      <c r="BO31" s="184">
        <v>0</v>
      </c>
      <c r="BP31" s="184">
        <v>0</v>
      </c>
      <c r="BQ31" s="184">
        <v>0</v>
      </c>
      <c r="BR31" s="182">
        <v>0</v>
      </c>
      <c r="BS31" s="185">
        <v>0</v>
      </c>
      <c r="BT31" s="186">
        <v>0</v>
      </c>
      <c r="BU31" s="181">
        <v>0</v>
      </c>
      <c r="BV31" s="182">
        <v>0</v>
      </c>
      <c r="BW31" s="182">
        <v>0</v>
      </c>
      <c r="BX31" s="183">
        <v>0</v>
      </c>
      <c r="BY31" s="184">
        <v>0</v>
      </c>
      <c r="BZ31" s="184">
        <v>0</v>
      </c>
      <c r="CA31" s="184">
        <v>0</v>
      </c>
      <c r="CB31" s="182">
        <v>0</v>
      </c>
      <c r="CC31" s="185">
        <v>0</v>
      </c>
      <c r="CD31" s="187">
        <v>0</v>
      </c>
      <c r="CE31" s="188">
        <v>0</v>
      </c>
      <c r="CF31" s="182">
        <v>0</v>
      </c>
      <c r="CG31" s="182">
        <v>0</v>
      </c>
      <c r="CH31" s="183">
        <v>0</v>
      </c>
      <c r="CI31" s="184">
        <v>0</v>
      </c>
      <c r="CJ31" s="184">
        <v>0</v>
      </c>
      <c r="CK31" s="184">
        <v>0</v>
      </c>
      <c r="CL31" s="182">
        <v>0</v>
      </c>
      <c r="CM31" s="185">
        <v>0</v>
      </c>
      <c r="CN31" s="187">
        <v>0</v>
      </c>
      <c r="CO31" s="188">
        <v>0</v>
      </c>
      <c r="CP31" s="182">
        <v>0</v>
      </c>
      <c r="CQ31" s="182">
        <v>0</v>
      </c>
      <c r="CR31" s="183">
        <v>0</v>
      </c>
      <c r="CS31" s="184">
        <v>0</v>
      </c>
      <c r="CT31" s="184">
        <v>0</v>
      </c>
      <c r="CU31" s="184">
        <v>0</v>
      </c>
      <c r="CV31" s="182">
        <v>0</v>
      </c>
      <c r="CW31" s="185">
        <v>0</v>
      </c>
      <c r="CX31" s="186">
        <v>0</v>
      </c>
      <c r="CY31" s="181">
        <v>0</v>
      </c>
      <c r="CZ31" s="182">
        <v>0</v>
      </c>
      <c r="DA31" s="182">
        <v>0</v>
      </c>
      <c r="DB31" s="183">
        <v>0</v>
      </c>
      <c r="DC31" s="184">
        <v>0</v>
      </c>
      <c r="DD31" s="184">
        <v>0</v>
      </c>
      <c r="DE31" s="184">
        <v>0</v>
      </c>
      <c r="DF31" s="182">
        <v>0</v>
      </c>
      <c r="DG31" s="185">
        <v>0</v>
      </c>
      <c r="DH31" s="187">
        <v>0</v>
      </c>
      <c r="DI31" s="188">
        <v>0</v>
      </c>
      <c r="DJ31" s="182">
        <v>0</v>
      </c>
      <c r="DK31" s="182">
        <v>0</v>
      </c>
      <c r="DL31" s="183">
        <v>0</v>
      </c>
      <c r="DM31" s="184">
        <v>0</v>
      </c>
      <c r="DN31" s="184">
        <v>0</v>
      </c>
      <c r="DO31" s="184">
        <v>0</v>
      </c>
      <c r="DP31" s="182">
        <v>0</v>
      </c>
      <c r="DQ31" s="185">
        <v>0</v>
      </c>
      <c r="DR31" s="187">
        <v>0</v>
      </c>
      <c r="DS31" s="188">
        <v>0</v>
      </c>
      <c r="DT31" s="182">
        <v>0</v>
      </c>
      <c r="DU31" s="182">
        <v>0</v>
      </c>
      <c r="DV31" s="183">
        <v>4</v>
      </c>
      <c r="DW31" s="184">
        <v>11</v>
      </c>
      <c r="DX31" s="184">
        <v>23</v>
      </c>
      <c r="DY31" s="184">
        <v>21</v>
      </c>
      <c r="DZ31" s="182">
        <v>21</v>
      </c>
      <c r="EA31" s="185">
        <v>80</v>
      </c>
      <c r="EB31" s="187">
        <v>80</v>
      </c>
      <c r="EC31" s="32"/>
    </row>
    <row r="32" spans="2:133" ht="21" customHeight="1" x14ac:dyDescent="0.2">
      <c r="B32" s="472" t="s">
        <v>29</v>
      </c>
      <c r="C32" s="181">
        <v>0</v>
      </c>
      <c r="D32" s="182">
        <v>0</v>
      </c>
      <c r="E32" s="182">
        <v>0</v>
      </c>
      <c r="F32" s="183">
        <v>0</v>
      </c>
      <c r="G32" s="184">
        <v>2</v>
      </c>
      <c r="H32" s="184">
        <v>11</v>
      </c>
      <c r="I32" s="184">
        <v>28</v>
      </c>
      <c r="J32" s="182">
        <v>21</v>
      </c>
      <c r="K32" s="185">
        <v>62</v>
      </c>
      <c r="L32" s="186">
        <v>62</v>
      </c>
      <c r="M32" s="181">
        <v>0</v>
      </c>
      <c r="N32" s="182">
        <v>0</v>
      </c>
      <c r="O32" s="185">
        <v>0</v>
      </c>
      <c r="P32" s="183">
        <v>0</v>
      </c>
      <c r="Q32" s="184">
        <v>2</v>
      </c>
      <c r="R32" s="184">
        <v>11</v>
      </c>
      <c r="S32" s="184">
        <v>28</v>
      </c>
      <c r="T32" s="182">
        <v>21</v>
      </c>
      <c r="U32" s="185">
        <v>62</v>
      </c>
      <c r="V32" s="187">
        <v>62</v>
      </c>
      <c r="W32" s="188">
        <v>0</v>
      </c>
      <c r="X32" s="182">
        <v>0</v>
      </c>
      <c r="Y32" s="185">
        <v>0</v>
      </c>
      <c r="Z32" s="188">
        <v>0</v>
      </c>
      <c r="AA32" s="184">
        <v>0</v>
      </c>
      <c r="AB32" s="184">
        <v>0</v>
      </c>
      <c r="AC32" s="184">
        <v>0</v>
      </c>
      <c r="AD32" s="182">
        <v>0</v>
      </c>
      <c r="AE32" s="185">
        <v>0</v>
      </c>
      <c r="AF32" s="189">
        <v>0</v>
      </c>
      <c r="AG32" s="188">
        <v>0</v>
      </c>
      <c r="AH32" s="182">
        <v>0</v>
      </c>
      <c r="AI32" s="185">
        <v>0</v>
      </c>
      <c r="AJ32" s="188">
        <v>3</v>
      </c>
      <c r="AK32" s="184">
        <v>10</v>
      </c>
      <c r="AL32" s="184">
        <v>13</v>
      </c>
      <c r="AM32" s="184">
        <v>13</v>
      </c>
      <c r="AN32" s="182">
        <v>10</v>
      </c>
      <c r="AO32" s="185">
        <v>49</v>
      </c>
      <c r="AP32" s="189">
        <v>49</v>
      </c>
      <c r="AQ32" s="188">
        <v>0</v>
      </c>
      <c r="AR32" s="182">
        <v>0</v>
      </c>
      <c r="AS32" s="185">
        <v>0</v>
      </c>
      <c r="AT32" s="183">
        <v>3</v>
      </c>
      <c r="AU32" s="184">
        <v>10</v>
      </c>
      <c r="AV32" s="184">
        <v>13</v>
      </c>
      <c r="AW32" s="184">
        <v>13</v>
      </c>
      <c r="AX32" s="182">
        <v>10</v>
      </c>
      <c r="AY32" s="185">
        <v>49</v>
      </c>
      <c r="AZ32" s="186">
        <v>49</v>
      </c>
      <c r="BA32" s="181">
        <v>0</v>
      </c>
      <c r="BB32" s="182">
        <v>0</v>
      </c>
      <c r="BC32" s="182">
        <v>0</v>
      </c>
      <c r="BD32" s="183">
        <v>0</v>
      </c>
      <c r="BE32" s="184">
        <v>0</v>
      </c>
      <c r="BF32" s="184">
        <v>0</v>
      </c>
      <c r="BG32" s="184">
        <v>0</v>
      </c>
      <c r="BH32" s="182">
        <v>0</v>
      </c>
      <c r="BI32" s="185">
        <v>0</v>
      </c>
      <c r="BJ32" s="187">
        <v>0</v>
      </c>
      <c r="BK32" s="188">
        <v>0</v>
      </c>
      <c r="BL32" s="182">
        <v>0</v>
      </c>
      <c r="BM32" s="182">
        <v>0</v>
      </c>
      <c r="BN32" s="183">
        <v>0</v>
      </c>
      <c r="BO32" s="184">
        <v>0</v>
      </c>
      <c r="BP32" s="184">
        <v>0</v>
      </c>
      <c r="BQ32" s="184">
        <v>0</v>
      </c>
      <c r="BR32" s="182">
        <v>0</v>
      </c>
      <c r="BS32" s="185">
        <v>0</v>
      </c>
      <c r="BT32" s="186">
        <v>0</v>
      </c>
      <c r="BU32" s="181">
        <v>0</v>
      </c>
      <c r="BV32" s="182">
        <v>0</v>
      </c>
      <c r="BW32" s="182">
        <v>0</v>
      </c>
      <c r="BX32" s="183">
        <v>0</v>
      </c>
      <c r="BY32" s="184">
        <v>0</v>
      </c>
      <c r="BZ32" s="184">
        <v>0</v>
      </c>
      <c r="CA32" s="184">
        <v>0</v>
      </c>
      <c r="CB32" s="182">
        <v>0</v>
      </c>
      <c r="CC32" s="185">
        <v>0</v>
      </c>
      <c r="CD32" s="187">
        <v>0</v>
      </c>
      <c r="CE32" s="188">
        <v>0</v>
      </c>
      <c r="CF32" s="182">
        <v>0</v>
      </c>
      <c r="CG32" s="182">
        <v>0</v>
      </c>
      <c r="CH32" s="183">
        <v>0</v>
      </c>
      <c r="CI32" s="184">
        <v>0</v>
      </c>
      <c r="CJ32" s="184">
        <v>0</v>
      </c>
      <c r="CK32" s="184">
        <v>0</v>
      </c>
      <c r="CL32" s="182">
        <v>0</v>
      </c>
      <c r="CM32" s="185">
        <v>0</v>
      </c>
      <c r="CN32" s="187">
        <v>0</v>
      </c>
      <c r="CO32" s="188">
        <v>0</v>
      </c>
      <c r="CP32" s="182">
        <v>0</v>
      </c>
      <c r="CQ32" s="182">
        <v>0</v>
      </c>
      <c r="CR32" s="183">
        <v>0</v>
      </c>
      <c r="CS32" s="184">
        <v>0</v>
      </c>
      <c r="CT32" s="184">
        <v>0</v>
      </c>
      <c r="CU32" s="184">
        <v>0</v>
      </c>
      <c r="CV32" s="182">
        <v>0</v>
      </c>
      <c r="CW32" s="185">
        <v>0</v>
      </c>
      <c r="CX32" s="186">
        <v>0</v>
      </c>
      <c r="CY32" s="181">
        <v>0</v>
      </c>
      <c r="CZ32" s="182">
        <v>0</v>
      </c>
      <c r="DA32" s="182">
        <v>0</v>
      </c>
      <c r="DB32" s="183">
        <v>0</v>
      </c>
      <c r="DC32" s="184">
        <v>0</v>
      </c>
      <c r="DD32" s="184">
        <v>0</v>
      </c>
      <c r="DE32" s="184">
        <v>0</v>
      </c>
      <c r="DF32" s="182">
        <v>0</v>
      </c>
      <c r="DG32" s="185">
        <v>0</v>
      </c>
      <c r="DH32" s="187">
        <v>0</v>
      </c>
      <c r="DI32" s="188">
        <v>0</v>
      </c>
      <c r="DJ32" s="182">
        <v>0</v>
      </c>
      <c r="DK32" s="182">
        <v>0</v>
      </c>
      <c r="DL32" s="183">
        <v>0</v>
      </c>
      <c r="DM32" s="184">
        <v>0</v>
      </c>
      <c r="DN32" s="184">
        <v>0</v>
      </c>
      <c r="DO32" s="184">
        <v>0</v>
      </c>
      <c r="DP32" s="182">
        <v>0</v>
      </c>
      <c r="DQ32" s="185">
        <v>0</v>
      </c>
      <c r="DR32" s="187">
        <v>0</v>
      </c>
      <c r="DS32" s="188">
        <v>0</v>
      </c>
      <c r="DT32" s="182">
        <v>0</v>
      </c>
      <c r="DU32" s="182">
        <v>0</v>
      </c>
      <c r="DV32" s="183">
        <v>3</v>
      </c>
      <c r="DW32" s="184">
        <v>12</v>
      </c>
      <c r="DX32" s="184">
        <v>24</v>
      </c>
      <c r="DY32" s="184">
        <v>41</v>
      </c>
      <c r="DZ32" s="182">
        <v>31</v>
      </c>
      <c r="EA32" s="185">
        <v>111</v>
      </c>
      <c r="EB32" s="187">
        <v>111</v>
      </c>
      <c r="EC32" s="32"/>
    </row>
    <row r="33" spans="2:133" ht="21" customHeight="1" x14ac:dyDescent="0.2">
      <c r="B33" s="472" t="s">
        <v>30</v>
      </c>
      <c r="C33" s="181">
        <v>0</v>
      </c>
      <c r="D33" s="182">
        <v>0</v>
      </c>
      <c r="E33" s="182">
        <v>0</v>
      </c>
      <c r="F33" s="183">
        <v>1</v>
      </c>
      <c r="G33" s="184">
        <v>0</v>
      </c>
      <c r="H33" s="184">
        <v>24</v>
      </c>
      <c r="I33" s="184">
        <v>34</v>
      </c>
      <c r="J33" s="182">
        <v>18</v>
      </c>
      <c r="K33" s="185">
        <v>77</v>
      </c>
      <c r="L33" s="186">
        <v>77</v>
      </c>
      <c r="M33" s="181">
        <v>0</v>
      </c>
      <c r="N33" s="182">
        <v>0</v>
      </c>
      <c r="O33" s="185">
        <v>0</v>
      </c>
      <c r="P33" s="183">
        <v>1</v>
      </c>
      <c r="Q33" s="184">
        <v>0</v>
      </c>
      <c r="R33" s="184">
        <v>24</v>
      </c>
      <c r="S33" s="184">
        <v>34</v>
      </c>
      <c r="T33" s="182">
        <v>18</v>
      </c>
      <c r="U33" s="185">
        <v>77</v>
      </c>
      <c r="V33" s="187">
        <v>77</v>
      </c>
      <c r="W33" s="188">
        <v>0</v>
      </c>
      <c r="X33" s="182">
        <v>0</v>
      </c>
      <c r="Y33" s="185">
        <v>0</v>
      </c>
      <c r="Z33" s="188">
        <v>0</v>
      </c>
      <c r="AA33" s="184">
        <v>0</v>
      </c>
      <c r="AB33" s="184">
        <v>0</v>
      </c>
      <c r="AC33" s="184">
        <v>0</v>
      </c>
      <c r="AD33" s="182">
        <v>0</v>
      </c>
      <c r="AE33" s="185">
        <v>0</v>
      </c>
      <c r="AF33" s="189">
        <v>0</v>
      </c>
      <c r="AG33" s="188">
        <v>0</v>
      </c>
      <c r="AH33" s="182">
        <v>0</v>
      </c>
      <c r="AI33" s="185">
        <v>0</v>
      </c>
      <c r="AJ33" s="188">
        <v>13</v>
      </c>
      <c r="AK33" s="184">
        <v>2</v>
      </c>
      <c r="AL33" s="184">
        <v>13</v>
      </c>
      <c r="AM33" s="184">
        <v>16</v>
      </c>
      <c r="AN33" s="182">
        <v>8</v>
      </c>
      <c r="AO33" s="185">
        <v>52</v>
      </c>
      <c r="AP33" s="189">
        <v>52</v>
      </c>
      <c r="AQ33" s="188">
        <v>0</v>
      </c>
      <c r="AR33" s="182">
        <v>0</v>
      </c>
      <c r="AS33" s="185">
        <v>0</v>
      </c>
      <c r="AT33" s="183">
        <v>13</v>
      </c>
      <c r="AU33" s="184">
        <v>2</v>
      </c>
      <c r="AV33" s="184">
        <v>12</v>
      </c>
      <c r="AW33" s="184">
        <v>16</v>
      </c>
      <c r="AX33" s="182">
        <v>8</v>
      </c>
      <c r="AY33" s="185">
        <v>51</v>
      </c>
      <c r="AZ33" s="186">
        <v>51</v>
      </c>
      <c r="BA33" s="181">
        <v>0</v>
      </c>
      <c r="BB33" s="182">
        <v>0</v>
      </c>
      <c r="BC33" s="182">
        <v>0</v>
      </c>
      <c r="BD33" s="183">
        <v>0</v>
      </c>
      <c r="BE33" s="184">
        <v>0</v>
      </c>
      <c r="BF33" s="184">
        <v>1</v>
      </c>
      <c r="BG33" s="184">
        <v>0</v>
      </c>
      <c r="BH33" s="182">
        <v>0</v>
      </c>
      <c r="BI33" s="185">
        <v>1</v>
      </c>
      <c r="BJ33" s="187">
        <v>1</v>
      </c>
      <c r="BK33" s="188">
        <v>0</v>
      </c>
      <c r="BL33" s="182">
        <v>0</v>
      </c>
      <c r="BM33" s="182">
        <v>0</v>
      </c>
      <c r="BN33" s="183">
        <v>0</v>
      </c>
      <c r="BO33" s="184">
        <v>0</v>
      </c>
      <c r="BP33" s="184">
        <v>0</v>
      </c>
      <c r="BQ33" s="184">
        <v>0</v>
      </c>
      <c r="BR33" s="182">
        <v>0</v>
      </c>
      <c r="BS33" s="185">
        <v>0</v>
      </c>
      <c r="BT33" s="186">
        <v>0</v>
      </c>
      <c r="BU33" s="181">
        <v>0</v>
      </c>
      <c r="BV33" s="182">
        <v>0</v>
      </c>
      <c r="BW33" s="182">
        <v>0</v>
      </c>
      <c r="BX33" s="183">
        <v>0</v>
      </c>
      <c r="BY33" s="184">
        <v>0</v>
      </c>
      <c r="BZ33" s="184">
        <v>0</v>
      </c>
      <c r="CA33" s="184">
        <v>0</v>
      </c>
      <c r="CB33" s="182">
        <v>0</v>
      </c>
      <c r="CC33" s="185">
        <v>0</v>
      </c>
      <c r="CD33" s="187">
        <v>0</v>
      </c>
      <c r="CE33" s="188">
        <v>0</v>
      </c>
      <c r="CF33" s="182">
        <v>0</v>
      </c>
      <c r="CG33" s="182">
        <v>0</v>
      </c>
      <c r="CH33" s="183">
        <v>0</v>
      </c>
      <c r="CI33" s="184">
        <v>0</v>
      </c>
      <c r="CJ33" s="184">
        <v>0</v>
      </c>
      <c r="CK33" s="184">
        <v>0</v>
      </c>
      <c r="CL33" s="182">
        <v>0</v>
      </c>
      <c r="CM33" s="185">
        <v>0</v>
      </c>
      <c r="CN33" s="187">
        <v>0</v>
      </c>
      <c r="CO33" s="188">
        <v>0</v>
      </c>
      <c r="CP33" s="182">
        <v>0</v>
      </c>
      <c r="CQ33" s="182">
        <v>0</v>
      </c>
      <c r="CR33" s="183">
        <v>0</v>
      </c>
      <c r="CS33" s="184">
        <v>0</v>
      </c>
      <c r="CT33" s="184">
        <v>0</v>
      </c>
      <c r="CU33" s="184">
        <v>2</v>
      </c>
      <c r="CV33" s="182">
        <v>2</v>
      </c>
      <c r="CW33" s="185">
        <v>4</v>
      </c>
      <c r="CX33" s="186">
        <v>4</v>
      </c>
      <c r="CY33" s="181">
        <v>0</v>
      </c>
      <c r="CZ33" s="182">
        <v>0</v>
      </c>
      <c r="DA33" s="182">
        <v>0</v>
      </c>
      <c r="DB33" s="183">
        <v>0</v>
      </c>
      <c r="DC33" s="184">
        <v>0</v>
      </c>
      <c r="DD33" s="184">
        <v>0</v>
      </c>
      <c r="DE33" s="184">
        <v>2</v>
      </c>
      <c r="DF33" s="182">
        <v>1</v>
      </c>
      <c r="DG33" s="185">
        <v>3</v>
      </c>
      <c r="DH33" s="187">
        <v>3</v>
      </c>
      <c r="DI33" s="188">
        <v>0</v>
      </c>
      <c r="DJ33" s="182">
        <v>0</v>
      </c>
      <c r="DK33" s="182">
        <v>0</v>
      </c>
      <c r="DL33" s="183">
        <v>0</v>
      </c>
      <c r="DM33" s="184">
        <v>0</v>
      </c>
      <c r="DN33" s="184">
        <v>0</v>
      </c>
      <c r="DO33" s="184">
        <v>0</v>
      </c>
      <c r="DP33" s="182">
        <v>1</v>
      </c>
      <c r="DQ33" s="185">
        <v>1</v>
      </c>
      <c r="DR33" s="187">
        <v>1</v>
      </c>
      <c r="DS33" s="188">
        <v>0</v>
      </c>
      <c r="DT33" s="182">
        <v>0</v>
      </c>
      <c r="DU33" s="182">
        <v>0</v>
      </c>
      <c r="DV33" s="183">
        <v>14</v>
      </c>
      <c r="DW33" s="184">
        <v>2</v>
      </c>
      <c r="DX33" s="184">
        <v>37</v>
      </c>
      <c r="DY33" s="184">
        <v>52</v>
      </c>
      <c r="DZ33" s="182">
        <v>28</v>
      </c>
      <c r="EA33" s="185">
        <v>133</v>
      </c>
      <c r="EB33" s="187">
        <v>133</v>
      </c>
      <c r="EC33" s="32"/>
    </row>
    <row r="34" spans="2:133" ht="21" customHeight="1" x14ac:dyDescent="0.2">
      <c r="B34" s="472" t="s">
        <v>31</v>
      </c>
      <c r="C34" s="181">
        <v>0</v>
      </c>
      <c r="D34" s="182">
        <v>0</v>
      </c>
      <c r="E34" s="182">
        <v>0</v>
      </c>
      <c r="F34" s="183">
        <v>1</v>
      </c>
      <c r="G34" s="184">
        <v>3</v>
      </c>
      <c r="H34" s="184">
        <v>31</v>
      </c>
      <c r="I34" s="184">
        <v>31</v>
      </c>
      <c r="J34" s="182">
        <v>26</v>
      </c>
      <c r="K34" s="185">
        <v>92</v>
      </c>
      <c r="L34" s="186">
        <v>92</v>
      </c>
      <c r="M34" s="181">
        <v>0</v>
      </c>
      <c r="N34" s="182">
        <v>0</v>
      </c>
      <c r="O34" s="185">
        <v>0</v>
      </c>
      <c r="P34" s="183">
        <v>1</v>
      </c>
      <c r="Q34" s="184">
        <v>3</v>
      </c>
      <c r="R34" s="184">
        <v>31</v>
      </c>
      <c r="S34" s="184">
        <v>31</v>
      </c>
      <c r="T34" s="182">
        <v>26</v>
      </c>
      <c r="U34" s="185">
        <v>92</v>
      </c>
      <c r="V34" s="187">
        <v>92</v>
      </c>
      <c r="W34" s="188">
        <v>0</v>
      </c>
      <c r="X34" s="182">
        <v>0</v>
      </c>
      <c r="Y34" s="185">
        <v>0</v>
      </c>
      <c r="Z34" s="188">
        <v>0</v>
      </c>
      <c r="AA34" s="184">
        <v>0</v>
      </c>
      <c r="AB34" s="184">
        <v>0</v>
      </c>
      <c r="AC34" s="184">
        <v>0</v>
      </c>
      <c r="AD34" s="182">
        <v>0</v>
      </c>
      <c r="AE34" s="185">
        <v>0</v>
      </c>
      <c r="AF34" s="189">
        <v>0</v>
      </c>
      <c r="AG34" s="188">
        <v>0</v>
      </c>
      <c r="AH34" s="182">
        <v>0</v>
      </c>
      <c r="AI34" s="185">
        <v>0</v>
      </c>
      <c r="AJ34" s="188">
        <v>2</v>
      </c>
      <c r="AK34" s="184">
        <v>10</v>
      </c>
      <c r="AL34" s="184">
        <v>9</v>
      </c>
      <c r="AM34" s="184">
        <v>10</v>
      </c>
      <c r="AN34" s="182">
        <v>4</v>
      </c>
      <c r="AO34" s="185">
        <v>35</v>
      </c>
      <c r="AP34" s="189">
        <v>35</v>
      </c>
      <c r="AQ34" s="188">
        <v>0</v>
      </c>
      <c r="AR34" s="182">
        <v>0</v>
      </c>
      <c r="AS34" s="185">
        <v>0</v>
      </c>
      <c r="AT34" s="183">
        <v>2</v>
      </c>
      <c r="AU34" s="184">
        <v>10</v>
      </c>
      <c r="AV34" s="184">
        <v>9</v>
      </c>
      <c r="AW34" s="184">
        <v>10</v>
      </c>
      <c r="AX34" s="182">
        <v>4</v>
      </c>
      <c r="AY34" s="185">
        <v>35</v>
      </c>
      <c r="AZ34" s="186">
        <v>35</v>
      </c>
      <c r="BA34" s="181">
        <v>0</v>
      </c>
      <c r="BB34" s="182">
        <v>0</v>
      </c>
      <c r="BC34" s="182">
        <v>0</v>
      </c>
      <c r="BD34" s="183">
        <v>0</v>
      </c>
      <c r="BE34" s="184">
        <v>0</v>
      </c>
      <c r="BF34" s="184">
        <v>0</v>
      </c>
      <c r="BG34" s="184">
        <v>0</v>
      </c>
      <c r="BH34" s="182">
        <v>0</v>
      </c>
      <c r="BI34" s="185">
        <v>0</v>
      </c>
      <c r="BJ34" s="187">
        <v>0</v>
      </c>
      <c r="BK34" s="188">
        <v>0</v>
      </c>
      <c r="BL34" s="182">
        <v>0</v>
      </c>
      <c r="BM34" s="182">
        <v>0</v>
      </c>
      <c r="BN34" s="183">
        <v>0</v>
      </c>
      <c r="BO34" s="184">
        <v>0</v>
      </c>
      <c r="BP34" s="184">
        <v>0</v>
      </c>
      <c r="BQ34" s="184">
        <v>0</v>
      </c>
      <c r="BR34" s="182">
        <v>0</v>
      </c>
      <c r="BS34" s="185">
        <v>0</v>
      </c>
      <c r="BT34" s="186">
        <v>0</v>
      </c>
      <c r="BU34" s="181">
        <v>0</v>
      </c>
      <c r="BV34" s="182">
        <v>0</v>
      </c>
      <c r="BW34" s="182">
        <v>0</v>
      </c>
      <c r="BX34" s="183">
        <v>0</v>
      </c>
      <c r="BY34" s="184">
        <v>0</v>
      </c>
      <c r="BZ34" s="184">
        <v>0</v>
      </c>
      <c r="CA34" s="184">
        <v>0</v>
      </c>
      <c r="CB34" s="182">
        <v>0</v>
      </c>
      <c r="CC34" s="185">
        <v>0</v>
      </c>
      <c r="CD34" s="187">
        <v>0</v>
      </c>
      <c r="CE34" s="188">
        <v>0</v>
      </c>
      <c r="CF34" s="182">
        <v>0</v>
      </c>
      <c r="CG34" s="182">
        <v>0</v>
      </c>
      <c r="CH34" s="183">
        <v>0</v>
      </c>
      <c r="CI34" s="184">
        <v>0</v>
      </c>
      <c r="CJ34" s="184">
        <v>0</v>
      </c>
      <c r="CK34" s="184">
        <v>0</v>
      </c>
      <c r="CL34" s="182">
        <v>0</v>
      </c>
      <c r="CM34" s="185">
        <v>0</v>
      </c>
      <c r="CN34" s="187">
        <v>0</v>
      </c>
      <c r="CO34" s="188">
        <v>0</v>
      </c>
      <c r="CP34" s="182">
        <v>0</v>
      </c>
      <c r="CQ34" s="182">
        <v>0</v>
      </c>
      <c r="CR34" s="183">
        <v>1</v>
      </c>
      <c r="CS34" s="184">
        <v>1</v>
      </c>
      <c r="CT34" s="184">
        <v>0</v>
      </c>
      <c r="CU34" s="184">
        <v>2</v>
      </c>
      <c r="CV34" s="182">
        <v>1</v>
      </c>
      <c r="CW34" s="185">
        <v>5</v>
      </c>
      <c r="CX34" s="186">
        <v>5</v>
      </c>
      <c r="CY34" s="181">
        <v>0</v>
      </c>
      <c r="CZ34" s="182">
        <v>0</v>
      </c>
      <c r="DA34" s="182">
        <v>0</v>
      </c>
      <c r="DB34" s="183">
        <v>1</v>
      </c>
      <c r="DC34" s="184">
        <v>1</v>
      </c>
      <c r="DD34" s="184">
        <v>0</v>
      </c>
      <c r="DE34" s="184">
        <v>2</v>
      </c>
      <c r="DF34" s="182">
        <v>1</v>
      </c>
      <c r="DG34" s="185">
        <v>5</v>
      </c>
      <c r="DH34" s="187">
        <v>5</v>
      </c>
      <c r="DI34" s="188">
        <v>0</v>
      </c>
      <c r="DJ34" s="182">
        <v>0</v>
      </c>
      <c r="DK34" s="182">
        <v>0</v>
      </c>
      <c r="DL34" s="183">
        <v>0</v>
      </c>
      <c r="DM34" s="184">
        <v>0</v>
      </c>
      <c r="DN34" s="184">
        <v>0</v>
      </c>
      <c r="DO34" s="184">
        <v>0</v>
      </c>
      <c r="DP34" s="182">
        <v>0</v>
      </c>
      <c r="DQ34" s="185">
        <v>0</v>
      </c>
      <c r="DR34" s="187">
        <v>0</v>
      </c>
      <c r="DS34" s="188">
        <v>0</v>
      </c>
      <c r="DT34" s="182">
        <v>0</v>
      </c>
      <c r="DU34" s="182">
        <v>0</v>
      </c>
      <c r="DV34" s="183">
        <v>4</v>
      </c>
      <c r="DW34" s="184">
        <v>14</v>
      </c>
      <c r="DX34" s="184">
        <v>40</v>
      </c>
      <c r="DY34" s="184">
        <v>43</v>
      </c>
      <c r="DZ34" s="182">
        <v>31</v>
      </c>
      <c r="EA34" s="185">
        <v>132</v>
      </c>
      <c r="EB34" s="187">
        <v>132</v>
      </c>
      <c r="EC34" s="32"/>
    </row>
    <row r="35" spans="2:133" ht="21" customHeight="1" x14ac:dyDescent="0.2">
      <c r="B35" s="472" t="s">
        <v>32</v>
      </c>
      <c r="C35" s="181">
        <v>0</v>
      </c>
      <c r="D35" s="182">
        <v>0</v>
      </c>
      <c r="E35" s="182">
        <v>0</v>
      </c>
      <c r="F35" s="183">
        <v>2</v>
      </c>
      <c r="G35" s="184">
        <v>0</v>
      </c>
      <c r="H35" s="184">
        <v>13</v>
      </c>
      <c r="I35" s="184">
        <v>25</v>
      </c>
      <c r="J35" s="182">
        <v>17</v>
      </c>
      <c r="K35" s="185">
        <v>57</v>
      </c>
      <c r="L35" s="186">
        <v>57</v>
      </c>
      <c r="M35" s="181">
        <v>0</v>
      </c>
      <c r="N35" s="182">
        <v>0</v>
      </c>
      <c r="O35" s="185">
        <v>0</v>
      </c>
      <c r="P35" s="183">
        <v>2</v>
      </c>
      <c r="Q35" s="184">
        <v>0</v>
      </c>
      <c r="R35" s="184">
        <v>13</v>
      </c>
      <c r="S35" s="184">
        <v>24</v>
      </c>
      <c r="T35" s="182">
        <v>16</v>
      </c>
      <c r="U35" s="185">
        <v>55</v>
      </c>
      <c r="V35" s="187">
        <v>55</v>
      </c>
      <c r="W35" s="188">
        <v>0</v>
      </c>
      <c r="X35" s="182">
        <v>0</v>
      </c>
      <c r="Y35" s="185">
        <v>0</v>
      </c>
      <c r="Z35" s="188">
        <v>0</v>
      </c>
      <c r="AA35" s="184">
        <v>0</v>
      </c>
      <c r="AB35" s="184">
        <v>0</v>
      </c>
      <c r="AC35" s="184">
        <v>1</v>
      </c>
      <c r="AD35" s="182">
        <v>1</v>
      </c>
      <c r="AE35" s="185">
        <v>2</v>
      </c>
      <c r="AF35" s="189">
        <v>2</v>
      </c>
      <c r="AG35" s="188">
        <v>0</v>
      </c>
      <c r="AH35" s="182">
        <v>0</v>
      </c>
      <c r="AI35" s="185">
        <v>0</v>
      </c>
      <c r="AJ35" s="188">
        <v>5</v>
      </c>
      <c r="AK35" s="184">
        <v>4</v>
      </c>
      <c r="AL35" s="184">
        <v>12</v>
      </c>
      <c r="AM35" s="184">
        <v>22</v>
      </c>
      <c r="AN35" s="182">
        <v>6</v>
      </c>
      <c r="AO35" s="185">
        <v>49</v>
      </c>
      <c r="AP35" s="189">
        <v>49</v>
      </c>
      <c r="AQ35" s="188">
        <v>0</v>
      </c>
      <c r="AR35" s="182">
        <v>0</v>
      </c>
      <c r="AS35" s="185">
        <v>0</v>
      </c>
      <c r="AT35" s="183">
        <v>5</v>
      </c>
      <c r="AU35" s="184">
        <v>4</v>
      </c>
      <c r="AV35" s="184">
        <v>12</v>
      </c>
      <c r="AW35" s="184">
        <v>22</v>
      </c>
      <c r="AX35" s="182">
        <v>6</v>
      </c>
      <c r="AY35" s="185">
        <v>49</v>
      </c>
      <c r="AZ35" s="186">
        <v>49</v>
      </c>
      <c r="BA35" s="181">
        <v>0</v>
      </c>
      <c r="BB35" s="182">
        <v>0</v>
      </c>
      <c r="BC35" s="182">
        <v>0</v>
      </c>
      <c r="BD35" s="183">
        <v>0</v>
      </c>
      <c r="BE35" s="184">
        <v>0</v>
      </c>
      <c r="BF35" s="184">
        <v>0</v>
      </c>
      <c r="BG35" s="184">
        <v>0</v>
      </c>
      <c r="BH35" s="182">
        <v>0</v>
      </c>
      <c r="BI35" s="185">
        <v>0</v>
      </c>
      <c r="BJ35" s="187">
        <v>0</v>
      </c>
      <c r="BK35" s="188">
        <v>0</v>
      </c>
      <c r="BL35" s="182">
        <v>0</v>
      </c>
      <c r="BM35" s="182">
        <v>0</v>
      </c>
      <c r="BN35" s="183">
        <v>0</v>
      </c>
      <c r="BO35" s="184">
        <v>0</v>
      </c>
      <c r="BP35" s="184">
        <v>0</v>
      </c>
      <c r="BQ35" s="184">
        <v>0</v>
      </c>
      <c r="BR35" s="182">
        <v>0</v>
      </c>
      <c r="BS35" s="185">
        <v>0</v>
      </c>
      <c r="BT35" s="186">
        <v>0</v>
      </c>
      <c r="BU35" s="181">
        <v>0</v>
      </c>
      <c r="BV35" s="182">
        <v>0</v>
      </c>
      <c r="BW35" s="182">
        <v>0</v>
      </c>
      <c r="BX35" s="183">
        <v>0</v>
      </c>
      <c r="BY35" s="184">
        <v>0</v>
      </c>
      <c r="BZ35" s="184">
        <v>0</v>
      </c>
      <c r="CA35" s="184">
        <v>0</v>
      </c>
      <c r="CB35" s="182">
        <v>0</v>
      </c>
      <c r="CC35" s="185">
        <v>0</v>
      </c>
      <c r="CD35" s="187">
        <v>0</v>
      </c>
      <c r="CE35" s="188">
        <v>0</v>
      </c>
      <c r="CF35" s="182">
        <v>0</v>
      </c>
      <c r="CG35" s="182">
        <v>0</v>
      </c>
      <c r="CH35" s="183">
        <v>0</v>
      </c>
      <c r="CI35" s="184">
        <v>0</v>
      </c>
      <c r="CJ35" s="184">
        <v>0</v>
      </c>
      <c r="CK35" s="184">
        <v>0</v>
      </c>
      <c r="CL35" s="182">
        <v>0</v>
      </c>
      <c r="CM35" s="185">
        <v>0</v>
      </c>
      <c r="CN35" s="187">
        <v>0</v>
      </c>
      <c r="CO35" s="188">
        <v>0</v>
      </c>
      <c r="CP35" s="182">
        <v>0</v>
      </c>
      <c r="CQ35" s="182">
        <v>0</v>
      </c>
      <c r="CR35" s="183">
        <v>0</v>
      </c>
      <c r="CS35" s="184">
        <v>1</v>
      </c>
      <c r="CT35" s="184">
        <v>2</v>
      </c>
      <c r="CU35" s="184">
        <v>0</v>
      </c>
      <c r="CV35" s="182">
        <v>1</v>
      </c>
      <c r="CW35" s="185">
        <v>4</v>
      </c>
      <c r="CX35" s="186">
        <v>4</v>
      </c>
      <c r="CY35" s="181">
        <v>0</v>
      </c>
      <c r="CZ35" s="182">
        <v>0</v>
      </c>
      <c r="DA35" s="182">
        <v>0</v>
      </c>
      <c r="DB35" s="183">
        <v>0</v>
      </c>
      <c r="DC35" s="184">
        <v>1</v>
      </c>
      <c r="DD35" s="184">
        <v>2</v>
      </c>
      <c r="DE35" s="184">
        <v>0</v>
      </c>
      <c r="DF35" s="182">
        <v>1</v>
      </c>
      <c r="DG35" s="185">
        <v>4</v>
      </c>
      <c r="DH35" s="187">
        <v>4</v>
      </c>
      <c r="DI35" s="188">
        <v>0</v>
      </c>
      <c r="DJ35" s="182">
        <v>0</v>
      </c>
      <c r="DK35" s="182">
        <v>0</v>
      </c>
      <c r="DL35" s="183">
        <v>0</v>
      </c>
      <c r="DM35" s="184">
        <v>0</v>
      </c>
      <c r="DN35" s="184">
        <v>0</v>
      </c>
      <c r="DO35" s="184">
        <v>0</v>
      </c>
      <c r="DP35" s="182">
        <v>0</v>
      </c>
      <c r="DQ35" s="185">
        <v>0</v>
      </c>
      <c r="DR35" s="187">
        <v>0</v>
      </c>
      <c r="DS35" s="188">
        <v>0</v>
      </c>
      <c r="DT35" s="182">
        <v>0</v>
      </c>
      <c r="DU35" s="182">
        <v>0</v>
      </c>
      <c r="DV35" s="183">
        <v>7</v>
      </c>
      <c r="DW35" s="184">
        <v>5</v>
      </c>
      <c r="DX35" s="184">
        <v>27</v>
      </c>
      <c r="DY35" s="184">
        <v>47</v>
      </c>
      <c r="DZ35" s="182">
        <v>24</v>
      </c>
      <c r="EA35" s="185">
        <v>110</v>
      </c>
      <c r="EB35" s="187">
        <v>110</v>
      </c>
      <c r="EC35" s="32"/>
    </row>
    <row r="36" spans="2:133" ht="21" customHeight="1" x14ac:dyDescent="0.2">
      <c r="B36" s="472" t="s">
        <v>33</v>
      </c>
      <c r="C36" s="181">
        <v>0</v>
      </c>
      <c r="D36" s="182">
        <v>0</v>
      </c>
      <c r="E36" s="182">
        <v>0</v>
      </c>
      <c r="F36" s="183">
        <v>0</v>
      </c>
      <c r="G36" s="184">
        <v>5</v>
      </c>
      <c r="H36" s="184">
        <v>22</v>
      </c>
      <c r="I36" s="184">
        <v>31</v>
      </c>
      <c r="J36" s="182">
        <v>22</v>
      </c>
      <c r="K36" s="185">
        <v>80</v>
      </c>
      <c r="L36" s="186">
        <v>80</v>
      </c>
      <c r="M36" s="181">
        <v>0</v>
      </c>
      <c r="N36" s="182">
        <v>0</v>
      </c>
      <c r="O36" s="185">
        <v>0</v>
      </c>
      <c r="P36" s="183">
        <v>0</v>
      </c>
      <c r="Q36" s="184">
        <v>5</v>
      </c>
      <c r="R36" s="184">
        <v>22</v>
      </c>
      <c r="S36" s="184">
        <v>31</v>
      </c>
      <c r="T36" s="182">
        <v>22</v>
      </c>
      <c r="U36" s="185">
        <v>80</v>
      </c>
      <c r="V36" s="187">
        <v>80</v>
      </c>
      <c r="W36" s="188">
        <v>0</v>
      </c>
      <c r="X36" s="182">
        <v>0</v>
      </c>
      <c r="Y36" s="185">
        <v>0</v>
      </c>
      <c r="Z36" s="188">
        <v>0</v>
      </c>
      <c r="AA36" s="184">
        <v>0</v>
      </c>
      <c r="AB36" s="184">
        <v>0</v>
      </c>
      <c r="AC36" s="184">
        <v>0</v>
      </c>
      <c r="AD36" s="182">
        <v>0</v>
      </c>
      <c r="AE36" s="185">
        <v>0</v>
      </c>
      <c r="AF36" s="189">
        <v>0</v>
      </c>
      <c r="AG36" s="188">
        <v>0</v>
      </c>
      <c r="AH36" s="182">
        <v>0</v>
      </c>
      <c r="AI36" s="185">
        <v>0</v>
      </c>
      <c r="AJ36" s="188">
        <v>8</v>
      </c>
      <c r="AK36" s="184">
        <v>7</v>
      </c>
      <c r="AL36" s="184">
        <v>12</v>
      </c>
      <c r="AM36" s="184">
        <v>20</v>
      </c>
      <c r="AN36" s="182">
        <v>6</v>
      </c>
      <c r="AO36" s="185">
        <v>53</v>
      </c>
      <c r="AP36" s="189">
        <v>53</v>
      </c>
      <c r="AQ36" s="188">
        <v>0</v>
      </c>
      <c r="AR36" s="182">
        <v>0</v>
      </c>
      <c r="AS36" s="185">
        <v>0</v>
      </c>
      <c r="AT36" s="183">
        <v>8</v>
      </c>
      <c r="AU36" s="184">
        <v>7</v>
      </c>
      <c r="AV36" s="184">
        <v>12</v>
      </c>
      <c r="AW36" s="184">
        <v>20</v>
      </c>
      <c r="AX36" s="182">
        <v>6</v>
      </c>
      <c r="AY36" s="185">
        <v>53</v>
      </c>
      <c r="AZ36" s="186">
        <v>53</v>
      </c>
      <c r="BA36" s="181">
        <v>0</v>
      </c>
      <c r="BB36" s="182">
        <v>0</v>
      </c>
      <c r="BC36" s="182">
        <v>0</v>
      </c>
      <c r="BD36" s="183">
        <v>0</v>
      </c>
      <c r="BE36" s="184">
        <v>0</v>
      </c>
      <c r="BF36" s="184">
        <v>0</v>
      </c>
      <c r="BG36" s="184">
        <v>0</v>
      </c>
      <c r="BH36" s="182">
        <v>0</v>
      </c>
      <c r="BI36" s="185">
        <v>0</v>
      </c>
      <c r="BJ36" s="187">
        <v>0</v>
      </c>
      <c r="BK36" s="188">
        <v>0</v>
      </c>
      <c r="BL36" s="182">
        <v>0</v>
      </c>
      <c r="BM36" s="182">
        <v>0</v>
      </c>
      <c r="BN36" s="183">
        <v>0</v>
      </c>
      <c r="BO36" s="184">
        <v>0</v>
      </c>
      <c r="BP36" s="184">
        <v>0</v>
      </c>
      <c r="BQ36" s="184">
        <v>0</v>
      </c>
      <c r="BR36" s="182">
        <v>0</v>
      </c>
      <c r="BS36" s="185">
        <v>0</v>
      </c>
      <c r="BT36" s="186">
        <v>0</v>
      </c>
      <c r="BU36" s="181">
        <v>0</v>
      </c>
      <c r="BV36" s="182">
        <v>0</v>
      </c>
      <c r="BW36" s="182">
        <v>0</v>
      </c>
      <c r="BX36" s="183">
        <v>0</v>
      </c>
      <c r="BY36" s="184">
        <v>0</v>
      </c>
      <c r="BZ36" s="184">
        <v>0</v>
      </c>
      <c r="CA36" s="184">
        <v>0</v>
      </c>
      <c r="CB36" s="182">
        <v>0</v>
      </c>
      <c r="CC36" s="185">
        <v>0</v>
      </c>
      <c r="CD36" s="187">
        <v>0</v>
      </c>
      <c r="CE36" s="188">
        <v>0</v>
      </c>
      <c r="CF36" s="182">
        <v>0</v>
      </c>
      <c r="CG36" s="182">
        <v>0</v>
      </c>
      <c r="CH36" s="183">
        <v>0</v>
      </c>
      <c r="CI36" s="184">
        <v>0</v>
      </c>
      <c r="CJ36" s="184">
        <v>0</v>
      </c>
      <c r="CK36" s="184">
        <v>0</v>
      </c>
      <c r="CL36" s="182">
        <v>0</v>
      </c>
      <c r="CM36" s="185">
        <v>0</v>
      </c>
      <c r="CN36" s="187">
        <v>0</v>
      </c>
      <c r="CO36" s="188">
        <v>0</v>
      </c>
      <c r="CP36" s="182">
        <v>0</v>
      </c>
      <c r="CQ36" s="182">
        <v>0</v>
      </c>
      <c r="CR36" s="183">
        <v>3</v>
      </c>
      <c r="CS36" s="184">
        <v>8</v>
      </c>
      <c r="CT36" s="184">
        <v>7</v>
      </c>
      <c r="CU36" s="184">
        <v>8</v>
      </c>
      <c r="CV36" s="182">
        <v>9</v>
      </c>
      <c r="CW36" s="185">
        <v>35</v>
      </c>
      <c r="CX36" s="186">
        <v>35</v>
      </c>
      <c r="CY36" s="181">
        <v>0</v>
      </c>
      <c r="CZ36" s="182">
        <v>0</v>
      </c>
      <c r="DA36" s="182">
        <v>0</v>
      </c>
      <c r="DB36" s="183">
        <v>3</v>
      </c>
      <c r="DC36" s="184">
        <v>8</v>
      </c>
      <c r="DD36" s="184">
        <v>7</v>
      </c>
      <c r="DE36" s="184">
        <v>8</v>
      </c>
      <c r="DF36" s="182">
        <v>9</v>
      </c>
      <c r="DG36" s="185">
        <v>35</v>
      </c>
      <c r="DH36" s="187">
        <v>35</v>
      </c>
      <c r="DI36" s="188">
        <v>0</v>
      </c>
      <c r="DJ36" s="182">
        <v>0</v>
      </c>
      <c r="DK36" s="182">
        <v>0</v>
      </c>
      <c r="DL36" s="183">
        <v>0</v>
      </c>
      <c r="DM36" s="184">
        <v>0</v>
      </c>
      <c r="DN36" s="184">
        <v>0</v>
      </c>
      <c r="DO36" s="184">
        <v>0</v>
      </c>
      <c r="DP36" s="182">
        <v>0</v>
      </c>
      <c r="DQ36" s="185">
        <v>0</v>
      </c>
      <c r="DR36" s="187">
        <v>0</v>
      </c>
      <c r="DS36" s="188">
        <v>0</v>
      </c>
      <c r="DT36" s="182">
        <v>0</v>
      </c>
      <c r="DU36" s="182">
        <v>0</v>
      </c>
      <c r="DV36" s="183">
        <v>11</v>
      </c>
      <c r="DW36" s="184">
        <v>20</v>
      </c>
      <c r="DX36" s="184">
        <v>41</v>
      </c>
      <c r="DY36" s="184">
        <v>59</v>
      </c>
      <c r="DZ36" s="182">
        <v>37</v>
      </c>
      <c r="EA36" s="185">
        <v>168</v>
      </c>
      <c r="EB36" s="187">
        <v>168</v>
      </c>
      <c r="EC36" s="32"/>
    </row>
    <row r="37" spans="2:133" ht="21" customHeight="1" x14ac:dyDescent="0.2">
      <c r="B37" s="472" t="s">
        <v>34</v>
      </c>
      <c r="C37" s="181">
        <v>0</v>
      </c>
      <c r="D37" s="182">
        <v>0</v>
      </c>
      <c r="E37" s="182">
        <v>0</v>
      </c>
      <c r="F37" s="183">
        <v>0</v>
      </c>
      <c r="G37" s="184">
        <v>0</v>
      </c>
      <c r="H37" s="184">
        <v>10</v>
      </c>
      <c r="I37" s="184">
        <v>20</v>
      </c>
      <c r="J37" s="182">
        <v>12</v>
      </c>
      <c r="K37" s="185">
        <v>42</v>
      </c>
      <c r="L37" s="186">
        <v>42</v>
      </c>
      <c r="M37" s="181">
        <v>0</v>
      </c>
      <c r="N37" s="182">
        <v>0</v>
      </c>
      <c r="O37" s="185">
        <v>0</v>
      </c>
      <c r="P37" s="183">
        <v>0</v>
      </c>
      <c r="Q37" s="184">
        <v>0</v>
      </c>
      <c r="R37" s="184">
        <v>10</v>
      </c>
      <c r="S37" s="184">
        <v>20</v>
      </c>
      <c r="T37" s="182">
        <v>12</v>
      </c>
      <c r="U37" s="185">
        <v>42</v>
      </c>
      <c r="V37" s="187">
        <v>42</v>
      </c>
      <c r="W37" s="188">
        <v>0</v>
      </c>
      <c r="X37" s="182">
        <v>0</v>
      </c>
      <c r="Y37" s="185">
        <v>0</v>
      </c>
      <c r="Z37" s="188">
        <v>0</v>
      </c>
      <c r="AA37" s="184">
        <v>0</v>
      </c>
      <c r="AB37" s="184">
        <v>0</v>
      </c>
      <c r="AC37" s="184">
        <v>0</v>
      </c>
      <c r="AD37" s="182">
        <v>0</v>
      </c>
      <c r="AE37" s="185">
        <v>0</v>
      </c>
      <c r="AF37" s="189">
        <v>0</v>
      </c>
      <c r="AG37" s="188">
        <v>0</v>
      </c>
      <c r="AH37" s="182">
        <v>0</v>
      </c>
      <c r="AI37" s="185">
        <v>0</v>
      </c>
      <c r="AJ37" s="188">
        <v>4</v>
      </c>
      <c r="AK37" s="184">
        <v>11</v>
      </c>
      <c r="AL37" s="184">
        <v>8</v>
      </c>
      <c r="AM37" s="184">
        <v>10</v>
      </c>
      <c r="AN37" s="182">
        <v>3</v>
      </c>
      <c r="AO37" s="185">
        <v>36</v>
      </c>
      <c r="AP37" s="189">
        <v>36</v>
      </c>
      <c r="AQ37" s="188">
        <v>0</v>
      </c>
      <c r="AR37" s="182">
        <v>0</v>
      </c>
      <c r="AS37" s="185">
        <v>0</v>
      </c>
      <c r="AT37" s="183">
        <v>4</v>
      </c>
      <c r="AU37" s="184">
        <v>10</v>
      </c>
      <c r="AV37" s="184">
        <v>8</v>
      </c>
      <c r="AW37" s="184">
        <v>10</v>
      </c>
      <c r="AX37" s="182">
        <v>3</v>
      </c>
      <c r="AY37" s="185">
        <v>35</v>
      </c>
      <c r="AZ37" s="186">
        <v>35</v>
      </c>
      <c r="BA37" s="181">
        <v>0</v>
      </c>
      <c r="BB37" s="182">
        <v>0</v>
      </c>
      <c r="BC37" s="182">
        <v>0</v>
      </c>
      <c r="BD37" s="183">
        <v>0</v>
      </c>
      <c r="BE37" s="184">
        <v>1</v>
      </c>
      <c r="BF37" s="184">
        <v>0</v>
      </c>
      <c r="BG37" s="184">
        <v>0</v>
      </c>
      <c r="BH37" s="182">
        <v>0</v>
      </c>
      <c r="BI37" s="185">
        <v>1</v>
      </c>
      <c r="BJ37" s="187">
        <v>1</v>
      </c>
      <c r="BK37" s="188">
        <v>0</v>
      </c>
      <c r="BL37" s="182">
        <v>0</v>
      </c>
      <c r="BM37" s="182">
        <v>0</v>
      </c>
      <c r="BN37" s="183">
        <v>0</v>
      </c>
      <c r="BO37" s="184">
        <v>0</v>
      </c>
      <c r="BP37" s="184">
        <v>0</v>
      </c>
      <c r="BQ37" s="184">
        <v>0</v>
      </c>
      <c r="BR37" s="182">
        <v>0</v>
      </c>
      <c r="BS37" s="185">
        <v>0</v>
      </c>
      <c r="BT37" s="186">
        <v>0</v>
      </c>
      <c r="BU37" s="181">
        <v>0</v>
      </c>
      <c r="BV37" s="182">
        <v>0</v>
      </c>
      <c r="BW37" s="182">
        <v>0</v>
      </c>
      <c r="BX37" s="183">
        <v>0</v>
      </c>
      <c r="BY37" s="184">
        <v>0</v>
      </c>
      <c r="BZ37" s="184">
        <v>0</v>
      </c>
      <c r="CA37" s="184">
        <v>0</v>
      </c>
      <c r="CB37" s="182">
        <v>0</v>
      </c>
      <c r="CC37" s="185">
        <v>0</v>
      </c>
      <c r="CD37" s="187">
        <v>0</v>
      </c>
      <c r="CE37" s="188">
        <v>0</v>
      </c>
      <c r="CF37" s="182">
        <v>0</v>
      </c>
      <c r="CG37" s="182">
        <v>0</v>
      </c>
      <c r="CH37" s="183">
        <v>0</v>
      </c>
      <c r="CI37" s="184">
        <v>0</v>
      </c>
      <c r="CJ37" s="184">
        <v>0</v>
      </c>
      <c r="CK37" s="184">
        <v>0</v>
      </c>
      <c r="CL37" s="182">
        <v>0</v>
      </c>
      <c r="CM37" s="185">
        <v>0</v>
      </c>
      <c r="CN37" s="187">
        <v>0</v>
      </c>
      <c r="CO37" s="188">
        <v>0</v>
      </c>
      <c r="CP37" s="182">
        <v>0</v>
      </c>
      <c r="CQ37" s="182">
        <v>0</v>
      </c>
      <c r="CR37" s="183">
        <v>0</v>
      </c>
      <c r="CS37" s="184">
        <v>0</v>
      </c>
      <c r="CT37" s="184">
        <v>0</v>
      </c>
      <c r="CU37" s="184">
        <v>2</v>
      </c>
      <c r="CV37" s="182">
        <v>1</v>
      </c>
      <c r="CW37" s="185">
        <v>3</v>
      </c>
      <c r="CX37" s="186">
        <v>3</v>
      </c>
      <c r="CY37" s="181">
        <v>0</v>
      </c>
      <c r="CZ37" s="182">
        <v>0</v>
      </c>
      <c r="DA37" s="182">
        <v>0</v>
      </c>
      <c r="DB37" s="183">
        <v>0</v>
      </c>
      <c r="DC37" s="184">
        <v>0</v>
      </c>
      <c r="DD37" s="184">
        <v>0</v>
      </c>
      <c r="DE37" s="184">
        <v>2</v>
      </c>
      <c r="DF37" s="182">
        <v>0</v>
      </c>
      <c r="DG37" s="185">
        <v>2</v>
      </c>
      <c r="DH37" s="187">
        <v>2</v>
      </c>
      <c r="DI37" s="188">
        <v>0</v>
      </c>
      <c r="DJ37" s="182">
        <v>0</v>
      </c>
      <c r="DK37" s="182">
        <v>0</v>
      </c>
      <c r="DL37" s="183">
        <v>0</v>
      </c>
      <c r="DM37" s="184">
        <v>0</v>
      </c>
      <c r="DN37" s="184">
        <v>0</v>
      </c>
      <c r="DO37" s="184">
        <v>0</v>
      </c>
      <c r="DP37" s="182">
        <v>1</v>
      </c>
      <c r="DQ37" s="185">
        <v>1</v>
      </c>
      <c r="DR37" s="187">
        <v>1</v>
      </c>
      <c r="DS37" s="188">
        <v>0</v>
      </c>
      <c r="DT37" s="182">
        <v>0</v>
      </c>
      <c r="DU37" s="182">
        <v>0</v>
      </c>
      <c r="DV37" s="183">
        <v>4</v>
      </c>
      <c r="DW37" s="184">
        <v>11</v>
      </c>
      <c r="DX37" s="184">
        <v>18</v>
      </c>
      <c r="DY37" s="184">
        <v>31</v>
      </c>
      <c r="DZ37" s="182">
        <v>15</v>
      </c>
      <c r="EA37" s="185">
        <v>79</v>
      </c>
      <c r="EB37" s="187">
        <v>79</v>
      </c>
      <c r="EC37" s="32"/>
    </row>
    <row r="38" spans="2:133" ht="21" customHeight="1" x14ac:dyDescent="0.2">
      <c r="B38" s="472" t="s">
        <v>35</v>
      </c>
      <c r="C38" s="181">
        <v>0</v>
      </c>
      <c r="D38" s="182">
        <v>0</v>
      </c>
      <c r="E38" s="182">
        <v>0</v>
      </c>
      <c r="F38" s="183">
        <v>1</v>
      </c>
      <c r="G38" s="184">
        <v>1</v>
      </c>
      <c r="H38" s="184">
        <v>22</v>
      </c>
      <c r="I38" s="184">
        <v>49</v>
      </c>
      <c r="J38" s="182">
        <v>33</v>
      </c>
      <c r="K38" s="185">
        <v>106</v>
      </c>
      <c r="L38" s="186">
        <v>106</v>
      </c>
      <c r="M38" s="181">
        <v>0</v>
      </c>
      <c r="N38" s="182">
        <v>0</v>
      </c>
      <c r="O38" s="185">
        <v>0</v>
      </c>
      <c r="P38" s="183">
        <v>1</v>
      </c>
      <c r="Q38" s="184">
        <v>1</v>
      </c>
      <c r="R38" s="184">
        <v>22</v>
      </c>
      <c r="S38" s="184">
        <v>49</v>
      </c>
      <c r="T38" s="182">
        <v>33</v>
      </c>
      <c r="U38" s="185">
        <v>106</v>
      </c>
      <c r="V38" s="187">
        <v>106</v>
      </c>
      <c r="W38" s="188">
        <v>0</v>
      </c>
      <c r="X38" s="182">
        <v>0</v>
      </c>
      <c r="Y38" s="185">
        <v>0</v>
      </c>
      <c r="Z38" s="188">
        <v>0</v>
      </c>
      <c r="AA38" s="184">
        <v>0</v>
      </c>
      <c r="AB38" s="184">
        <v>0</v>
      </c>
      <c r="AC38" s="184">
        <v>0</v>
      </c>
      <c r="AD38" s="182">
        <v>0</v>
      </c>
      <c r="AE38" s="185">
        <v>0</v>
      </c>
      <c r="AF38" s="189">
        <v>0</v>
      </c>
      <c r="AG38" s="188">
        <v>0</v>
      </c>
      <c r="AH38" s="182">
        <v>0</v>
      </c>
      <c r="AI38" s="185">
        <v>0</v>
      </c>
      <c r="AJ38" s="188">
        <v>22</v>
      </c>
      <c r="AK38" s="184">
        <v>28</v>
      </c>
      <c r="AL38" s="184">
        <v>29</v>
      </c>
      <c r="AM38" s="184">
        <v>7</v>
      </c>
      <c r="AN38" s="182">
        <v>12</v>
      </c>
      <c r="AO38" s="185">
        <v>98</v>
      </c>
      <c r="AP38" s="189">
        <v>98</v>
      </c>
      <c r="AQ38" s="188">
        <v>0</v>
      </c>
      <c r="AR38" s="182">
        <v>0</v>
      </c>
      <c r="AS38" s="185">
        <v>0</v>
      </c>
      <c r="AT38" s="183">
        <v>22</v>
      </c>
      <c r="AU38" s="184">
        <v>28</v>
      </c>
      <c r="AV38" s="184">
        <v>29</v>
      </c>
      <c r="AW38" s="184">
        <v>7</v>
      </c>
      <c r="AX38" s="182">
        <v>12</v>
      </c>
      <c r="AY38" s="185">
        <v>98</v>
      </c>
      <c r="AZ38" s="186">
        <v>98</v>
      </c>
      <c r="BA38" s="181">
        <v>0</v>
      </c>
      <c r="BB38" s="182">
        <v>0</v>
      </c>
      <c r="BC38" s="182">
        <v>0</v>
      </c>
      <c r="BD38" s="183">
        <v>0</v>
      </c>
      <c r="BE38" s="184">
        <v>0</v>
      </c>
      <c r="BF38" s="184">
        <v>0</v>
      </c>
      <c r="BG38" s="184">
        <v>0</v>
      </c>
      <c r="BH38" s="182">
        <v>0</v>
      </c>
      <c r="BI38" s="185">
        <v>0</v>
      </c>
      <c r="BJ38" s="187">
        <v>0</v>
      </c>
      <c r="BK38" s="188">
        <v>0</v>
      </c>
      <c r="BL38" s="182">
        <v>0</v>
      </c>
      <c r="BM38" s="182">
        <v>0</v>
      </c>
      <c r="BN38" s="183">
        <v>0</v>
      </c>
      <c r="BO38" s="184">
        <v>0</v>
      </c>
      <c r="BP38" s="184">
        <v>0</v>
      </c>
      <c r="BQ38" s="184">
        <v>0</v>
      </c>
      <c r="BR38" s="182">
        <v>0</v>
      </c>
      <c r="BS38" s="185">
        <v>0</v>
      </c>
      <c r="BT38" s="186">
        <v>0</v>
      </c>
      <c r="BU38" s="181">
        <v>0</v>
      </c>
      <c r="BV38" s="182">
        <v>0</v>
      </c>
      <c r="BW38" s="182">
        <v>0</v>
      </c>
      <c r="BX38" s="183">
        <v>0</v>
      </c>
      <c r="BY38" s="184">
        <v>0</v>
      </c>
      <c r="BZ38" s="184">
        <v>0</v>
      </c>
      <c r="CA38" s="184">
        <v>0</v>
      </c>
      <c r="CB38" s="182">
        <v>0</v>
      </c>
      <c r="CC38" s="185">
        <v>0</v>
      </c>
      <c r="CD38" s="187">
        <v>0</v>
      </c>
      <c r="CE38" s="188">
        <v>0</v>
      </c>
      <c r="CF38" s="182">
        <v>0</v>
      </c>
      <c r="CG38" s="182">
        <v>0</v>
      </c>
      <c r="CH38" s="183">
        <v>0</v>
      </c>
      <c r="CI38" s="184">
        <v>0</v>
      </c>
      <c r="CJ38" s="184">
        <v>0</v>
      </c>
      <c r="CK38" s="184">
        <v>0</v>
      </c>
      <c r="CL38" s="182">
        <v>0</v>
      </c>
      <c r="CM38" s="185">
        <v>0</v>
      </c>
      <c r="CN38" s="187">
        <v>0</v>
      </c>
      <c r="CO38" s="188">
        <v>0</v>
      </c>
      <c r="CP38" s="182">
        <v>0</v>
      </c>
      <c r="CQ38" s="182">
        <v>0</v>
      </c>
      <c r="CR38" s="183">
        <v>3</v>
      </c>
      <c r="CS38" s="184">
        <v>1</v>
      </c>
      <c r="CT38" s="184">
        <v>5</v>
      </c>
      <c r="CU38" s="184">
        <v>8</v>
      </c>
      <c r="CV38" s="182">
        <v>5</v>
      </c>
      <c r="CW38" s="185">
        <v>22</v>
      </c>
      <c r="CX38" s="186">
        <v>22</v>
      </c>
      <c r="CY38" s="181">
        <v>0</v>
      </c>
      <c r="CZ38" s="182">
        <v>0</v>
      </c>
      <c r="DA38" s="182">
        <v>0</v>
      </c>
      <c r="DB38" s="183">
        <v>2</v>
      </c>
      <c r="DC38" s="184">
        <v>1</v>
      </c>
      <c r="DD38" s="184">
        <v>5</v>
      </c>
      <c r="DE38" s="184">
        <v>8</v>
      </c>
      <c r="DF38" s="182">
        <v>5</v>
      </c>
      <c r="DG38" s="185">
        <v>21</v>
      </c>
      <c r="DH38" s="187">
        <v>21</v>
      </c>
      <c r="DI38" s="188">
        <v>0</v>
      </c>
      <c r="DJ38" s="182">
        <v>0</v>
      </c>
      <c r="DK38" s="182">
        <v>0</v>
      </c>
      <c r="DL38" s="183">
        <v>1</v>
      </c>
      <c r="DM38" s="184">
        <v>0</v>
      </c>
      <c r="DN38" s="184">
        <v>0</v>
      </c>
      <c r="DO38" s="184">
        <v>0</v>
      </c>
      <c r="DP38" s="182">
        <v>0</v>
      </c>
      <c r="DQ38" s="185">
        <v>1</v>
      </c>
      <c r="DR38" s="187">
        <v>1</v>
      </c>
      <c r="DS38" s="188">
        <v>0</v>
      </c>
      <c r="DT38" s="182">
        <v>0</v>
      </c>
      <c r="DU38" s="182">
        <v>0</v>
      </c>
      <c r="DV38" s="183">
        <v>26</v>
      </c>
      <c r="DW38" s="184">
        <v>30</v>
      </c>
      <c r="DX38" s="184">
        <v>56</v>
      </c>
      <c r="DY38" s="184">
        <v>64</v>
      </c>
      <c r="DZ38" s="182">
        <v>50</v>
      </c>
      <c r="EA38" s="185">
        <v>226</v>
      </c>
      <c r="EB38" s="187">
        <v>226</v>
      </c>
      <c r="EC38" s="32"/>
    </row>
    <row r="39" spans="2:133" ht="21" customHeight="1" x14ac:dyDescent="0.2">
      <c r="B39" s="472" t="s">
        <v>36</v>
      </c>
      <c r="C39" s="181">
        <v>0</v>
      </c>
      <c r="D39" s="182">
        <v>0</v>
      </c>
      <c r="E39" s="182">
        <v>0</v>
      </c>
      <c r="F39" s="183">
        <v>0</v>
      </c>
      <c r="G39" s="184">
        <v>3</v>
      </c>
      <c r="H39" s="184">
        <v>60</v>
      </c>
      <c r="I39" s="184">
        <v>79</v>
      </c>
      <c r="J39" s="182">
        <v>74</v>
      </c>
      <c r="K39" s="185">
        <v>216</v>
      </c>
      <c r="L39" s="186">
        <v>216</v>
      </c>
      <c r="M39" s="181">
        <v>0</v>
      </c>
      <c r="N39" s="182">
        <v>0</v>
      </c>
      <c r="O39" s="185">
        <v>0</v>
      </c>
      <c r="P39" s="183">
        <v>0</v>
      </c>
      <c r="Q39" s="184">
        <v>3</v>
      </c>
      <c r="R39" s="184">
        <v>59</v>
      </c>
      <c r="S39" s="184">
        <v>74</v>
      </c>
      <c r="T39" s="182">
        <v>74</v>
      </c>
      <c r="U39" s="185">
        <v>210</v>
      </c>
      <c r="V39" s="187">
        <v>210</v>
      </c>
      <c r="W39" s="188">
        <v>0</v>
      </c>
      <c r="X39" s="182">
        <v>0</v>
      </c>
      <c r="Y39" s="185">
        <v>0</v>
      </c>
      <c r="Z39" s="188">
        <v>0</v>
      </c>
      <c r="AA39" s="184">
        <v>0</v>
      </c>
      <c r="AB39" s="184">
        <v>1</v>
      </c>
      <c r="AC39" s="184">
        <v>5</v>
      </c>
      <c r="AD39" s="182">
        <v>0</v>
      </c>
      <c r="AE39" s="185">
        <v>6</v>
      </c>
      <c r="AF39" s="189">
        <v>6</v>
      </c>
      <c r="AG39" s="188">
        <v>0</v>
      </c>
      <c r="AH39" s="182">
        <v>0</v>
      </c>
      <c r="AI39" s="185">
        <v>0</v>
      </c>
      <c r="AJ39" s="188">
        <v>14</v>
      </c>
      <c r="AK39" s="184">
        <v>22</v>
      </c>
      <c r="AL39" s="184">
        <v>37</v>
      </c>
      <c r="AM39" s="184">
        <v>56</v>
      </c>
      <c r="AN39" s="182">
        <v>21</v>
      </c>
      <c r="AO39" s="185">
        <v>150</v>
      </c>
      <c r="AP39" s="189">
        <v>150</v>
      </c>
      <c r="AQ39" s="188">
        <v>0</v>
      </c>
      <c r="AR39" s="182">
        <v>0</v>
      </c>
      <c r="AS39" s="185">
        <v>0</v>
      </c>
      <c r="AT39" s="183">
        <v>14</v>
      </c>
      <c r="AU39" s="184">
        <v>22</v>
      </c>
      <c r="AV39" s="184">
        <v>37</v>
      </c>
      <c r="AW39" s="184">
        <v>55</v>
      </c>
      <c r="AX39" s="182">
        <v>21</v>
      </c>
      <c r="AY39" s="185">
        <v>149</v>
      </c>
      <c r="AZ39" s="186">
        <v>149</v>
      </c>
      <c r="BA39" s="181">
        <v>0</v>
      </c>
      <c r="BB39" s="182">
        <v>0</v>
      </c>
      <c r="BC39" s="182">
        <v>0</v>
      </c>
      <c r="BD39" s="183">
        <v>0</v>
      </c>
      <c r="BE39" s="184">
        <v>0</v>
      </c>
      <c r="BF39" s="184">
        <v>0</v>
      </c>
      <c r="BG39" s="184">
        <v>1</v>
      </c>
      <c r="BH39" s="182">
        <v>0</v>
      </c>
      <c r="BI39" s="185">
        <v>1</v>
      </c>
      <c r="BJ39" s="187">
        <v>1</v>
      </c>
      <c r="BK39" s="188">
        <v>0</v>
      </c>
      <c r="BL39" s="182">
        <v>0</v>
      </c>
      <c r="BM39" s="182">
        <v>0</v>
      </c>
      <c r="BN39" s="183">
        <v>0</v>
      </c>
      <c r="BO39" s="184">
        <v>0</v>
      </c>
      <c r="BP39" s="184">
        <v>0</v>
      </c>
      <c r="BQ39" s="184">
        <v>2</v>
      </c>
      <c r="BR39" s="182">
        <v>1</v>
      </c>
      <c r="BS39" s="185">
        <v>3</v>
      </c>
      <c r="BT39" s="186">
        <v>3</v>
      </c>
      <c r="BU39" s="181">
        <v>0</v>
      </c>
      <c r="BV39" s="182">
        <v>0</v>
      </c>
      <c r="BW39" s="182">
        <v>0</v>
      </c>
      <c r="BX39" s="183">
        <v>0</v>
      </c>
      <c r="BY39" s="184">
        <v>0</v>
      </c>
      <c r="BZ39" s="184">
        <v>0</v>
      </c>
      <c r="CA39" s="184">
        <v>2</v>
      </c>
      <c r="CB39" s="182">
        <v>1</v>
      </c>
      <c r="CC39" s="185">
        <v>3</v>
      </c>
      <c r="CD39" s="187">
        <v>3</v>
      </c>
      <c r="CE39" s="188">
        <v>0</v>
      </c>
      <c r="CF39" s="182">
        <v>0</v>
      </c>
      <c r="CG39" s="182">
        <v>0</v>
      </c>
      <c r="CH39" s="183">
        <v>0</v>
      </c>
      <c r="CI39" s="184">
        <v>0</v>
      </c>
      <c r="CJ39" s="184">
        <v>0</v>
      </c>
      <c r="CK39" s="184">
        <v>0</v>
      </c>
      <c r="CL39" s="182">
        <v>0</v>
      </c>
      <c r="CM39" s="185">
        <v>0</v>
      </c>
      <c r="CN39" s="187">
        <v>0</v>
      </c>
      <c r="CO39" s="188">
        <v>0</v>
      </c>
      <c r="CP39" s="182">
        <v>0</v>
      </c>
      <c r="CQ39" s="182">
        <v>0</v>
      </c>
      <c r="CR39" s="183">
        <v>0</v>
      </c>
      <c r="CS39" s="184">
        <v>0</v>
      </c>
      <c r="CT39" s="184">
        <v>0</v>
      </c>
      <c r="CU39" s="184">
        <v>6</v>
      </c>
      <c r="CV39" s="182">
        <v>1</v>
      </c>
      <c r="CW39" s="185">
        <v>7</v>
      </c>
      <c r="CX39" s="186">
        <v>7</v>
      </c>
      <c r="CY39" s="181">
        <v>0</v>
      </c>
      <c r="CZ39" s="182">
        <v>0</v>
      </c>
      <c r="DA39" s="182">
        <v>0</v>
      </c>
      <c r="DB39" s="183">
        <v>0</v>
      </c>
      <c r="DC39" s="184">
        <v>0</v>
      </c>
      <c r="DD39" s="184">
        <v>0</v>
      </c>
      <c r="DE39" s="184">
        <v>5</v>
      </c>
      <c r="DF39" s="182">
        <v>1</v>
      </c>
      <c r="DG39" s="185">
        <v>6</v>
      </c>
      <c r="DH39" s="187">
        <v>6</v>
      </c>
      <c r="DI39" s="188">
        <v>0</v>
      </c>
      <c r="DJ39" s="182">
        <v>0</v>
      </c>
      <c r="DK39" s="182">
        <v>0</v>
      </c>
      <c r="DL39" s="183">
        <v>0</v>
      </c>
      <c r="DM39" s="184">
        <v>0</v>
      </c>
      <c r="DN39" s="184">
        <v>0</v>
      </c>
      <c r="DO39" s="184">
        <v>1</v>
      </c>
      <c r="DP39" s="182">
        <v>0</v>
      </c>
      <c r="DQ39" s="185">
        <v>1</v>
      </c>
      <c r="DR39" s="187">
        <v>1</v>
      </c>
      <c r="DS39" s="188">
        <v>0</v>
      </c>
      <c r="DT39" s="182">
        <v>0</v>
      </c>
      <c r="DU39" s="182">
        <v>0</v>
      </c>
      <c r="DV39" s="183">
        <v>14</v>
      </c>
      <c r="DW39" s="184">
        <v>25</v>
      </c>
      <c r="DX39" s="184">
        <v>97</v>
      </c>
      <c r="DY39" s="184">
        <v>143</v>
      </c>
      <c r="DZ39" s="182">
        <v>97</v>
      </c>
      <c r="EA39" s="185">
        <v>376</v>
      </c>
      <c r="EB39" s="187">
        <v>376</v>
      </c>
      <c r="EC39" s="32"/>
    </row>
    <row r="40" spans="2:133" ht="21" customHeight="1" thickBot="1" x14ac:dyDescent="0.25">
      <c r="B40" s="473" t="s">
        <v>37</v>
      </c>
      <c r="C40" s="190">
        <v>0</v>
      </c>
      <c r="D40" s="191">
        <v>0</v>
      </c>
      <c r="E40" s="191">
        <v>0</v>
      </c>
      <c r="F40" s="192">
        <v>0</v>
      </c>
      <c r="G40" s="193">
        <v>0</v>
      </c>
      <c r="H40" s="193">
        <v>7</v>
      </c>
      <c r="I40" s="193">
        <v>9</v>
      </c>
      <c r="J40" s="191">
        <v>5</v>
      </c>
      <c r="K40" s="194">
        <v>21</v>
      </c>
      <c r="L40" s="195">
        <v>21</v>
      </c>
      <c r="M40" s="190">
        <v>0</v>
      </c>
      <c r="N40" s="191">
        <v>0</v>
      </c>
      <c r="O40" s="194">
        <v>0</v>
      </c>
      <c r="P40" s="192">
        <v>0</v>
      </c>
      <c r="Q40" s="193">
        <v>0</v>
      </c>
      <c r="R40" s="193">
        <v>7</v>
      </c>
      <c r="S40" s="193">
        <v>9</v>
      </c>
      <c r="T40" s="191">
        <v>5</v>
      </c>
      <c r="U40" s="194">
        <v>21</v>
      </c>
      <c r="V40" s="196">
        <v>21</v>
      </c>
      <c r="W40" s="197">
        <v>0</v>
      </c>
      <c r="X40" s="191">
        <v>0</v>
      </c>
      <c r="Y40" s="194">
        <v>0</v>
      </c>
      <c r="Z40" s="197">
        <v>0</v>
      </c>
      <c r="AA40" s="193">
        <v>0</v>
      </c>
      <c r="AB40" s="193">
        <v>0</v>
      </c>
      <c r="AC40" s="193">
        <v>0</v>
      </c>
      <c r="AD40" s="191">
        <v>0</v>
      </c>
      <c r="AE40" s="194">
        <v>0</v>
      </c>
      <c r="AF40" s="198">
        <v>0</v>
      </c>
      <c r="AG40" s="197">
        <v>0</v>
      </c>
      <c r="AH40" s="191">
        <v>0</v>
      </c>
      <c r="AI40" s="194">
        <v>0</v>
      </c>
      <c r="AJ40" s="197">
        <v>2</v>
      </c>
      <c r="AK40" s="193">
        <v>4</v>
      </c>
      <c r="AL40" s="193">
        <v>9</v>
      </c>
      <c r="AM40" s="193">
        <v>1</v>
      </c>
      <c r="AN40" s="191">
        <v>3</v>
      </c>
      <c r="AO40" s="194">
        <v>19</v>
      </c>
      <c r="AP40" s="198">
        <v>19</v>
      </c>
      <c r="AQ40" s="197">
        <v>0</v>
      </c>
      <c r="AR40" s="191">
        <v>0</v>
      </c>
      <c r="AS40" s="194">
        <v>0</v>
      </c>
      <c r="AT40" s="192">
        <v>2</v>
      </c>
      <c r="AU40" s="193">
        <v>4</v>
      </c>
      <c r="AV40" s="193">
        <v>9</v>
      </c>
      <c r="AW40" s="193">
        <v>1</v>
      </c>
      <c r="AX40" s="191">
        <v>3</v>
      </c>
      <c r="AY40" s="194">
        <v>19</v>
      </c>
      <c r="AZ40" s="195">
        <v>19</v>
      </c>
      <c r="BA40" s="190">
        <v>0</v>
      </c>
      <c r="BB40" s="191">
        <v>0</v>
      </c>
      <c r="BC40" s="191">
        <v>0</v>
      </c>
      <c r="BD40" s="192">
        <v>0</v>
      </c>
      <c r="BE40" s="193">
        <v>0</v>
      </c>
      <c r="BF40" s="193">
        <v>0</v>
      </c>
      <c r="BG40" s="193">
        <v>0</v>
      </c>
      <c r="BH40" s="191">
        <v>0</v>
      </c>
      <c r="BI40" s="194">
        <v>0</v>
      </c>
      <c r="BJ40" s="196">
        <v>0</v>
      </c>
      <c r="BK40" s="197">
        <v>0</v>
      </c>
      <c r="BL40" s="191">
        <v>0</v>
      </c>
      <c r="BM40" s="191">
        <v>0</v>
      </c>
      <c r="BN40" s="192">
        <v>0</v>
      </c>
      <c r="BO40" s="193">
        <v>0</v>
      </c>
      <c r="BP40" s="193">
        <v>0</v>
      </c>
      <c r="BQ40" s="193">
        <v>0</v>
      </c>
      <c r="BR40" s="191">
        <v>0</v>
      </c>
      <c r="BS40" s="194">
        <v>0</v>
      </c>
      <c r="BT40" s="195">
        <v>0</v>
      </c>
      <c r="BU40" s="190">
        <v>0</v>
      </c>
      <c r="BV40" s="191">
        <v>0</v>
      </c>
      <c r="BW40" s="191">
        <v>0</v>
      </c>
      <c r="BX40" s="192">
        <v>0</v>
      </c>
      <c r="BY40" s="193">
        <v>0</v>
      </c>
      <c r="BZ40" s="193">
        <v>0</v>
      </c>
      <c r="CA40" s="193">
        <v>0</v>
      </c>
      <c r="CB40" s="191">
        <v>0</v>
      </c>
      <c r="CC40" s="194">
        <v>0</v>
      </c>
      <c r="CD40" s="196">
        <v>0</v>
      </c>
      <c r="CE40" s="197">
        <v>0</v>
      </c>
      <c r="CF40" s="191">
        <v>0</v>
      </c>
      <c r="CG40" s="191">
        <v>0</v>
      </c>
      <c r="CH40" s="192">
        <v>0</v>
      </c>
      <c r="CI40" s="193">
        <v>0</v>
      </c>
      <c r="CJ40" s="193">
        <v>0</v>
      </c>
      <c r="CK40" s="193">
        <v>0</v>
      </c>
      <c r="CL40" s="191">
        <v>0</v>
      </c>
      <c r="CM40" s="194">
        <v>0</v>
      </c>
      <c r="CN40" s="196">
        <v>0</v>
      </c>
      <c r="CO40" s="197">
        <v>0</v>
      </c>
      <c r="CP40" s="191">
        <v>0</v>
      </c>
      <c r="CQ40" s="191">
        <v>0</v>
      </c>
      <c r="CR40" s="192">
        <v>0</v>
      </c>
      <c r="CS40" s="193">
        <v>0</v>
      </c>
      <c r="CT40" s="193">
        <v>0</v>
      </c>
      <c r="CU40" s="193">
        <v>0</v>
      </c>
      <c r="CV40" s="191">
        <v>0</v>
      </c>
      <c r="CW40" s="194">
        <v>0</v>
      </c>
      <c r="CX40" s="195">
        <v>0</v>
      </c>
      <c r="CY40" s="190">
        <v>0</v>
      </c>
      <c r="CZ40" s="191">
        <v>0</v>
      </c>
      <c r="DA40" s="191">
        <v>0</v>
      </c>
      <c r="DB40" s="192">
        <v>0</v>
      </c>
      <c r="DC40" s="193">
        <v>0</v>
      </c>
      <c r="DD40" s="193">
        <v>0</v>
      </c>
      <c r="DE40" s="193">
        <v>0</v>
      </c>
      <c r="DF40" s="191">
        <v>0</v>
      </c>
      <c r="DG40" s="194">
        <v>0</v>
      </c>
      <c r="DH40" s="196">
        <v>0</v>
      </c>
      <c r="DI40" s="197">
        <v>0</v>
      </c>
      <c r="DJ40" s="191">
        <v>0</v>
      </c>
      <c r="DK40" s="191">
        <v>0</v>
      </c>
      <c r="DL40" s="192">
        <v>0</v>
      </c>
      <c r="DM40" s="193">
        <v>0</v>
      </c>
      <c r="DN40" s="193">
        <v>0</v>
      </c>
      <c r="DO40" s="193">
        <v>0</v>
      </c>
      <c r="DP40" s="191">
        <v>0</v>
      </c>
      <c r="DQ40" s="194">
        <v>0</v>
      </c>
      <c r="DR40" s="196">
        <v>0</v>
      </c>
      <c r="DS40" s="197">
        <v>0</v>
      </c>
      <c r="DT40" s="191">
        <v>0</v>
      </c>
      <c r="DU40" s="191">
        <v>0</v>
      </c>
      <c r="DV40" s="192">
        <v>2</v>
      </c>
      <c r="DW40" s="193">
        <v>4</v>
      </c>
      <c r="DX40" s="193">
        <v>16</v>
      </c>
      <c r="DY40" s="193">
        <v>10</v>
      </c>
      <c r="DZ40" s="191">
        <v>8</v>
      </c>
      <c r="EA40" s="194">
        <v>40</v>
      </c>
      <c r="EB40" s="196">
        <v>40</v>
      </c>
      <c r="EC40" s="32"/>
    </row>
    <row r="41" spans="2:133" x14ac:dyDescent="0.2">
      <c r="C41" s="33"/>
      <c r="D41" s="33"/>
      <c r="E41" s="33"/>
      <c r="F41" s="33"/>
      <c r="G41" s="33"/>
      <c r="H41" s="33"/>
      <c r="I41" s="33"/>
      <c r="J41" s="33"/>
      <c r="K41" s="33"/>
      <c r="L41" s="33"/>
      <c r="M41" s="33"/>
      <c r="N41" s="33"/>
      <c r="O41" s="33"/>
      <c r="P41" s="33"/>
      <c r="Q41" s="33"/>
      <c r="R41" s="33"/>
      <c r="S41" s="33"/>
      <c r="T41" s="33"/>
      <c r="U41" s="33"/>
      <c r="V41" s="33"/>
      <c r="W41" s="33"/>
      <c r="X41" s="33"/>
      <c r="Y41" s="33"/>
      <c r="Z41" s="33"/>
      <c r="AA41" s="33"/>
      <c r="AB41" s="33"/>
      <c r="AC41" s="33"/>
      <c r="AD41" s="33"/>
      <c r="AE41" s="33"/>
      <c r="AF41" s="33"/>
      <c r="AG41" s="32"/>
      <c r="AH41" s="32"/>
      <c r="AI41" s="32"/>
      <c r="AJ41" s="32"/>
      <c r="AK41" s="32"/>
      <c r="AL41" s="32"/>
      <c r="AM41" s="32"/>
      <c r="AN41" s="32"/>
      <c r="AO41" s="32"/>
      <c r="AP41" s="32"/>
      <c r="AQ41" s="32"/>
      <c r="AR41" s="32"/>
      <c r="AS41" s="32"/>
      <c r="AT41" s="32"/>
      <c r="AU41" s="32"/>
      <c r="AV41" s="32"/>
      <c r="AW41" s="32"/>
      <c r="AX41" s="32"/>
      <c r="AY41" s="32"/>
      <c r="AZ41" s="32"/>
      <c r="BA41" s="32"/>
      <c r="BB41" s="32"/>
      <c r="BC41" s="32"/>
      <c r="BD41" s="32"/>
      <c r="BE41" s="32"/>
      <c r="BF41" s="32"/>
      <c r="BG41" s="32"/>
      <c r="BH41" s="32"/>
      <c r="BI41" s="32"/>
      <c r="BJ41" s="32"/>
      <c r="BK41" s="32"/>
      <c r="BL41" s="32"/>
      <c r="BM41" s="32"/>
      <c r="BN41" s="32"/>
      <c r="BO41" s="32"/>
      <c r="BP41" s="32"/>
      <c r="BQ41" s="32"/>
      <c r="BR41" s="32"/>
      <c r="BS41" s="32"/>
      <c r="BT41" s="32"/>
      <c r="BU41" s="32"/>
      <c r="BV41" s="32"/>
      <c r="BW41" s="32"/>
      <c r="BX41" s="32"/>
      <c r="BY41" s="32"/>
      <c r="BZ41" s="32"/>
      <c r="CA41" s="32"/>
      <c r="CB41" s="32"/>
      <c r="CC41" s="32"/>
      <c r="CD41" s="32"/>
      <c r="CE41" s="32"/>
      <c r="CF41" s="32"/>
      <c r="CG41" s="32"/>
      <c r="CH41" s="32"/>
      <c r="CI41" s="32"/>
      <c r="CJ41" s="32"/>
      <c r="CK41" s="32"/>
      <c r="CL41" s="32"/>
      <c r="CM41" s="32"/>
      <c r="CN41" s="32"/>
      <c r="CO41" s="32"/>
      <c r="CP41" s="32"/>
      <c r="CQ41" s="32"/>
      <c r="CR41" s="32"/>
      <c r="CS41" s="32"/>
      <c r="CT41" s="32"/>
      <c r="CU41" s="32"/>
      <c r="CV41" s="32"/>
      <c r="CW41" s="32"/>
      <c r="CX41" s="32"/>
      <c r="CY41" s="32"/>
      <c r="CZ41" s="32"/>
      <c r="DA41" s="32"/>
      <c r="DB41" s="32"/>
      <c r="DC41" s="32"/>
      <c r="DD41" s="32"/>
      <c r="DE41" s="32"/>
      <c r="DF41" s="32"/>
      <c r="DG41" s="32"/>
      <c r="DH41" s="32"/>
      <c r="DI41" s="32"/>
      <c r="DJ41" s="32"/>
      <c r="DK41" s="32"/>
      <c r="DL41" s="32"/>
      <c r="DM41" s="32"/>
      <c r="DN41" s="32"/>
      <c r="DO41" s="32"/>
      <c r="DP41" s="32"/>
      <c r="DQ41" s="32"/>
      <c r="DR41" s="32"/>
      <c r="DS41" s="32"/>
      <c r="DT41" s="32"/>
      <c r="DU41" s="32"/>
      <c r="DV41" s="32"/>
      <c r="DW41" s="32"/>
      <c r="DX41" s="32"/>
      <c r="DY41" s="32"/>
      <c r="DZ41" s="32"/>
      <c r="EA41" s="32"/>
      <c r="EB41" s="32"/>
      <c r="EC41" s="32"/>
    </row>
    <row r="42" spans="2:133" x14ac:dyDescent="0.2">
      <c r="C42" s="33"/>
      <c r="D42" s="33"/>
      <c r="E42" s="33"/>
      <c r="F42" s="33"/>
      <c r="G42" s="33"/>
      <c r="H42" s="33"/>
      <c r="I42" s="33"/>
      <c r="J42" s="33"/>
      <c r="K42" s="33"/>
      <c r="L42" s="33"/>
      <c r="M42" s="33"/>
      <c r="N42" s="33"/>
      <c r="O42" s="33"/>
      <c r="P42" s="33"/>
      <c r="Q42" s="33"/>
      <c r="R42" s="33"/>
      <c r="S42" s="33"/>
      <c r="T42" s="33"/>
      <c r="U42" s="33"/>
      <c r="V42" s="33"/>
      <c r="W42" s="33"/>
      <c r="X42" s="33"/>
      <c r="Y42" s="33"/>
      <c r="Z42" s="33"/>
      <c r="AA42" s="33"/>
      <c r="AB42" s="33"/>
      <c r="AC42" s="33"/>
      <c r="AD42" s="33"/>
      <c r="AE42" s="33"/>
      <c r="AF42" s="33"/>
      <c r="AG42" s="32"/>
      <c r="AH42" s="32"/>
      <c r="AI42" s="32"/>
      <c r="AJ42" s="32"/>
      <c r="AK42" s="32"/>
      <c r="AL42" s="32"/>
      <c r="AM42" s="32"/>
      <c r="AN42" s="32"/>
      <c r="AO42" s="32"/>
      <c r="AP42" s="32"/>
      <c r="AQ42" s="32"/>
      <c r="AR42" s="32"/>
      <c r="AS42" s="32"/>
      <c r="AT42" s="32"/>
      <c r="AU42" s="32"/>
      <c r="AV42" s="32"/>
      <c r="AW42" s="32"/>
      <c r="AX42" s="32"/>
      <c r="AY42" s="32"/>
      <c r="AZ42" s="32"/>
      <c r="BA42" s="32"/>
      <c r="BB42" s="32"/>
      <c r="BC42" s="32"/>
      <c r="BD42" s="32"/>
      <c r="BE42" s="32"/>
      <c r="BF42" s="32"/>
      <c r="BG42" s="32"/>
      <c r="BH42" s="32"/>
      <c r="BI42" s="32"/>
      <c r="BJ42" s="32"/>
      <c r="BK42" s="32"/>
      <c r="BL42" s="32"/>
      <c r="BM42" s="32"/>
      <c r="BN42" s="32"/>
      <c r="BO42" s="32"/>
      <c r="BP42" s="32"/>
      <c r="BQ42" s="32"/>
      <c r="BR42" s="32"/>
      <c r="BS42" s="32"/>
      <c r="BT42" s="32"/>
      <c r="BU42" s="32"/>
      <c r="BV42" s="32"/>
      <c r="BW42" s="32"/>
      <c r="BX42" s="32"/>
      <c r="BY42" s="32"/>
      <c r="BZ42" s="32"/>
      <c r="CA42" s="32"/>
      <c r="CB42" s="32"/>
      <c r="CC42" s="32"/>
      <c r="CD42" s="32"/>
      <c r="CE42" s="32"/>
      <c r="CF42" s="32"/>
      <c r="CG42" s="32"/>
      <c r="CH42" s="32"/>
      <c r="CI42" s="32"/>
      <c r="CJ42" s="32"/>
      <c r="CK42" s="32"/>
      <c r="CL42" s="32"/>
      <c r="CM42" s="32"/>
      <c r="CN42" s="32"/>
      <c r="CO42" s="32"/>
      <c r="CP42" s="32"/>
      <c r="CQ42" s="32"/>
      <c r="CR42" s="32"/>
      <c r="CS42" s="32"/>
      <c r="CT42" s="32"/>
      <c r="CU42" s="32"/>
      <c r="CV42" s="32"/>
      <c r="CW42" s="32"/>
      <c r="CX42" s="32"/>
      <c r="CY42" s="32"/>
      <c r="CZ42" s="32"/>
      <c r="DA42" s="32"/>
      <c r="DB42" s="32"/>
      <c r="DC42" s="32"/>
      <c r="DD42" s="32"/>
      <c r="DE42" s="32"/>
      <c r="DF42" s="32"/>
      <c r="DG42" s="32"/>
      <c r="DH42" s="32"/>
      <c r="DI42" s="32"/>
      <c r="DJ42" s="32"/>
      <c r="DK42" s="32"/>
      <c r="DL42" s="32"/>
      <c r="DM42" s="32"/>
      <c r="DN42" s="32"/>
      <c r="DO42" s="32"/>
      <c r="DP42" s="32"/>
      <c r="DQ42" s="32"/>
      <c r="DR42" s="32"/>
      <c r="DS42" s="32"/>
      <c r="DT42" s="32"/>
      <c r="DU42" s="32"/>
      <c r="DV42" s="32"/>
      <c r="DW42" s="32"/>
      <c r="DX42" s="32"/>
      <c r="DY42" s="32"/>
      <c r="DZ42" s="32"/>
      <c r="EA42" s="32"/>
      <c r="EB42" s="32"/>
      <c r="EC42" s="32"/>
    </row>
    <row r="43" spans="2:133" x14ac:dyDescent="0.2">
      <c r="C43" s="33"/>
      <c r="D43" s="33"/>
      <c r="E43" s="33"/>
      <c r="F43" s="33"/>
      <c r="G43" s="33"/>
      <c r="H43" s="33"/>
      <c r="I43" s="33"/>
      <c r="J43" s="33"/>
      <c r="K43" s="33"/>
      <c r="L43" s="33"/>
      <c r="M43" s="33"/>
      <c r="N43" s="33"/>
      <c r="O43" s="33"/>
      <c r="P43" s="33"/>
      <c r="Q43" s="33"/>
      <c r="R43" s="33"/>
      <c r="S43" s="33"/>
      <c r="T43" s="33"/>
      <c r="U43" s="33"/>
      <c r="V43" s="33"/>
      <c r="W43" s="33"/>
      <c r="X43" s="33"/>
      <c r="Y43" s="33"/>
      <c r="Z43" s="33"/>
      <c r="AA43" s="33"/>
      <c r="AB43" s="33"/>
      <c r="AC43" s="33"/>
      <c r="AD43" s="33"/>
      <c r="AE43" s="33"/>
      <c r="AF43" s="33"/>
      <c r="AG43" s="32"/>
      <c r="AH43" s="32"/>
      <c r="AI43" s="32"/>
      <c r="AJ43" s="32"/>
      <c r="AK43" s="32"/>
      <c r="AL43" s="32"/>
      <c r="AM43" s="32"/>
      <c r="AN43" s="32"/>
      <c r="AO43" s="32"/>
      <c r="AP43" s="32"/>
      <c r="AQ43" s="32"/>
      <c r="AR43" s="32"/>
      <c r="AS43" s="32"/>
      <c r="AT43" s="32"/>
      <c r="AU43" s="32"/>
      <c r="AV43" s="32"/>
      <c r="AW43" s="32"/>
      <c r="AX43" s="32"/>
      <c r="AY43" s="32"/>
      <c r="AZ43" s="32"/>
      <c r="BA43" s="32"/>
      <c r="BB43" s="32"/>
      <c r="BC43" s="32"/>
      <c r="BD43" s="32"/>
      <c r="BE43" s="32"/>
      <c r="BF43" s="32"/>
      <c r="BG43" s="32"/>
      <c r="BH43" s="32"/>
      <c r="BI43" s="32"/>
      <c r="BJ43" s="32"/>
      <c r="BK43" s="32"/>
      <c r="BL43" s="32"/>
      <c r="BM43" s="32"/>
      <c r="BN43" s="32"/>
      <c r="BO43" s="32"/>
      <c r="BP43" s="32"/>
      <c r="BQ43" s="32"/>
      <c r="BR43" s="32"/>
      <c r="BS43" s="32"/>
      <c r="BT43" s="32"/>
      <c r="BU43" s="32"/>
      <c r="BV43" s="32"/>
      <c r="BW43" s="32"/>
      <c r="BX43" s="32"/>
      <c r="BY43" s="32"/>
      <c r="BZ43" s="32"/>
      <c r="CA43" s="32"/>
      <c r="CB43" s="32"/>
      <c r="CC43" s="32"/>
      <c r="CD43" s="32"/>
      <c r="CE43" s="32"/>
      <c r="CF43" s="32"/>
      <c r="CG43" s="32"/>
      <c r="CH43" s="32"/>
      <c r="CI43" s="32"/>
      <c r="CJ43" s="32"/>
      <c r="CK43" s="32"/>
      <c r="CL43" s="32"/>
      <c r="CM43" s="32"/>
      <c r="CN43" s="32"/>
      <c r="CO43" s="32"/>
      <c r="CP43" s="32"/>
      <c r="CQ43" s="32"/>
      <c r="CR43" s="32"/>
      <c r="CS43" s="32"/>
      <c r="CT43" s="32"/>
      <c r="CU43" s="32"/>
      <c r="CV43" s="32"/>
      <c r="CW43" s="32"/>
      <c r="CX43" s="32"/>
      <c r="CY43" s="32"/>
      <c r="CZ43" s="32"/>
      <c r="DA43" s="32"/>
      <c r="DB43" s="32"/>
      <c r="DC43" s="32"/>
      <c r="DD43" s="32"/>
      <c r="DE43" s="32"/>
      <c r="DF43" s="32"/>
      <c r="DG43" s="32"/>
      <c r="DH43" s="32"/>
      <c r="DI43" s="32"/>
      <c r="DJ43" s="32"/>
      <c r="DK43" s="32"/>
      <c r="DL43" s="32"/>
      <c r="DM43" s="32"/>
      <c r="DN43" s="32"/>
      <c r="DO43" s="32"/>
      <c r="DP43" s="32"/>
      <c r="DQ43" s="32"/>
      <c r="DR43" s="32"/>
      <c r="DS43" s="32"/>
      <c r="DT43" s="32"/>
      <c r="DU43" s="32"/>
      <c r="DV43" s="32"/>
      <c r="DW43" s="32"/>
      <c r="DX43" s="32"/>
      <c r="DY43" s="32"/>
      <c r="DZ43" s="32"/>
      <c r="EA43" s="32"/>
      <c r="EB43" s="32"/>
      <c r="EC43" s="32"/>
    </row>
    <row r="44" spans="2:133" x14ac:dyDescent="0.2">
      <c r="C44" s="33"/>
      <c r="D44" s="33"/>
      <c r="E44" s="33"/>
      <c r="F44" s="33"/>
      <c r="G44" s="33"/>
      <c r="H44" s="33"/>
      <c r="I44" s="33"/>
      <c r="J44" s="33"/>
      <c r="K44" s="33"/>
      <c r="L44" s="33"/>
      <c r="M44" s="33"/>
      <c r="N44" s="33"/>
      <c r="O44" s="33"/>
      <c r="P44" s="33"/>
      <c r="Q44" s="33"/>
      <c r="R44" s="33"/>
      <c r="S44" s="33"/>
      <c r="T44" s="33"/>
      <c r="U44" s="33"/>
      <c r="V44" s="33"/>
      <c r="W44" s="33"/>
      <c r="X44" s="33"/>
      <c r="Y44" s="33"/>
      <c r="Z44" s="33"/>
      <c r="AA44" s="33"/>
      <c r="AB44" s="33"/>
      <c r="AC44" s="33"/>
      <c r="AD44" s="33"/>
      <c r="AE44" s="33"/>
      <c r="AF44" s="33"/>
      <c r="AG44" s="32"/>
      <c r="AH44" s="32"/>
      <c r="AI44" s="32"/>
      <c r="AJ44" s="32"/>
      <c r="AK44" s="32"/>
      <c r="AL44" s="32"/>
      <c r="AM44" s="32"/>
      <c r="AN44" s="32"/>
      <c r="AO44" s="32"/>
      <c r="AP44" s="32"/>
      <c r="AQ44" s="32"/>
      <c r="AR44" s="32"/>
      <c r="AS44" s="32"/>
      <c r="AT44" s="32"/>
      <c r="AU44" s="32"/>
      <c r="AV44" s="32"/>
      <c r="AW44" s="32"/>
      <c r="AX44" s="32"/>
      <c r="AY44" s="32"/>
      <c r="AZ44" s="32"/>
      <c r="BA44" s="32"/>
      <c r="BB44" s="32"/>
      <c r="BC44" s="32"/>
      <c r="BD44" s="32"/>
      <c r="BE44" s="32"/>
      <c r="BF44" s="32"/>
      <c r="BG44" s="32"/>
      <c r="BH44" s="32"/>
      <c r="BI44" s="32"/>
      <c r="BJ44" s="32"/>
      <c r="BK44" s="32"/>
      <c r="BL44" s="32"/>
      <c r="BM44" s="32"/>
      <c r="BN44" s="32"/>
      <c r="BO44" s="32"/>
      <c r="BP44" s="32"/>
      <c r="BQ44" s="32"/>
      <c r="BR44" s="32"/>
      <c r="BS44" s="32"/>
      <c r="BT44" s="32"/>
      <c r="BU44" s="32"/>
      <c r="BV44" s="32"/>
      <c r="BW44" s="32"/>
      <c r="BX44" s="32"/>
      <c r="BY44" s="32"/>
      <c r="BZ44" s="32"/>
      <c r="CA44" s="32"/>
      <c r="CB44" s="32"/>
      <c r="CC44" s="32"/>
      <c r="CD44" s="32"/>
      <c r="CE44" s="32"/>
      <c r="CF44" s="32"/>
      <c r="CG44" s="32"/>
      <c r="CH44" s="32"/>
      <c r="CI44" s="32"/>
      <c r="CJ44" s="32"/>
      <c r="CK44" s="32"/>
      <c r="CL44" s="32"/>
      <c r="CM44" s="32"/>
      <c r="CN44" s="32"/>
      <c r="CO44" s="32"/>
      <c r="CP44" s="32"/>
      <c r="CQ44" s="32"/>
      <c r="CR44" s="32"/>
      <c r="CS44" s="32"/>
      <c r="CT44" s="32"/>
      <c r="CU44" s="32"/>
      <c r="CV44" s="32"/>
      <c r="CW44" s="32"/>
      <c r="CX44" s="32"/>
      <c r="CY44" s="32"/>
      <c r="CZ44" s="32"/>
      <c r="DA44" s="32"/>
      <c r="DB44" s="32"/>
      <c r="DC44" s="32"/>
      <c r="DD44" s="32"/>
      <c r="DE44" s="32"/>
      <c r="DF44" s="32"/>
      <c r="DG44" s="32"/>
      <c r="DH44" s="32"/>
      <c r="DI44" s="32"/>
      <c r="DJ44" s="32"/>
      <c r="DK44" s="32"/>
      <c r="DL44" s="32"/>
      <c r="DM44" s="32"/>
      <c r="DN44" s="32"/>
      <c r="DO44" s="32"/>
      <c r="DP44" s="32"/>
      <c r="DQ44" s="32"/>
      <c r="DR44" s="32"/>
      <c r="DS44" s="32"/>
      <c r="DT44" s="32"/>
      <c r="DU44" s="32"/>
      <c r="DV44" s="32"/>
      <c r="DW44" s="32"/>
      <c r="DX44" s="32"/>
      <c r="DY44" s="32"/>
      <c r="DZ44" s="32"/>
      <c r="EA44" s="32"/>
      <c r="EB44" s="32"/>
      <c r="EC44" s="32"/>
    </row>
    <row r="45" spans="2:133" x14ac:dyDescent="0.2">
      <c r="C45" s="33"/>
      <c r="D45" s="33"/>
      <c r="E45" s="33"/>
      <c r="F45" s="33"/>
      <c r="G45" s="33"/>
      <c r="H45" s="33"/>
      <c r="I45" s="33"/>
      <c r="J45" s="33"/>
      <c r="K45" s="33"/>
      <c r="L45" s="33"/>
      <c r="M45" s="33"/>
      <c r="N45" s="33"/>
      <c r="O45" s="33"/>
      <c r="P45" s="33"/>
      <c r="Q45" s="33"/>
      <c r="R45" s="33"/>
      <c r="S45" s="33"/>
      <c r="T45" s="33"/>
      <c r="U45" s="33"/>
      <c r="V45" s="33"/>
      <c r="W45" s="33"/>
      <c r="X45" s="33"/>
      <c r="Y45" s="33"/>
      <c r="Z45" s="33"/>
      <c r="AA45" s="33"/>
      <c r="AB45" s="33"/>
      <c r="AC45" s="33"/>
      <c r="AD45" s="33"/>
      <c r="AE45" s="33"/>
      <c r="AF45" s="33"/>
      <c r="AG45" s="32"/>
      <c r="AH45" s="32"/>
      <c r="AI45" s="32"/>
      <c r="AJ45" s="32"/>
      <c r="AK45" s="32"/>
      <c r="AL45" s="32"/>
      <c r="AM45" s="32"/>
      <c r="AN45" s="32"/>
      <c r="AO45" s="32"/>
      <c r="AP45" s="32"/>
      <c r="AQ45" s="32"/>
      <c r="AR45" s="32"/>
      <c r="AS45" s="32"/>
      <c r="AT45" s="32"/>
      <c r="AU45" s="32"/>
      <c r="AV45" s="32"/>
      <c r="AW45" s="32"/>
      <c r="AX45" s="32"/>
      <c r="AY45" s="32"/>
      <c r="AZ45" s="32"/>
      <c r="BA45" s="32"/>
      <c r="BB45" s="32"/>
      <c r="BC45" s="32"/>
      <c r="BD45" s="32"/>
      <c r="BE45" s="32"/>
      <c r="BF45" s="32"/>
      <c r="BG45" s="32"/>
      <c r="BH45" s="32"/>
      <c r="BI45" s="32"/>
      <c r="BJ45" s="32"/>
      <c r="BK45" s="32"/>
      <c r="BL45" s="32"/>
      <c r="BM45" s="32"/>
      <c r="BN45" s="32"/>
      <c r="BO45" s="32"/>
      <c r="BP45" s="32"/>
      <c r="BQ45" s="32"/>
      <c r="BR45" s="32"/>
      <c r="BS45" s="32"/>
      <c r="BT45" s="32"/>
      <c r="BU45" s="32"/>
      <c r="BV45" s="32"/>
      <c r="BW45" s="32"/>
      <c r="BX45" s="32"/>
      <c r="BY45" s="32"/>
      <c r="BZ45" s="32"/>
      <c r="CA45" s="32"/>
      <c r="CB45" s="32"/>
      <c r="CC45" s="32"/>
      <c r="CD45" s="32"/>
      <c r="CE45" s="32"/>
      <c r="CF45" s="32"/>
      <c r="CG45" s="32"/>
      <c r="CH45" s="32"/>
      <c r="CI45" s="32"/>
      <c r="CJ45" s="32"/>
      <c r="CK45" s="32"/>
      <c r="CL45" s="32"/>
      <c r="CM45" s="32"/>
      <c r="CN45" s="32"/>
      <c r="CO45" s="32"/>
      <c r="CP45" s="32"/>
      <c r="CQ45" s="32"/>
      <c r="CR45" s="32"/>
      <c r="CS45" s="32"/>
      <c r="CT45" s="32"/>
      <c r="CU45" s="32"/>
      <c r="CV45" s="32"/>
      <c r="CW45" s="32"/>
      <c r="CX45" s="32"/>
      <c r="CY45" s="32"/>
      <c r="CZ45" s="32"/>
      <c r="DA45" s="32"/>
      <c r="DB45" s="32"/>
      <c r="DC45" s="32"/>
      <c r="DD45" s="32"/>
      <c r="DE45" s="32"/>
      <c r="DF45" s="32"/>
      <c r="DG45" s="32"/>
      <c r="DH45" s="32"/>
      <c r="DI45" s="32"/>
      <c r="DJ45" s="32"/>
      <c r="DK45" s="32"/>
      <c r="DL45" s="32"/>
      <c r="DM45" s="32"/>
      <c r="DN45" s="32"/>
      <c r="DO45" s="32"/>
      <c r="DP45" s="32"/>
      <c r="DQ45" s="32"/>
      <c r="DR45" s="32"/>
      <c r="DS45" s="32"/>
      <c r="DT45" s="32"/>
      <c r="DU45" s="32"/>
      <c r="DV45" s="32"/>
      <c r="DW45" s="32"/>
      <c r="DX45" s="32"/>
      <c r="DY45" s="32"/>
      <c r="DZ45" s="32"/>
      <c r="EA45" s="32"/>
      <c r="EB45" s="32"/>
      <c r="EC45" s="32"/>
    </row>
    <row r="46" spans="2:133" x14ac:dyDescent="0.2">
      <c r="C46" s="3"/>
      <c r="D46" s="3"/>
      <c r="E46" s="3"/>
      <c r="F46" s="3"/>
      <c r="G46" s="3"/>
      <c r="H46" s="3"/>
      <c r="I46" s="3"/>
      <c r="J46" s="3"/>
      <c r="K46" s="3"/>
      <c r="L46" s="3"/>
      <c r="M46" s="3"/>
      <c r="N46" s="3"/>
      <c r="O46" s="3"/>
      <c r="P46" s="3"/>
      <c r="Q46" s="3"/>
      <c r="R46" s="3"/>
      <c r="S46" s="3"/>
      <c r="T46" s="3"/>
      <c r="U46" s="3"/>
      <c r="V46" s="3"/>
      <c r="W46" s="3"/>
      <c r="X46" s="3"/>
      <c r="Y46" s="3"/>
      <c r="Z46" s="3"/>
      <c r="AA46" s="3"/>
      <c r="AB46" s="3"/>
      <c r="AC46" s="3"/>
      <c r="AD46" s="3"/>
      <c r="AE46" s="3"/>
      <c r="AF46" s="3"/>
    </row>
    <row r="47" spans="2:133" x14ac:dyDescent="0.2">
      <c r="C47" s="3"/>
      <c r="D47" s="3"/>
      <c r="E47" s="3"/>
      <c r="F47" s="3"/>
      <c r="G47" s="3"/>
      <c r="H47" s="3"/>
      <c r="I47" s="3"/>
      <c r="J47" s="3"/>
      <c r="K47" s="3"/>
      <c r="L47" s="3"/>
      <c r="M47" s="3"/>
      <c r="N47" s="3"/>
      <c r="O47" s="3"/>
      <c r="P47" s="3"/>
      <c r="Q47" s="3"/>
      <c r="R47" s="3"/>
      <c r="S47" s="3"/>
      <c r="T47" s="3"/>
      <c r="U47" s="3"/>
      <c r="V47" s="3"/>
      <c r="W47" s="3"/>
      <c r="X47" s="3"/>
      <c r="Y47" s="3"/>
      <c r="Z47" s="3"/>
      <c r="AA47" s="3"/>
      <c r="AB47" s="3"/>
      <c r="AC47" s="3"/>
      <c r="AD47" s="3"/>
      <c r="AE47" s="3"/>
      <c r="AF47" s="3"/>
    </row>
    <row r="48" spans="2:133" x14ac:dyDescent="0.2">
      <c r="C48" s="3"/>
      <c r="D48" s="3"/>
      <c r="E48" s="3"/>
      <c r="F48" s="3"/>
      <c r="G48" s="3"/>
      <c r="H48" s="3"/>
      <c r="I48" s="3"/>
      <c r="J48" s="3"/>
      <c r="K48" s="3"/>
      <c r="L48" s="3"/>
      <c r="M48" s="3"/>
      <c r="N48" s="3"/>
      <c r="O48" s="3"/>
      <c r="P48" s="3"/>
      <c r="Q48" s="3"/>
      <c r="R48" s="3"/>
      <c r="S48" s="3"/>
      <c r="T48" s="3"/>
      <c r="U48" s="3"/>
      <c r="V48" s="3"/>
      <c r="W48" s="3"/>
      <c r="X48" s="3"/>
      <c r="Y48" s="3"/>
      <c r="Z48" s="3"/>
      <c r="AA48" s="3"/>
      <c r="AB48" s="3"/>
      <c r="AC48" s="3"/>
      <c r="AD48" s="3"/>
      <c r="AE48" s="3"/>
      <c r="AF48" s="3"/>
    </row>
    <row r="49" spans="3:32" x14ac:dyDescent="0.2">
      <c r="C49" s="3"/>
      <c r="D49" s="3"/>
      <c r="E49" s="3"/>
      <c r="F49" s="3"/>
      <c r="G49" s="3"/>
      <c r="H49" s="3"/>
      <c r="I49" s="3"/>
      <c r="J49" s="3"/>
      <c r="K49" s="3"/>
      <c r="L49" s="3"/>
      <c r="M49" s="3"/>
      <c r="N49" s="3"/>
      <c r="O49" s="3"/>
      <c r="P49" s="3"/>
      <c r="Q49" s="3"/>
      <c r="R49" s="3"/>
      <c r="S49" s="3"/>
      <c r="T49" s="3"/>
      <c r="U49" s="3"/>
      <c r="V49" s="3"/>
      <c r="W49" s="3"/>
      <c r="X49" s="3"/>
      <c r="Y49" s="3"/>
      <c r="Z49" s="3"/>
      <c r="AA49" s="3"/>
      <c r="AB49" s="3"/>
      <c r="AC49" s="3"/>
      <c r="AD49" s="3"/>
      <c r="AE49" s="3"/>
      <c r="AF49" s="3"/>
    </row>
    <row r="50" spans="3:32" x14ac:dyDescent="0.2">
      <c r="C50" s="3"/>
      <c r="D50" s="3"/>
      <c r="E50" s="3"/>
      <c r="F50" s="3"/>
      <c r="G50" s="3"/>
      <c r="H50" s="3"/>
      <c r="I50" s="3"/>
      <c r="J50" s="3"/>
      <c r="K50" s="3"/>
      <c r="L50" s="3"/>
      <c r="M50" s="3"/>
      <c r="N50" s="3"/>
      <c r="O50" s="3"/>
      <c r="P50" s="3"/>
      <c r="Q50" s="3"/>
      <c r="R50" s="3"/>
      <c r="S50" s="3"/>
      <c r="T50" s="3"/>
      <c r="U50" s="3"/>
      <c r="V50" s="3"/>
      <c r="W50" s="3"/>
      <c r="X50" s="3"/>
      <c r="Y50" s="3"/>
      <c r="Z50" s="3"/>
      <c r="AA50" s="3"/>
      <c r="AB50" s="3"/>
      <c r="AC50" s="3"/>
      <c r="AD50" s="3"/>
      <c r="AE50" s="3"/>
      <c r="AF50" s="3"/>
    </row>
    <row r="51" spans="3:32" x14ac:dyDescent="0.2">
      <c r="C51" s="3"/>
      <c r="D51" s="3"/>
      <c r="E51" s="3"/>
      <c r="F51" s="3"/>
      <c r="G51" s="3"/>
      <c r="H51" s="3"/>
      <c r="I51" s="3"/>
      <c r="J51" s="3"/>
      <c r="K51" s="3"/>
      <c r="L51" s="3"/>
      <c r="M51" s="3"/>
      <c r="N51" s="3"/>
      <c r="O51" s="3"/>
      <c r="P51" s="3"/>
      <c r="Q51" s="3"/>
      <c r="R51" s="3"/>
      <c r="S51" s="3"/>
      <c r="T51" s="3"/>
      <c r="U51" s="3"/>
      <c r="V51" s="3"/>
      <c r="W51" s="3"/>
      <c r="X51" s="3"/>
      <c r="Y51" s="3"/>
      <c r="Z51" s="3"/>
      <c r="AA51" s="3"/>
      <c r="AB51" s="3"/>
      <c r="AC51" s="3"/>
      <c r="AD51" s="3"/>
      <c r="AE51" s="3"/>
      <c r="AF51" s="3"/>
    </row>
    <row r="52" spans="3:32" x14ac:dyDescent="0.2">
      <c r="C52" s="3"/>
      <c r="D52" s="3"/>
      <c r="E52" s="3"/>
      <c r="F52" s="3"/>
      <c r="G52" s="3"/>
      <c r="H52" s="3"/>
      <c r="I52" s="3"/>
      <c r="J52" s="3"/>
      <c r="K52" s="3"/>
      <c r="L52" s="3"/>
      <c r="M52" s="3"/>
      <c r="N52" s="3"/>
      <c r="O52" s="3"/>
      <c r="P52" s="3"/>
      <c r="Q52" s="3"/>
      <c r="R52" s="3"/>
      <c r="S52" s="3"/>
      <c r="T52" s="3"/>
      <c r="U52" s="3"/>
      <c r="V52" s="3"/>
      <c r="W52" s="3"/>
      <c r="X52" s="3"/>
      <c r="Y52" s="3"/>
      <c r="Z52" s="3"/>
      <c r="AA52" s="3"/>
      <c r="AB52" s="3"/>
      <c r="AC52" s="3"/>
      <c r="AD52" s="3"/>
      <c r="AE52" s="3"/>
      <c r="AF52" s="3"/>
    </row>
    <row r="53" spans="3:32" x14ac:dyDescent="0.2">
      <c r="C53" s="3"/>
      <c r="D53" s="3"/>
      <c r="E53" s="3"/>
      <c r="F53" s="3"/>
      <c r="G53" s="3"/>
      <c r="H53" s="3"/>
      <c r="I53" s="3"/>
      <c r="J53" s="3"/>
      <c r="K53" s="3"/>
      <c r="L53" s="3"/>
      <c r="M53" s="3"/>
      <c r="N53" s="3"/>
      <c r="O53" s="3"/>
      <c r="P53" s="3"/>
      <c r="Q53" s="3"/>
      <c r="R53" s="3"/>
      <c r="S53" s="3"/>
      <c r="T53" s="3"/>
      <c r="U53" s="3"/>
      <c r="V53" s="3"/>
      <c r="W53" s="3"/>
      <c r="X53" s="3"/>
      <c r="Y53" s="3"/>
      <c r="Z53" s="3"/>
      <c r="AA53" s="3"/>
      <c r="AB53" s="3"/>
      <c r="AC53" s="3"/>
      <c r="AD53" s="3"/>
      <c r="AE53" s="3"/>
      <c r="AF53" s="3"/>
    </row>
    <row r="54" spans="3:32" x14ac:dyDescent="0.2">
      <c r="C54" s="3"/>
      <c r="D54" s="3"/>
      <c r="E54" s="3"/>
      <c r="F54" s="3"/>
      <c r="G54" s="3"/>
      <c r="H54" s="3"/>
      <c r="I54" s="3"/>
      <c r="J54" s="3"/>
      <c r="K54" s="3"/>
      <c r="L54" s="3"/>
      <c r="M54" s="3"/>
      <c r="N54" s="3"/>
      <c r="O54" s="3"/>
      <c r="P54" s="3"/>
      <c r="Q54" s="3"/>
      <c r="R54" s="3"/>
      <c r="S54" s="3"/>
      <c r="T54" s="3"/>
      <c r="U54" s="3"/>
      <c r="V54" s="3"/>
      <c r="W54" s="3"/>
      <c r="X54" s="3"/>
      <c r="Y54" s="3"/>
      <c r="Z54" s="3"/>
      <c r="AA54" s="3"/>
      <c r="AB54" s="3"/>
      <c r="AC54" s="3"/>
      <c r="AD54" s="3"/>
      <c r="AE54" s="3"/>
      <c r="AF54" s="3"/>
    </row>
    <row r="55" spans="3:32" x14ac:dyDescent="0.2">
      <c r="C55" s="3"/>
      <c r="D55" s="3"/>
      <c r="E55" s="3"/>
      <c r="F55" s="3"/>
      <c r="G55" s="3"/>
      <c r="H55" s="3"/>
      <c r="I55" s="3"/>
      <c r="J55" s="3"/>
      <c r="K55" s="3"/>
      <c r="L55" s="3"/>
      <c r="M55" s="3"/>
      <c r="N55" s="3"/>
      <c r="O55" s="3"/>
      <c r="P55" s="3"/>
      <c r="Q55" s="3"/>
      <c r="R55" s="3"/>
      <c r="S55" s="3"/>
      <c r="T55" s="3"/>
      <c r="U55" s="3"/>
      <c r="V55" s="3"/>
      <c r="W55" s="3"/>
      <c r="X55" s="3"/>
      <c r="Y55" s="3"/>
      <c r="Z55" s="3"/>
      <c r="AA55" s="3"/>
      <c r="AB55" s="3"/>
      <c r="AC55" s="3"/>
      <c r="AD55" s="3"/>
      <c r="AE55" s="3"/>
      <c r="AF55" s="3"/>
    </row>
    <row r="56" spans="3:32" x14ac:dyDescent="0.2">
      <c r="C56" s="3"/>
      <c r="D56" s="3"/>
      <c r="E56" s="3"/>
      <c r="F56" s="3"/>
      <c r="G56" s="3"/>
      <c r="H56" s="3"/>
      <c r="I56" s="3"/>
      <c r="J56" s="3"/>
      <c r="K56" s="3"/>
      <c r="L56" s="3"/>
      <c r="M56" s="3"/>
      <c r="N56" s="3"/>
      <c r="O56" s="3"/>
      <c r="P56" s="3"/>
      <c r="Q56" s="3"/>
      <c r="R56" s="3"/>
      <c r="S56" s="3"/>
      <c r="T56" s="3"/>
      <c r="U56" s="3"/>
      <c r="V56" s="3"/>
      <c r="W56" s="3"/>
      <c r="X56" s="3"/>
      <c r="Y56" s="3"/>
      <c r="Z56" s="3"/>
      <c r="AA56" s="3"/>
      <c r="AB56" s="3"/>
      <c r="AC56" s="3"/>
      <c r="AD56" s="3"/>
      <c r="AE56" s="3"/>
      <c r="AF56" s="3"/>
    </row>
    <row r="57" spans="3:32" x14ac:dyDescent="0.2">
      <c r="C57" s="3"/>
      <c r="D57" s="3"/>
      <c r="E57" s="3"/>
      <c r="F57" s="3"/>
      <c r="G57" s="3"/>
      <c r="H57" s="3"/>
      <c r="I57" s="3"/>
      <c r="J57" s="3"/>
      <c r="K57" s="3"/>
      <c r="L57" s="3"/>
      <c r="M57" s="3"/>
      <c r="N57" s="3"/>
      <c r="O57" s="3"/>
      <c r="P57" s="3"/>
      <c r="Q57" s="3"/>
      <c r="R57" s="3"/>
      <c r="S57" s="3"/>
      <c r="T57" s="3"/>
      <c r="U57" s="3"/>
      <c r="V57" s="3"/>
      <c r="W57" s="3"/>
      <c r="X57" s="3"/>
      <c r="Y57" s="3"/>
      <c r="Z57" s="3"/>
      <c r="AA57" s="3"/>
      <c r="AB57" s="3"/>
      <c r="AC57" s="3"/>
      <c r="AD57" s="3"/>
      <c r="AE57" s="3"/>
      <c r="AF57" s="3"/>
    </row>
    <row r="58" spans="3:32" x14ac:dyDescent="0.2">
      <c r="C58" s="3"/>
      <c r="D58" s="3"/>
      <c r="E58" s="3"/>
      <c r="F58" s="3"/>
      <c r="G58" s="3"/>
      <c r="H58" s="3"/>
      <c r="I58" s="3"/>
      <c r="J58" s="3"/>
      <c r="K58" s="3"/>
      <c r="L58" s="3"/>
      <c r="M58" s="3"/>
      <c r="N58" s="3"/>
      <c r="O58" s="3"/>
      <c r="P58" s="3"/>
      <c r="Q58" s="3"/>
      <c r="R58" s="3"/>
      <c r="S58" s="3"/>
      <c r="T58" s="3"/>
      <c r="U58" s="3"/>
      <c r="V58" s="3"/>
      <c r="W58" s="3"/>
      <c r="X58" s="3"/>
      <c r="Y58" s="3"/>
      <c r="Z58" s="3"/>
      <c r="AA58" s="3"/>
      <c r="AB58" s="3"/>
      <c r="AC58" s="3"/>
      <c r="AD58" s="3"/>
      <c r="AE58" s="3"/>
      <c r="AF58" s="3"/>
    </row>
    <row r="59" spans="3:32" x14ac:dyDescent="0.2">
      <c r="C59" s="3"/>
      <c r="D59" s="3"/>
      <c r="E59" s="3"/>
      <c r="F59" s="3"/>
      <c r="G59" s="3"/>
      <c r="H59" s="3"/>
      <c r="I59" s="3"/>
      <c r="J59" s="3"/>
      <c r="K59" s="3"/>
      <c r="L59" s="3"/>
      <c r="M59" s="3"/>
      <c r="N59" s="3"/>
      <c r="O59" s="3"/>
      <c r="P59" s="3"/>
      <c r="Q59" s="3"/>
      <c r="R59" s="3"/>
      <c r="S59" s="3"/>
      <c r="T59" s="3"/>
      <c r="U59" s="3"/>
      <c r="V59" s="3"/>
      <c r="W59" s="3"/>
      <c r="X59" s="3"/>
      <c r="Y59" s="3"/>
      <c r="Z59" s="3"/>
      <c r="AA59" s="3"/>
      <c r="AB59" s="3"/>
      <c r="AC59" s="3"/>
      <c r="AD59" s="3"/>
      <c r="AE59" s="3"/>
      <c r="AF59" s="3"/>
    </row>
    <row r="60" spans="3:32" x14ac:dyDescent="0.2">
      <c r="C60" s="3"/>
      <c r="D60" s="3"/>
      <c r="E60" s="3"/>
      <c r="F60" s="3"/>
      <c r="G60" s="3"/>
      <c r="H60" s="3"/>
      <c r="I60" s="3"/>
      <c r="J60" s="3"/>
      <c r="K60" s="3"/>
      <c r="L60" s="3"/>
      <c r="M60" s="3"/>
      <c r="N60" s="3"/>
      <c r="O60" s="3"/>
      <c r="P60" s="3"/>
      <c r="Q60" s="3"/>
      <c r="R60" s="3"/>
      <c r="S60" s="3"/>
      <c r="T60" s="3"/>
      <c r="U60" s="3"/>
      <c r="V60" s="3"/>
      <c r="W60" s="3"/>
      <c r="X60" s="3"/>
      <c r="Y60" s="3"/>
      <c r="Z60" s="3"/>
      <c r="AA60" s="3"/>
      <c r="AB60" s="3"/>
      <c r="AC60" s="3"/>
      <c r="AD60" s="3"/>
      <c r="AE60" s="3"/>
      <c r="AF60" s="3"/>
    </row>
    <row r="61" spans="3:32" x14ac:dyDescent="0.2">
      <c r="C61" s="3"/>
      <c r="D61" s="3"/>
      <c r="E61" s="3"/>
      <c r="F61" s="3"/>
      <c r="G61" s="3"/>
      <c r="H61" s="3"/>
      <c r="I61" s="3"/>
      <c r="J61" s="3"/>
      <c r="K61" s="3"/>
      <c r="L61" s="3"/>
      <c r="M61" s="3"/>
      <c r="N61" s="3"/>
      <c r="O61" s="3"/>
      <c r="P61" s="3"/>
      <c r="Q61" s="3"/>
      <c r="R61" s="3"/>
      <c r="S61" s="3"/>
      <c r="T61" s="3"/>
      <c r="U61" s="3"/>
      <c r="V61" s="3"/>
      <c r="W61" s="3"/>
      <c r="X61" s="3"/>
      <c r="Y61" s="3"/>
      <c r="Z61" s="3"/>
      <c r="AA61" s="3"/>
      <c r="AB61" s="3"/>
      <c r="AC61" s="3"/>
      <c r="AD61" s="3"/>
      <c r="AE61" s="3"/>
      <c r="AF61" s="3"/>
    </row>
    <row r="62" spans="3:32" x14ac:dyDescent="0.2">
      <c r="C62" s="3"/>
      <c r="D62" s="3"/>
      <c r="E62" s="3"/>
      <c r="F62" s="3"/>
      <c r="G62" s="3"/>
      <c r="H62" s="3"/>
      <c r="I62" s="3"/>
      <c r="J62" s="3"/>
      <c r="K62" s="3"/>
      <c r="L62" s="3"/>
      <c r="M62" s="3"/>
      <c r="N62" s="3"/>
      <c r="O62" s="3"/>
      <c r="P62" s="3"/>
      <c r="Q62" s="3"/>
      <c r="R62" s="3"/>
      <c r="S62" s="3"/>
      <c r="T62" s="3"/>
      <c r="U62" s="3"/>
      <c r="V62" s="3"/>
      <c r="W62" s="3"/>
      <c r="X62" s="3"/>
      <c r="Y62" s="3"/>
      <c r="Z62" s="3"/>
      <c r="AA62" s="3"/>
      <c r="AB62" s="3"/>
      <c r="AC62" s="3"/>
      <c r="AD62" s="3"/>
      <c r="AE62" s="3"/>
      <c r="AF62" s="3"/>
    </row>
    <row r="63" spans="3:32" x14ac:dyDescent="0.2">
      <c r="C63" s="3"/>
      <c r="D63" s="3"/>
      <c r="E63" s="3"/>
      <c r="F63" s="3"/>
      <c r="G63" s="3"/>
      <c r="H63" s="3"/>
      <c r="I63" s="3"/>
      <c r="J63" s="3"/>
      <c r="K63" s="3"/>
      <c r="L63" s="3"/>
      <c r="M63" s="3"/>
      <c r="N63" s="3"/>
      <c r="O63" s="3"/>
      <c r="P63" s="3"/>
      <c r="Q63" s="3"/>
      <c r="R63" s="3"/>
      <c r="S63" s="3"/>
      <c r="T63" s="3"/>
      <c r="U63" s="3"/>
      <c r="V63" s="3"/>
      <c r="W63" s="3"/>
      <c r="X63" s="3"/>
      <c r="Y63" s="3"/>
      <c r="Z63" s="3"/>
      <c r="AA63" s="3"/>
      <c r="AB63" s="3"/>
      <c r="AC63" s="3"/>
      <c r="AD63" s="3"/>
      <c r="AE63" s="3"/>
      <c r="AF63" s="3"/>
    </row>
    <row r="64" spans="3:32" x14ac:dyDescent="0.2">
      <c r="C64" s="3"/>
      <c r="D64" s="3"/>
      <c r="E64" s="3"/>
      <c r="F64" s="3"/>
      <c r="G64" s="3"/>
      <c r="H64" s="3"/>
      <c r="I64" s="3"/>
      <c r="J64" s="3"/>
      <c r="K64" s="3"/>
      <c r="L64" s="3"/>
      <c r="M64" s="3"/>
      <c r="N64" s="3"/>
      <c r="O64" s="3"/>
      <c r="P64" s="3"/>
      <c r="Q64" s="3"/>
      <c r="R64" s="3"/>
      <c r="S64" s="3"/>
      <c r="T64" s="3"/>
      <c r="U64" s="3"/>
      <c r="V64" s="3"/>
      <c r="W64" s="3"/>
      <c r="X64" s="3"/>
      <c r="Y64" s="3"/>
      <c r="Z64" s="3"/>
      <c r="AA64" s="3"/>
      <c r="AB64" s="3"/>
      <c r="AC64" s="3"/>
      <c r="AD64" s="3"/>
      <c r="AE64" s="3"/>
      <c r="AF64" s="3"/>
    </row>
    <row r="65" spans="3:32" x14ac:dyDescent="0.2">
      <c r="C65" s="3"/>
      <c r="D65" s="3"/>
      <c r="E65" s="3"/>
      <c r="F65" s="3"/>
      <c r="G65" s="3"/>
      <c r="H65" s="3"/>
      <c r="I65" s="3"/>
      <c r="J65" s="3"/>
      <c r="K65" s="3"/>
      <c r="L65" s="3"/>
      <c r="M65" s="3"/>
      <c r="N65" s="3"/>
      <c r="O65" s="3"/>
      <c r="P65" s="3"/>
      <c r="Q65" s="3"/>
      <c r="R65" s="3"/>
      <c r="S65" s="3"/>
      <c r="T65" s="3"/>
      <c r="U65" s="3"/>
      <c r="V65" s="3"/>
      <c r="W65" s="3"/>
      <c r="X65" s="3"/>
      <c r="Y65" s="3"/>
      <c r="Z65" s="3"/>
      <c r="AA65" s="3"/>
      <c r="AB65" s="3"/>
      <c r="AC65" s="3"/>
      <c r="AD65" s="3"/>
      <c r="AE65" s="3"/>
      <c r="AF65" s="3"/>
    </row>
    <row r="66" spans="3:32" x14ac:dyDescent="0.2">
      <c r="C66" s="3"/>
      <c r="D66" s="3"/>
      <c r="E66" s="3"/>
      <c r="F66" s="3"/>
      <c r="G66" s="3"/>
      <c r="H66" s="3"/>
      <c r="I66" s="3"/>
      <c r="J66" s="3"/>
      <c r="K66" s="3"/>
      <c r="L66" s="3"/>
      <c r="M66" s="3"/>
      <c r="N66" s="3"/>
      <c r="O66" s="3"/>
      <c r="P66" s="3"/>
      <c r="Q66" s="3"/>
      <c r="R66" s="3"/>
      <c r="S66" s="3"/>
      <c r="T66" s="3"/>
      <c r="U66" s="3"/>
      <c r="V66" s="3"/>
      <c r="W66" s="3"/>
      <c r="X66" s="3"/>
      <c r="Y66" s="3"/>
      <c r="Z66" s="3"/>
      <c r="AA66" s="3"/>
      <c r="AB66" s="3"/>
      <c r="AC66" s="3"/>
      <c r="AD66" s="3"/>
      <c r="AE66" s="3"/>
      <c r="AF66" s="3"/>
    </row>
    <row r="67" spans="3:32" x14ac:dyDescent="0.2">
      <c r="C67" s="3"/>
      <c r="D67" s="3"/>
      <c r="E67" s="3"/>
      <c r="F67" s="3"/>
      <c r="G67" s="3"/>
      <c r="H67" s="3"/>
      <c r="I67" s="3"/>
      <c r="J67" s="3"/>
      <c r="K67" s="3"/>
      <c r="L67" s="3"/>
      <c r="M67" s="3"/>
      <c r="N67" s="3"/>
      <c r="O67" s="3"/>
      <c r="P67" s="3"/>
      <c r="Q67" s="3"/>
      <c r="R67" s="3"/>
      <c r="S67" s="3"/>
      <c r="T67" s="3"/>
      <c r="U67" s="3"/>
      <c r="V67" s="3"/>
      <c r="W67" s="3"/>
      <c r="X67" s="3"/>
      <c r="Y67" s="3"/>
      <c r="Z67" s="3"/>
      <c r="AA67" s="3"/>
      <c r="AB67" s="3"/>
      <c r="AC67" s="3"/>
      <c r="AD67" s="3"/>
      <c r="AE67" s="3"/>
      <c r="AF67" s="3"/>
    </row>
    <row r="68" spans="3:32" x14ac:dyDescent="0.2">
      <c r="C68" s="3"/>
      <c r="D68" s="3"/>
      <c r="E68" s="3"/>
      <c r="F68" s="3"/>
      <c r="G68" s="3"/>
      <c r="H68" s="3"/>
      <c r="I68" s="3"/>
      <c r="J68" s="3"/>
      <c r="K68" s="3"/>
      <c r="L68" s="3"/>
      <c r="M68" s="3"/>
      <c r="N68" s="3"/>
      <c r="O68" s="3"/>
      <c r="P68" s="3"/>
      <c r="Q68" s="3"/>
      <c r="R68" s="3"/>
      <c r="S68" s="3"/>
      <c r="T68" s="3"/>
      <c r="U68" s="3"/>
      <c r="V68" s="3"/>
      <c r="W68" s="3"/>
      <c r="X68" s="3"/>
      <c r="Y68" s="3"/>
      <c r="Z68" s="3"/>
      <c r="AA68" s="3"/>
      <c r="AB68" s="3"/>
      <c r="AC68" s="3"/>
      <c r="AD68" s="3"/>
      <c r="AE68" s="3"/>
      <c r="AF68" s="3"/>
    </row>
    <row r="69" spans="3:32" x14ac:dyDescent="0.2">
      <c r="C69" s="3"/>
      <c r="D69" s="3"/>
      <c r="E69" s="3"/>
      <c r="F69" s="3"/>
      <c r="G69" s="3"/>
      <c r="H69" s="3"/>
      <c r="I69" s="3"/>
      <c r="J69" s="3"/>
      <c r="K69" s="3"/>
      <c r="L69" s="3"/>
      <c r="M69" s="3"/>
      <c r="N69" s="3"/>
      <c r="O69" s="3"/>
      <c r="P69" s="3"/>
      <c r="Q69" s="3"/>
      <c r="R69" s="3"/>
      <c r="S69" s="3"/>
      <c r="T69" s="3"/>
      <c r="U69" s="3"/>
      <c r="V69" s="3"/>
      <c r="W69" s="3"/>
      <c r="X69" s="3"/>
      <c r="Y69" s="3"/>
      <c r="Z69" s="3"/>
      <c r="AA69" s="3"/>
      <c r="AB69" s="3"/>
      <c r="AC69" s="3"/>
      <c r="AD69" s="3"/>
      <c r="AE69" s="3"/>
      <c r="AF69" s="3"/>
    </row>
    <row r="70" spans="3:32" x14ac:dyDescent="0.2">
      <c r="C70" s="3"/>
      <c r="D70" s="3"/>
      <c r="E70" s="3"/>
      <c r="F70" s="3"/>
      <c r="G70" s="3"/>
      <c r="H70" s="3"/>
      <c r="I70" s="3"/>
      <c r="J70" s="3"/>
      <c r="K70" s="3"/>
      <c r="L70" s="3"/>
      <c r="M70" s="3"/>
      <c r="N70" s="3"/>
      <c r="O70" s="3"/>
      <c r="P70" s="3"/>
      <c r="Q70" s="3"/>
      <c r="R70" s="3"/>
      <c r="S70" s="3"/>
      <c r="T70" s="3"/>
      <c r="U70" s="3"/>
      <c r="V70" s="3"/>
      <c r="W70" s="3"/>
      <c r="X70" s="3"/>
      <c r="Y70" s="3"/>
      <c r="Z70" s="3"/>
      <c r="AA70" s="3"/>
      <c r="AB70" s="3"/>
      <c r="AC70" s="3"/>
      <c r="AD70" s="3"/>
      <c r="AE70" s="3"/>
      <c r="AF70" s="3"/>
    </row>
    <row r="71" spans="3:32" x14ac:dyDescent="0.2">
      <c r="C71" s="3"/>
      <c r="D71" s="3"/>
      <c r="E71" s="3"/>
      <c r="F71" s="3"/>
      <c r="G71" s="3"/>
      <c r="H71" s="3"/>
      <c r="I71" s="3"/>
      <c r="J71" s="3"/>
      <c r="K71" s="3"/>
      <c r="L71" s="3"/>
      <c r="M71" s="3"/>
      <c r="N71" s="3"/>
      <c r="O71" s="3"/>
      <c r="P71" s="3"/>
      <c r="Q71" s="3"/>
      <c r="R71" s="3"/>
      <c r="S71" s="3"/>
      <c r="T71" s="3"/>
      <c r="U71" s="3"/>
      <c r="V71" s="3"/>
      <c r="W71" s="3"/>
      <c r="X71" s="3"/>
      <c r="Y71" s="3"/>
      <c r="Z71" s="3"/>
      <c r="AA71" s="3"/>
      <c r="AB71" s="3"/>
      <c r="AC71" s="3"/>
      <c r="AD71" s="3"/>
      <c r="AE71" s="3"/>
      <c r="AF71" s="3"/>
    </row>
    <row r="72" spans="3:32" x14ac:dyDescent="0.2">
      <c r="C72" s="3"/>
      <c r="D72" s="3"/>
      <c r="E72" s="3"/>
      <c r="F72" s="3"/>
      <c r="G72" s="3"/>
      <c r="H72" s="3"/>
      <c r="I72" s="3"/>
      <c r="J72" s="3"/>
      <c r="K72" s="3"/>
      <c r="L72" s="3"/>
      <c r="M72" s="3"/>
      <c r="N72" s="3"/>
      <c r="O72" s="3"/>
      <c r="P72" s="3"/>
      <c r="Q72" s="3"/>
      <c r="R72" s="3"/>
      <c r="S72" s="3"/>
      <c r="T72" s="3"/>
      <c r="U72" s="3"/>
      <c r="V72" s="3"/>
      <c r="W72" s="3"/>
      <c r="X72" s="3"/>
      <c r="Y72" s="3"/>
      <c r="Z72" s="3"/>
      <c r="AA72" s="3"/>
      <c r="AB72" s="3"/>
      <c r="AC72" s="3"/>
      <c r="AD72" s="3"/>
      <c r="AE72" s="3"/>
      <c r="AF72" s="3"/>
    </row>
    <row r="73" spans="3:32" x14ac:dyDescent="0.2">
      <c r="C73" s="3"/>
      <c r="D73" s="3"/>
      <c r="E73" s="3"/>
      <c r="F73" s="3"/>
      <c r="G73" s="3"/>
      <c r="H73" s="3"/>
      <c r="I73" s="3"/>
      <c r="J73" s="3"/>
      <c r="K73" s="3"/>
      <c r="L73" s="3"/>
      <c r="M73" s="3"/>
      <c r="N73" s="3"/>
      <c r="O73" s="3"/>
      <c r="P73" s="3"/>
      <c r="Q73" s="3"/>
      <c r="R73" s="3"/>
      <c r="S73" s="3"/>
      <c r="T73" s="3"/>
      <c r="U73" s="3"/>
      <c r="V73" s="3"/>
      <c r="W73" s="3"/>
      <c r="X73" s="3"/>
      <c r="Y73" s="3"/>
      <c r="Z73" s="3"/>
      <c r="AA73" s="3"/>
      <c r="AB73" s="3"/>
      <c r="AC73" s="3"/>
      <c r="AD73" s="3"/>
      <c r="AE73" s="3"/>
      <c r="AF73" s="3"/>
    </row>
    <row r="74" spans="3:32" x14ac:dyDescent="0.2">
      <c r="C74" s="3"/>
      <c r="D74" s="3"/>
      <c r="E74" s="3"/>
      <c r="F74" s="3"/>
      <c r="G74" s="3"/>
      <c r="H74" s="3"/>
      <c r="I74" s="3"/>
      <c r="J74" s="3"/>
      <c r="K74" s="3"/>
      <c r="L74" s="3"/>
      <c r="M74" s="3"/>
      <c r="N74" s="3"/>
      <c r="O74" s="3"/>
      <c r="P74" s="3"/>
      <c r="Q74" s="3"/>
      <c r="R74" s="3"/>
      <c r="S74" s="3"/>
      <c r="T74" s="3"/>
      <c r="U74" s="3"/>
      <c r="V74" s="3"/>
      <c r="W74" s="3"/>
      <c r="X74" s="3"/>
      <c r="Y74" s="3"/>
      <c r="Z74" s="3"/>
      <c r="AA74" s="3"/>
      <c r="AB74" s="3"/>
      <c r="AC74" s="3"/>
      <c r="AD74" s="3"/>
      <c r="AE74" s="3"/>
      <c r="AF74" s="3"/>
    </row>
    <row r="75" spans="3:32" x14ac:dyDescent="0.2">
      <c r="C75" s="3"/>
      <c r="D75" s="3"/>
      <c r="E75" s="3"/>
      <c r="F75" s="3"/>
      <c r="G75" s="3"/>
      <c r="H75" s="3"/>
      <c r="I75" s="3"/>
      <c r="J75" s="3"/>
      <c r="K75" s="3"/>
      <c r="L75" s="3"/>
      <c r="M75" s="3"/>
      <c r="N75" s="3"/>
      <c r="O75" s="3"/>
      <c r="P75" s="3"/>
      <c r="Q75" s="3"/>
      <c r="R75" s="3"/>
      <c r="S75" s="3"/>
      <c r="T75" s="3"/>
      <c r="U75" s="3"/>
      <c r="V75" s="3"/>
      <c r="W75" s="3"/>
      <c r="X75" s="3"/>
      <c r="Y75" s="3"/>
      <c r="Z75" s="3"/>
      <c r="AA75" s="3"/>
      <c r="AB75" s="3"/>
      <c r="AC75" s="3"/>
      <c r="AD75" s="3"/>
      <c r="AE75" s="3"/>
      <c r="AF75" s="3"/>
    </row>
    <row r="76" spans="3:32" x14ac:dyDescent="0.2">
      <c r="C76" s="3"/>
      <c r="D76" s="3"/>
      <c r="E76" s="3"/>
      <c r="F76" s="3"/>
      <c r="G76" s="3"/>
      <c r="H76" s="3"/>
      <c r="I76" s="3"/>
      <c r="J76" s="3"/>
      <c r="K76" s="3"/>
      <c r="L76" s="3"/>
      <c r="M76" s="3"/>
      <c r="N76" s="3"/>
      <c r="O76" s="3"/>
      <c r="P76" s="3"/>
      <c r="Q76" s="3"/>
      <c r="R76" s="3"/>
      <c r="S76" s="3"/>
      <c r="T76" s="3"/>
      <c r="U76" s="3"/>
      <c r="V76" s="3"/>
      <c r="W76" s="3"/>
      <c r="X76" s="3"/>
      <c r="Y76" s="3"/>
      <c r="Z76" s="3"/>
      <c r="AA76" s="3"/>
      <c r="AB76" s="3"/>
      <c r="AC76" s="3"/>
      <c r="AD76" s="3"/>
      <c r="AE76" s="3"/>
      <c r="AF76" s="3"/>
    </row>
    <row r="77" spans="3:32" x14ac:dyDescent="0.2">
      <c r="C77" s="3"/>
      <c r="D77" s="3"/>
      <c r="E77" s="3"/>
      <c r="F77" s="3"/>
      <c r="G77" s="3"/>
      <c r="H77" s="3"/>
      <c r="I77" s="3"/>
      <c r="J77" s="3"/>
      <c r="K77" s="3"/>
      <c r="L77" s="3"/>
      <c r="M77" s="3"/>
      <c r="N77" s="3"/>
      <c r="O77" s="3"/>
      <c r="P77" s="3"/>
      <c r="Q77" s="3"/>
      <c r="R77" s="3"/>
      <c r="S77" s="3"/>
      <c r="T77" s="3"/>
      <c r="U77" s="3"/>
      <c r="V77" s="3"/>
      <c r="W77" s="3"/>
      <c r="X77" s="3"/>
      <c r="Y77" s="3"/>
      <c r="Z77" s="3"/>
      <c r="AA77" s="3"/>
      <c r="AB77" s="3"/>
      <c r="AC77" s="3"/>
      <c r="AD77" s="3"/>
      <c r="AE77" s="3"/>
      <c r="AF77" s="3"/>
    </row>
    <row r="78" spans="3:32" x14ac:dyDescent="0.2">
      <c r="C78" s="3"/>
      <c r="D78" s="3"/>
      <c r="E78" s="3"/>
      <c r="F78" s="3"/>
      <c r="G78" s="3"/>
      <c r="H78" s="3"/>
      <c r="I78" s="3"/>
      <c r="J78" s="3"/>
      <c r="K78" s="3"/>
      <c r="L78" s="3"/>
      <c r="M78" s="3"/>
      <c r="N78" s="3"/>
      <c r="O78" s="3"/>
      <c r="P78" s="3"/>
      <c r="Q78" s="3"/>
      <c r="R78" s="3"/>
      <c r="S78" s="3"/>
      <c r="T78" s="3"/>
      <c r="U78" s="3"/>
      <c r="V78" s="3"/>
      <c r="W78" s="3"/>
      <c r="X78" s="3"/>
      <c r="Y78" s="3"/>
      <c r="Z78" s="3"/>
      <c r="AA78" s="3"/>
      <c r="AB78" s="3"/>
      <c r="AC78" s="3"/>
      <c r="AD78" s="3"/>
      <c r="AE78" s="3"/>
      <c r="AF78" s="3"/>
    </row>
    <row r="79" spans="3:32" x14ac:dyDescent="0.2">
      <c r="C79" s="3"/>
      <c r="D79" s="3"/>
      <c r="E79" s="3"/>
      <c r="F79" s="3"/>
      <c r="G79" s="3"/>
      <c r="H79" s="3"/>
      <c r="I79" s="3"/>
      <c r="J79" s="3"/>
      <c r="K79" s="3"/>
      <c r="L79" s="3"/>
      <c r="M79" s="3"/>
      <c r="N79" s="3"/>
      <c r="O79" s="3"/>
      <c r="P79" s="3"/>
      <c r="Q79" s="3"/>
      <c r="R79" s="3"/>
      <c r="S79" s="3"/>
      <c r="T79" s="3"/>
      <c r="U79" s="3"/>
      <c r="V79" s="3"/>
      <c r="W79" s="3"/>
      <c r="X79" s="3"/>
      <c r="Y79" s="3"/>
      <c r="Z79" s="3"/>
      <c r="AA79" s="3"/>
      <c r="AB79" s="3"/>
      <c r="AC79" s="3"/>
      <c r="AD79" s="3"/>
      <c r="AE79" s="3"/>
      <c r="AF79" s="3"/>
    </row>
    <row r="80" spans="3:32" x14ac:dyDescent="0.2">
      <c r="C80" s="3"/>
      <c r="D80" s="3"/>
      <c r="E80" s="3"/>
      <c r="F80" s="3"/>
      <c r="G80" s="3"/>
      <c r="H80" s="3"/>
      <c r="I80" s="3"/>
      <c r="J80" s="3"/>
      <c r="K80" s="3"/>
      <c r="L80" s="3"/>
      <c r="M80" s="3"/>
      <c r="N80" s="3"/>
      <c r="O80" s="3"/>
      <c r="P80" s="3"/>
      <c r="Q80" s="3"/>
      <c r="R80" s="3"/>
      <c r="S80" s="3"/>
      <c r="T80" s="3"/>
      <c r="U80" s="3"/>
      <c r="V80" s="3"/>
      <c r="W80" s="3"/>
      <c r="X80" s="3"/>
      <c r="Y80" s="3"/>
      <c r="Z80" s="3"/>
      <c r="AA80" s="3"/>
      <c r="AB80" s="3"/>
      <c r="AC80" s="3"/>
      <c r="AD80" s="3"/>
      <c r="AE80" s="3"/>
      <c r="AF80" s="3"/>
    </row>
    <row r="81" spans="3:32" x14ac:dyDescent="0.2">
      <c r="C81" s="3"/>
      <c r="D81" s="3"/>
      <c r="E81" s="3"/>
      <c r="F81" s="3"/>
      <c r="G81" s="3"/>
      <c r="H81" s="3"/>
      <c r="I81" s="3"/>
      <c r="J81" s="3"/>
      <c r="K81" s="3"/>
      <c r="L81" s="3"/>
      <c r="M81" s="3"/>
      <c r="N81" s="3"/>
      <c r="O81" s="3"/>
      <c r="P81" s="3"/>
      <c r="Q81" s="3"/>
      <c r="R81" s="3"/>
      <c r="S81" s="3"/>
      <c r="T81" s="3"/>
      <c r="U81" s="3"/>
      <c r="V81" s="3"/>
      <c r="W81" s="3"/>
      <c r="X81" s="3"/>
      <c r="Y81" s="3"/>
      <c r="Z81" s="3"/>
      <c r="AA81" s="3"/>
      <c r="AB81" s="3"/>
      <c r="AC81" s="3"/>
      <c r="AD81" s="3"/>
      <c r="AE81" s="3"/>
      <c r="AF81" s="3"/>
    </row>
    <row r="82" spans="3:32" x14ac:dyDescent="0.2">
      <c r="C82" s="3"/>
      <c r="D82" s="3"/>
      <c r="E82" s="3"/>
      <c r="F82" s="3"/>
      <c r="G82" s="3"/>
      <c r="H82" s="3"/>
      <c r="I82" s="3"/>
      <c r="J82" s="3"/>
      <c r="K82" s="3"/>
      <c r="L82" s="3"/>
      <c r="M82" s="3"/>
      <c r="N82" s="3"/>
      <c r="O82" s="3"/>
      <c r="P82" s="3"/>
      <c r="Q82" s="3"/>
      <c r="R82" s="3"/>
      <c r="S82" s="3"/>
      <c r="T82" s="3"/>
      <c r="U82" s="3"/>
      <c r="V82" s="3"/>
      <c r="W82" s="3"/>
      <c r="X82" s="3"/>
      <c r="Y82" s="3"/>
      <c r="Z82" s="3"/>
      <c r="AA82" s="3"/>
      <c r="AB82" s="3"/>
      <c r="AC82" s="3"/>
      <c r="AD82" s="3"/>
      <c r="AE82" s="3"/>
      <c r="AF82" s="3"/>
    </row>
    <row r="83" spans="3:32" x14ac:dyDescent="0.2">
      <c r="C83" s="3"/>
      <c r="D83" s="3"/>
      <c r="E83" s="3"/>
      <c r="F83" s="3"/>
      <c r="G83" s="3"/>
      <c r="H83" s="3"/>
      <c r="I83" s="3"/>
      <c r="J83" s="3"/>
      <c r="K83" s="3"/>
      <c r="L83" s="3"/>
      <c r="M83" s="3"/>
      <c r="N83" s="3"/>
      <c r="O83" s="3"/>
      <c r="P83" s="3"/>
      <c r="Q83" s="3"/>
      <c r="R83" s="3"/>
      <c r="S83" s="3"/>
      <c r="T83" s="3"/>
      <c r="U83" s="3"/>
      <c r="V83" s="3"/>
      <c r="W83" s="3"/>
      <c r="X83" s="3"/>
      <c r="Y83" s="3"/>
      <c r="Z83" s="3"/>
      <c r="AA83" s="3"/>
      <c r="AB83" s="3"/>
      <c r="AC83" s="3"/>
      <c r="AD83" s="3"/>
      <c r="AE83" s="3"/>
      <c r="AF83" s="3"/>
    </row>
    <row r="84" spans="3:32" x14ac:dyDescent="0.2">
      <c r="C84" s="3"/>
      <c r="D84" s="3"/>
      <c r="E84" s="3"/>
      <c r="F84" s="3"/>
      <c r="G84" s="3"/>
      <c r="H84" s="3"/>
      <c r="I84" s="3"/>
      <c r="J84" s="3"/>
      <c r="K84" s="3"/>
      <c r="L84" s="3"/>
      <c r="M84" s="3"/>
      <c r="N84" s="3"/>
      <c r="O84" s="3"/>
      <c r="P84" s="3"/>
      <c r="Q84" s="3"/>
      <c r="R84" s="3"/>
      <c r="S84" s="3"/>
      <c r="T84" s="3"/>
      <c r="U84" s="3"/>
      <c r="V84" s="3"/>
      <c r="W84" s="3"/>
      <c r="X84" s="3"/>
      <c r="Y84" s="3"/>
      <c r="Z84" s="3"/>
      <c r="AA84" s="3"/>
      <c r="AB84" s="3"/>
      <c r="AC84" s="3"/>
      <c r="AD84" s="3"/>
      <c r="AE84" s="3"/>
      <c r="AF84" s="3"/>
    </row>
    <row r="85" spans="3:32" x14ac:dyDescent="0.2">
      <c r="C85" s="3"/>
      <c r="D85" s="3"/>
      <c r="E85" s="3"/>
      <c r="F85" s="3"/>
      <c r="G85" s="3"/>
      <c r="H85" s="3"/>
      <c r="I85" s="3"/>
      <c r="J85" s="3"/>
      <c r="K85" s="3"/>
      <c r="L85" s="3"/>
      <c r="M85" s="3"/>
      <c r="N85" s="3"/>
      <c r="O85" s="3"/>
      <c r="P85" s="3"/>
      <c r="Q85" s="3"/>
      <c r="R85" s="3"/>
      <c r="S85" s="3"/>
      <c r="T85" s="3"/>
      <c r="U85" s="3"/>
      <c r="V85" s="3"/>
      <c r="W85" s="3"/>
      <c r="X85" s="3"/>
      <c r="Y85" s="3"/>
      <c r="Z85" s="3"/>
      <c r="AA85" s="3"/>
      <c r="AB85" s="3"/>
      <c r="AC85" s="3"/>
      <c r="AD85" s="3"/>
      <c r="AE85" s="3"/>
      <c r="AF85" s="3"/>
    </row>
    <row r="86" spans="3:32" x14ac:dyDescent="0.2">
      <c r="C86" s="3"/>
      <c r="D86" s="3"/>
      <c r="E86" s="3"/>
      <c r="F86" s="3"/>
      <c r="G86" s="3"/>
      <c r="H86" s="3"/>
      <c r="I86" s="3"/>
      <c r="J86" s="3"/>
      <c r="K86" s="3"/>
      <c r="L86" s="3"/>
      <c r="M86" s="3"/>
      <c r="N86" s="3"/>
      <c r="O86" s="3"/>
      <c r="P86" s="3"/>
      <c r="Q86" s="3"/>
      <c r="R86" s="3"/>
      <c r="S86" s="3"/>
      <c r="T86" s="3"/>
      <c r="U86" s="3"/>
      <c r="V86" s="3"/>
      <c r="W86" s="3"/>
      <c r="X86" s="3"/>
      <c r="Y86" s="3"/>
      <c r="Z86" s="3"/>
      <c r="AA86" s="3"/>
      <c r="AB86" s="3"/>
      <c r="AC86" s="3"/>
      <c r="AD86" s="3"/>
      <c r="AE86" s="3"/>
      <c r="AF86" s="3"/>
    </row>
    <row r="87" spans="3:32" x14ac:dyDescent="0.2">
      <c r="C87" s="3"/>
      <c r="D87" s="3"/>
      <c r="E87" s="3"/>
      <c r="F87" s="3"/>
      <c r="G87" s="3"/>
      <c r="H87" s="3"/>
      <c r="I87" s="3"/>
      <c r="J87" s="3"/>
      <c r="K87" s="3"/>
      <c r="L87" s="3"/>
      <c r="M87" s="3"/>
      <c r="N87" s="3"/>
      <c r="O87" s="3"/>
      <c r="P87" s="3"/>
      <c r="Q87" s="3"/>
      <c r="R87" s="3"/>
      <c r="S87" s="3"/>
      <c r="T87" s="3"/>
      <c r="U87" s="3"/>
      <c r="V87" s="3"/>
      <c r="W87" s="3"/>
      <c r="X87" s="3"/>
      <c r="Y87" s="3"/>
      <c r="Z87" s="3"/>
      <c r="AA87" s="3"/>
      <c r="AB87" s="3"/>
      <c r="AC87" s="3"/>
      <c r="AD87" s="3"/>
      <c r="AE87" s="3"/>
      <c r="AF87" s="3"/>
    </row>
    <row r="88" spans="3:32" x14ac:dyDescent="0.2">
      <c r="C88" s="3"/>
      <c r="D88" s="3"/>
      <c r="E88" s="3"/>
      <c r="F88" s="3"/>
      <c r="G88" s="3"/>
      <c r="H88" s="3"/>
      <c r="I88" s="3"/>
      <c r="J88" s="3"/>
      <c r="K88" s="3"/>
      <c r="L88" s="3"/>
      <c r="M88" s="3"/>
      <c r="N88" s="3"/>
      <c r="O88" s="3"/>
      <c r="P88" s="3"/>
      <c r="Q88" s="3"/>
      <c r="R88" s="3"/>
      <c r="S88" s="3"/>
      <c r="T88" s="3"/>
      <c r="U88" s="3"/>
      <c r="V88" s="3"/>
      <c r="W88" s="3"/>
      <c r="X88" s="3"/>
      <c r="Y88" s="3"/>
      <c r="Z88" s="3"/>
      <c r="AA88" s="3"/>
      <c r="AB88" s="3"/>
      <c r="AC88" s="3"/>
      <c r="AD88" s="3"/>
      <c r="AE88" s="3"/>
      <c r="AF88" s="3"/>
    </row>
    <row r="89" spans="3:32" x14ac:dyDescent="0.2">
      <c r="C89" s="3"/>
      <c r="D89" s="3"/>
      <c r="E89" s="3"/>
      <c r="F89" s="3"/>
      <c r="G89" s="3"/>
      <c r="H89" s="3"/>
      <c r="I89" s="3"/>
      <c r="J89" s="3"/>
      <c r="K89" s="3"/>
      <c r="L89" s="3"/>
      <c r="M89" s="3"/>
      <c r="N89" s="3"/>
      <c r="O89" s="3"/>
      <c r="P89" s="3"/>
      <c r="Q89" s="3"/>
      <c r="R89" s="3"/>
      <c r="S89" s="3"/>
      <c r="T89" s="3"/>
      <c r="U89" s="3"/>
      <c r="V89" s="3"/>
      <c r="W89" s="3"/>
      <c r="X89" s="3"/>
      <c r="Y89" s="3"/>
      <c r="Z89" s="3"/>
      <c r="AA89" s="3"/>
      <c r="AB89" s="3"/>
      <c r="AC89" s="3"/>
      <c r="AD89" s="3"/>
      <c r="AE89" s="3"/>
      <c r="AF89" s="3"/>
    </row>
    <row r="90" spans="3:32" x14ac:dyDescent="0.2">
      <c r="C90" s="3"/>
      <c r="D90" s="3"/>
      <c r="E90" s="3"/>
      <c r="F90" s="3"/>
      <c r="G90" s="3"/>
      <c r="H90" s="3"/>
      <c r="I90" s="3"/>
      <c r="J90" s="3"/>
      <c r="K90" s="3"/>
      <c r="L90" s="3"/>
      <c r="M90" s="3"/>
      <c r="N90" s="3"/>
      <c r="O90" s="3"/>
      <c r="P90" s="3"/>
      <c r="Q90" s="3"/>
      <c r="R90" s="3"/>
      <c r="S90" s="3"/>
      <c r="T90" s="3"/>
      <c r="U90" s="3"/>
      <c r="V90" s="3"/>
      <c r="W90" s="3"/>
      <c r="X90" s="3"/>
      <c r="Y90" s="3"/>
      <c r="Z90" s="3"/>
      <c r="AA90" s="3"/>
      <c r="AB90" s="3"/>
      <c r="AC90" s="3"/>
      <c r="AD90" s="3"/>
      <c r="AE90" s="3"/>
      <c r="AF90" s="3"/>
    </row>
    <row r="91" spans="3:32" x14ac:dyDescent="0.2">
      <c r="C91" s="3"/>
      <c r="D91" s="3"/>
      <c r="E91" s="3"/>
      <c r="F91" s="3"/>
      <c r="G91" s="3"/>
      <c r="H91" s="3"/>
      <c r="I91" s="3"/>
      <c r="J91" s="3"/>
      <c r="K91" s="3"/>
      <c r="L91" s="3"/>
      <c r="M91" s="3"/>
      <c r="N91" s="3"/>
      <c r="O91" s="3"/>
      <c r="P91" s="3"/>
      <c r="Q91" s="3"/>
      <c r="R91" s="3"/>
      <c r="S91" s="3"/>
      <c r="T91" s="3"/>
      <c r="U91" s="3"/>
      <c r="V91" s="3"/>
      <c r="W91" s="3"/>
      <c r="X91" s="3"/>
      <c r="Y91" s="3"/>
      <c r="Z91" s="3"/>
      <c r="AA91" s="3"/>
      <c r="AB91" s="3"/>
      <c r="AC91" s="3"/>
      <c r="AD91" s="3"/>
      <c r="AE91" s="3"/>
      <c r="AF91" s="3"/>
    </row>
    <row r="92" spans="3:32" x14ac:dyDescent="0.2">
      <c r="C92" s="3"/>
      <c r="D92" s="3"/>
      <c r="E92" s="3"/>
      <c r="F92" s="3"/>
      <c r="G92" s="3"/>
      <c r="H92" s="3"/>
      <c r="I92" s="3"/>
      <c r="J92" s="3"/>
      <c r="K92" s="3"/>
      <c r="L92" s="3"/>
      <c r="M92" s="3"/>
      <c r="N92" s="3"/>
      <c r="O92" s="3"/>
      <c r="P92" s="3"/>
      <c r="Q92" s="3"/>
      <c r="R92" s="3"/>
      <c r="S92" s="3"/>
      <c r="T92" s="3"/>
      <c r="U92" s="3"/>
      <c r="V92" s="3"/>
      <c r="W92" s="3"/>
      <c r="X92" s="3"/>
      <c r="Y92" s="3"/>
      <c r="Z92" s="3"/>
      <c r="AA92" s="3"/>
      <c r="AB92" s="3"/>
      <c r="AC92" s="3"/>
      <c r="AD92" s="3"/>
      <c r="AE92" s="3"/>
      <c r="AF92" s="3"/>
    </row>
    <row r="93" spans="3:32" x14ac:dyDescent="0.2">
      <c r="C93" s="3"/>
      <c r="D93" s="3"/>
      <c r="E93" s="3"/>
      <c r="F93" s="3"/>
      <c r="G93" s="3"/>
      <c r="H93" s="3"/>
      <c r="I93" s="3"/>
      <c r="J93" s="3"/>
      <c r="K93" s="3"/>
      <c r="L93" s="3"/>
      <c r="M93" s="3"/>
      <c r="N93" s="3"/>
      <c r="O93" s="3"/>
      <c r="P93" s="3"/>
      <c r="Q93" s="3"/>
      <c r="R93" s="3"/>
      <c r="S93" s="3"/>
      <c r="T93" s="3"/>
      <c r="U93" s="3"/>
      <c r="V93" s="3"/>
      <c r="W93" s="3"/>
      <c r="X93" s="3"/>
      <c r="Y93" s="3"/>
      <c r="Z93" s="3"/>
      <c r="AA93" s="3"/>
      <c r="AB93" s="3"/>
      <c r="AC93" s="3"/>
      <c r="AD93" s="3"/>
      <c r="AE93" s="3"/>
      <c r="AF93" s="3"/>
    </row>
    <row r="94" spans="3:32" x14ac:dyDescent="0.2">
      <c r="C94" s="3"/>
      <c r="D94" s="3"/>
      <c r="E94" s="3"/>
      <c r="F94" s="3"/>
      <c r="G94" s="3"/>
      <c r="H94" s="3"/>
      <c r="I94" s="3"/>
      <c r="J94" s="3"/>
      <c r="K94" s="3"/>
      <c r="L94" s="3"/>
      <c r="M94" s="3"/>
      <c r="N94" s="3"/>
      <c r="O94" s="3"/>
      <c r="P94" s="3"/>
      <c r="Q94" s="3"/>
      <c r="R94" s="3"/>
      <c r="S94" s="3"/>
      <c r="T94" s="3"/>
      <c r="U94" s="3"/>
      <c r="V94" s="3"/>
      <c r="W94" s="3"/>
      <c r="X94" s="3"/>
      <c r="Y94" s="3"/>
      <c r="Z94" s="3"/>
      <c r="AA94" s="3"/>
      <c r="AB94" s="3"/>
      <c r="AC94" s="3"/>
      <c r="AD94" s="3"/>
      <c r="AE94" s="3"/>
      <c r="AF94" s="3"/>
    </row>
    <row r="95" spans="3:32" x14ac:dyDescent="0.2">
      <c r="C95" s="3"/>
      <c r="D95" s="3"/>
      <c r="E95" s="3"/>
      <c r="F95" s="3"/>
      <c r="G95" s="3"/>
      <c r="H95" s="3"/>
      <c r="I95" s="3"/>
      <c r="J95" s="3"/>
      <c r="K95" s="3"/>
      <c r="L95" s="3"/>
      <c r="M95" s="3"/>
      <c r="N95" s="3"/>
      <c r="O95" s="3"/>
      <c r="P95" s="3"/>
      <c r="Q95" s="3"/>
      <c r="R95" s="3"/>
      <c r="S95" s="3"/>
      <c r="T95" s="3"/>
      <c r="U95" s="3"/>
      <c r="V95" s="3"/>
      <c r="W95" s="3"/>
      <c r="X95" s="3"/>
      <c r="Y95" s="3"/>
      <c r="Z95" s="3"/>
      <c r="AA95" s="3"/>
      <c r="AB95" s="3"/>
      <c r="AC95" s="3"/>
      <c r="AD95" s="3"/>
      <c r="AE95" s="3"/>
      <c r="AF95" s="3"/>
    </row>
    <row r="96" spans="3:32" x14ac:dyDescent="0.2">
      <c r="C96" s="3"/>
      <c r="D96" s="3"/>
      <c r="E96" s="3"/>
      <c r="F96" s="3"/>
      <c r="G96" s="3"/>
      <c r="H96" s="3"/>
      <c r="I96" s="3"/>
      <c r="J96" s="3"/>
      <c r="K96" s="3"/>
      <c r="L96" s="3"/>
      <c r="M96" s="3"/>
      <c r="N96" s="3"/>
      <c r="O96" s="3"/>
      <c r="P96" s="3"/>
      <c r="Q96" s="3"/>
      <c r="R96" s="3"/>
      <c r="S96" s="3"/>
      <c r="T96" s="3"/>
      <c r="U96" s="3"/>
      <c r="V96" s="3"/>
      <c r="W96" s="3"/>
      <c r="X96" s="3"/>
      <c r="Y96" s="3"/>
      <c r="Z96" s="3"/>
      <c r="AA96" s="3"/>
      <c r="AB96" s="3"/>
      <c r="AC96" s="3"/>
      <c r="AD96" s="3"/>
      <c r="AE96" s="3"/>
      <c r="AF96" s="3"/>
    </row>
    <row r="97" spans="3:32" x14ac:dyDescent="0.2">
      <c r="C97" s="3"/>
      <c r="D97" s="3"/>
      <c r="E97" s="3"/>
      <c r="F97" s="3"/>
      <c r="G97" s="3"/>
      <c r="H97" s="3"/>
      <c r="I97" s="3"/>
      <c r="J97" s="3"/>
      <c r="K97" s="3"/>
      <c r="L97" s="3"/>
      <c r="M97" s="3"/>
      <c r="N97" s="3"/>
      <c r="O97" s="3"/>
      <c r="P97" s="3"/>
      <c r="Q97" s="3"/>
      <c r="R97" s="3"/>
      <c r="S97" s="3"/>
      <c r="T97" s="3"/>
      <c r="U97" s="3"/>
      <c r="V97" s="3"/>
      <c r="W97" s="3"/>
      <c r="X97" s="3"/>
      <c r="Y97" s="3"/>
      <c r="Z97" s="3"/>
      <c r="AA97" s="3"/>
      <c r="AB97" s="3"/>
      <c r="AC97" s="3"/>
      <c r="AD97" s="3"/>
      <c r="AE97" s="3"/>
      <c r="AF97" s="3"/>
    </row>
    <row r="98" spans="3:32" x14ac:dyDescent="0.2">
      <c r="C98" s="3"/>
      <c r="D98" s="3"/>
      <c r="E98" s="3"/>
      <c r="F98" s="3"/>
      <c r="G98" s="3"/>
      <c r="H98" s="3"/>
      <c r="I98" s="3"/>
      <c r="J98" s="3"/>
      <c r="K98" s="3"/>
      <c r="L98" s="3"/>
      <c r="M98" s="3"/>
      <c r="N98" s="3"/>
      <c r="O98" s="3"/>
      <c r="P98" s="3"/>
      <c r="Q98" s="3"/>
      <c r="R98" s="3"/>
      <c r="S98" s="3"/>
      <c r="T98" s="3"/>
      <c r="U98" s="3"/>
      <c r="V98" s="3"/>
      <c r="W98" s="3"/>
      <c r="X98" s="3"/>
      <c r="Y98" s="3"/>
      <c r="Z98" s="3"/>
      <c r="AA98" s="3"/>
      <c r="AB98" s="3"/>
      <c r="AC98" s="3"/>
      <c r="AD98" s="3"/>
      <c r="AE98" s="3"/>
      <c r="AF98" s="3"/>
    </row>
    <row r="99" spans="3:32" x14ac:dyDescent="0.2">
      <c r="C99" s="3"/>
      <c r="D99" s="3"/>
      <c r="E99" s="3"/>
      <c r="F99" s="3"/>
      <c r="G99" s="3"/>
      <c r="H99" s="3"/>
      <c r="I99" s="3"/>
      <c r="J99" s="3"/>
      <c r="K99" s="3"/>
      <c r="L99" s="3"/>
      <c r="M99" s="3"/>
      <c r="N99" s="3"/>
      <c r="O99" s="3"/>
      <c r="P99" s="3"/>
      <c r="Q99" s="3"/>
      <c r="R99" s="3"/>
      <c r="S99" s="3"/>
      <c r="T99" s="3"/>
      <c r="U99" s="3"/>
      <c r="V99" s="3"/>
      <c r="W99" s="3"/>
      <c r="X99" s="3"/>
      <c r="Y99" s="3"/>
      <c r="Z99" s="3"/>
      <c r="AA99" s="3"/>
      <c r="AB99" s="3"/>
      <c r="AC99" s="3"/>
      <c r="AD99" s="3"/>
      <c r="AE99" s="3"/>
      <c r="AF99" s="3"/>
    </row>
    <row r="100" spans="3:32" x14ac:dyDescent="0.2">
      <c r="C100" s="3"/>
      <c r="D100" s="3"/>
      <c r="E100" s="3"/>
      <c r="F100" s="3"/>
      <c r="G100" s="3"/>
      <c r="H100" s="3"/>
      <c r="I100" s="3"/>
      <c r="J100" s="3"/>
      <c r="K100" s="3"/>
      <c r="L100" s="3"/>
      <c r="M100" s="3"/>
      <c r="N100" s="3"/>
      <c r="O100" s="3"/>
      <c r="P100" s="3"/>
      <c r="Q100" s="3"/>
      <c r="R100" s="3"/>
      <c r="S100" s="3"/>
      <c r="T100" s="3"/>
      <c r="U100" s="3"/>
      <c r="V100" s="3"/>
      <c r="W100" s="3"/>
      <c r="X100" s="3"/>
      <c r="Y100" s="3"/>
      <c r="Z100" s="3"/>
      <c r="AA100" s="3"/>
      <c r="AB100" s="3"/>
      <c r="AC100" s="3"/>
      <c r="AD100" s="3"/>
      <c r="AE100" s="3"/>
      <c r="AF100" s="3"/>
    </row>
    <row r="101" spans="3:32" x14ac:dyDescent="0.2">
      <c r="C101" s="3"/>
      <c r="D101" s="3"/>
      <c r="E101" s="3"/>
      <c r="F101" s="3"/>
      <c r="G101" s="3"/>
      <c r="H101" s="3"/>
      <c r="I101" s="3"/>
      <c r="J101" s="3"/>
      <c r="K101" s="3"/>
      <c r="L101" s="3"/>
      <c r="M101" s="3"/>
      <c r="N101" s="3"/>
      <c r="O101" s="3"/>
      <c r="P101" s="3"/>
      <c r="Q101" s="3"/>
      <c r="R101" s="3"/>
      <c r="S101" s="3"/>
      <c r="T101" s="3"/>
      <c r="U101" s="3"/>
      <c r="V101" s="3"/>
      <c r="W101" s="3"/>
      <c r="X101" s="3"/>
      <c r="Y101" s="3"/>
      <c r="Z101" s="3"/>
      <c r="AA101" s="3"/>
      <c r="AB101" s="3"/>
      <c r="AC101" s="3"/>
      <c r="AD101" s="3"/>
      <c r="AE101" s="3"/>
      <c r="AF101" s="3"/>
    </row>
    <row r="102" spans="3:32" x14ac:dyDescent="0.2">
      <c r="C102" s="3"/>
      <c r="D102" s="3"/>
      <c r="E102" s="3"/>
      <c r="F102" s="3"/>
      <c r="G102" s="3"/>
      <c r="H102" s="3"/>
      <c r="I102" s="3"/>
      <c r="J102" s="3"/>
      <c r="K102" s="3"/>
      <c r="L102" s="3"/>
      <c r="M102" s="3"/>
      <c r="N102" s="3"/>
      <c r="O102" s="3"/>
      <c r="P102" s="3"/>
      <c r="Q102" s="3"/>
      <c r="R102" s="3"/>
      <c r="S102" s="3"/>
      <c r="T102" s="3"/>
      <c r="U102" s="3"/>
      <c r="V102" s="3"/>
      <c r="W102" s="3"/>
      <c r="X102" s="3"/>
      <c r="Y102" s="3"/>
      <c r="Z102" s="3"/>
      <c r="AA102" s="3"/>
      <c r="AB102" s="3"/>
      <c r="AC102" s="3"/>
      <c r="AD102" s="3"/>
      <c r="AE102" s="3"/>
      <c r="AF102" s="3"/>
    </row>
    <row r="103" spans="3:32" x14ac:dyDescent="0.2">
      <c r="C103" s="3"/>
      <c r="D103" s="3"/>
      <c r="E103" s="3"/>
      <c r="F103" s="3"/>
      <c r="G103" s="3"/>
      <c r="H103" s="3"/>
      <c r="I103" s="3"/>
      <c r="J103" s="3"/>
      <c r="K103" s="3"/>
      <c r="L103" s="3"/>
      <c r="M103" s="3"/>
      <c r="N103" s="3"/>
      <c r="O103" s="3"/>
      <c r="P103" s="3"/>
      <c r="Q103" s="3"/>
      <c r="R103" s="3"/>
      <c r="S103" s="3"/>
      <c r="T103" s="3"/>
      <c r="U103" s="3"/>
      <c r="V103" s="3"/>
      <c r="W103" s="3"/>
      <c r="X103" s="3"/>
      <c r="Y103" s="3"/>
      <c r="Z103" s="3"/>
      <c r="AA103" s="3"/>
      <c r="AB103" s="3"/>
      <c r="AC103" s="3"/>
      <c r="AD103" s="3"/>
      <c r="AE103" s="3"/>
      <c r="AF103" s="3"/>
    </row>
    <row r="104" spans="3:32" x14ac:dyDescent="0.2">
      <c r="C104" s="3"/>
      <c r="D104" s="3"/>
      <c r="E104" s="3"/>
      <c r="F104" s="3"/>
      <c r="G104" s="3"/>
      <c r="H104" s="3"/>
      <c r="I104" s="3"/>
      <c r="J104" s="3"/>
      <c r="K104" s="3"/>
      <c r="L104" s="3"/>
      <c r="M104" s="3"/>
      <c r="N104" s="3"/>
      <c r="O104" s="3"/>
      <c r="P104" s="3"/>
      <c r="Q104" s="3"/>
      <c r="R104" s="3"/>
      <c r="S104" s="3"/>
      <c r="T104" s="3"/>
      <c r="U104" s="3"/>
      <c r="V104" s="3"/>
      <c r="W104" s="3"/>
      <c r="X104" s="3"/>
      <c r="Y104" s="3"/>
      <c r="Z104" s="3"/>
      <c r="AA104" s="3"/>
      <c r="AB104" s="3"/>
      <c r="AC104" s="3"/>
      <c r="AD104" s="3"/>
      <c r="AE104" s="3"/>
      <c r="AF104" s="3"/>
    </row>
    <row r="105" spans="3:32" x14ac:dyDescent="0.2">
      <c r="C105" s="3"/>
      <c r="D105" s="3"/>
      <c r="E105" s="3"/>
      <c r="F105" s="3"/>
      <c r="G105" s="3"/>
      <c r="H105" s="3"/>
      <c r="I105" s="3"/>
      <c r="J105" s="3"/>
      <c r="K105" s="3"/>
      <c r="L105" s="3"/>
      <c r="M105" s="3"/>
      <c r="N105" s="3"/>
      <c r="O105" s="3"/>
      <c r="P105" s="3"/>
      <c r="Q105" s="3"/>
      <c r="R105" s="3"/>
      <c r="S105" s="3"/>
      <c r="T105" s="3"/>
      <c r="U105" s="3"/>
      <c r="V105" s="3"/>
      <c r="W105" s="3"/>
      <c r="X105" s="3"/>
      <c r="Y105" s="3"/>
      <c r="Z105" s="3"/>
      <c r="AA105" s="3"/>
      <c r="AB105" s="3"/>
      <c r="AC105" s="3"/>
      <c r="AD105" s="3"/>
      <c r="AE105" s="3"/>
      <c r="AF105" s="3"/>
    </row>
    <row r="106" spans="3:32" x14ac:dyDescent="0.2">
      <c r="C106" s="3"/>
      <c r="D106" s="3"/>
      <c r="E106" s="3"/>
      <c r="F106" s="3"/>
      <c r="G106" s="3"/>
      <c r="H106" s="3"/>
      <c r="I106" s="3"/>
      <c r="J106" s="3"/>
      <c r="K106" s="3"/>
      <c r="L106" s="3"/>
      <c r="M106" s="3"/>
      <c r="N106" s="3"/>
      <c r="O106" s="3"/>
      <c r="P106" s="3"/>
      <c r="Q106" s="3"/>
      <c r="R106" s="3"/>
      <c r="S106" s="3"/>
      <c r="T106" s="3"/>
      <c r="U106" s="3"/>
      <c r="V106" s="3"/>
      <c r="W106" s="3"/>
      <c r="X106" s="3"/>
      <c r="Y106" s="3"/>
      <c r="Z106" s="3"/>
      <c r="AA106" s="3"/>
      <c r="AB106" s="3"/>
      <c r="AC106" s="3"/>
      <c r="AD106" s="3"/>
      <c r="AE106" s="3"/>
      <c r="AF106" s="3"/>
    </row>
    <row r="107" spans="3:32" x14ac:dyDescent="0.2">
      <c r="C107" s="3"/>
      <c r="D107" s="3"/>
      <c r="E107" s="3"/>
      <c r="F107" s="3"/>
      <c r="G107" s="3"/>
      <c r="H107" s="3"/>
      <c r="I107" s="3"/>
      <c r="J107" s="3"/>
      <c r="K107" s="3"/>
      <c r="L107" s="3"/>
      <c r="M107" s="3"/>
      <c r="N107" s="3"/>
      <c r="O107" s="3"/>
      <c r="P107" s="3"/>
      <c r="Q107" s="3"/>
      <c r="R107" s="3"/>
      <c r="S107" s="3"/>
      <c r="T107" s="3"/>
      <c r="U107" s="3"/>
      <c r="V107" s="3"/>
      <c r="W107" s="3"/>
      <c r="X107" s="3"/>
      <c r="Y107" s="3"/>
      <c r="Z107" s="3"/>
      <c r="AA107" s="3"/>
      <c r="AB107" s="3"/>
      <c r="AC107" s="3"/>
      <c r="AD107" s="3"/>
      <c r="AE107" s="3"/>
      <c r="AF107" s="3"/>
    </row>
    <row r="108" spans="3:32" x14ac:dyDescent="0.2">
      <c r="C108" s="3"/>
      <c r="D108" s="3"/>
      <c r="E108" s="3"/>
      <c r="F108" s="3"/>
      <c r="G108" s="3"/>
      <c r="H108" s="3"/>
      <c r="I108" s="3"/>
      <c r="J108" s="3"/>
      <c r="K108" s="3"/>
      <c r="L108" s="3"/>
      <c r="M108" s="3"/>
      <c r="N108" s="3"/>
      <c r="O108" s="3"/>
      <c r="P108" s="3"/>
      <c r="Q108" s="3"/>
      <c r="R108" s="3"/>
      <c r="S108" s="3"/>
      <c r="T108" s="3"/>
      <c r="U108" s="3"/>
      <c r="V108" s="3"/>
      <c r="W108" s="3"/>
      <c r="X108" s="3"/>
      <c r="Y108" s="3"/>
      <c r="Z108" s="3"/>
      <c r="AA108" s="3"/>
      <c r="AB108" s="3"/>
      <c r="AC108" s="3"/>
      <c r="AD108" s="3"/>
      <c r="AE108" s="3"/>
      <c r="AF108" s="3"/>
    </row>
    <row r="109" spans="3:32" x14ac:dyDescent="0.2">
      <c r="C109" s="3"/>
      <c r="D109" s="3"/>
      <c r="E109" s="3"/>
      <c r="F109" s="3"/>
      <c r="G109" s="3"/>
      <c r="H109" s="3"/>
      <c r="I109" s="3"/>
      <c r="J109" s="3"/>
      <c r="K109" s="3"/>
      <c r="L109" s="3"/>
      <c r="M109" s="3"/>
      <c r="N109" s="3"/>
      <c r="O109" s="3"/>
      <c r="P109" s="3"/>
      <c r="Q109" s="3"/>
      <c r="R109" s="3"/>
      <c r="S109" s="3"/>
      <c r="T109" s="3"/>
      <c r="U109" s="3"/>
      <c r="V109" s="3"/>
      <c r="W109" s="3"/>
      <c r="X109" s="3"/>
      <c r="Y109" s="3"/>
      <c r="Z109" s="3"/>
      <c r="AA109" s="3"/>
      <c r="AB109" s="3"/>
      <c r="AC109" s="3"/>
      <c r="AD109" s="3"/>
      <c r="AE109" s="3"/>
      <c r="AF109" s="3"/>
    </row>
    <row r="110" spans="3:32" x14ac:dyDescent="0.2">
      <c r="C110" s="3"/>
      <c r="D110" s="3"/>
      <c r="E110" s="3"/>
      <c r="F110" s="3"/>
      <c r="G110" s="3"/>
      <c r="H110" s="3"/>
      <c r="I110" s="3"/>
      <c r="J110" s="3"/>
      <c r="K110" s="3"/>
      <c r="L110" s="3"/>
      <c r="M110" s="3"/>
      <c r="N110" s="3"/>
      <c r="O110" s="3"/>
      <c r="P110" s="3"/>
      <c r="Q110" s="3"/>
      <c r="R110" s="3"/>
      <c r="S110" s="3"/>
      <c r="T110" s="3"/>
      <c r="U110" s="3"/>
      <c r="V110" s="3"/>
      <c r="W110" s="3"/>
      <c r="X110" s="3"/>
      <c r="Y110" s="3"/>
      <c r="Z110" s="3"/>
      <c r="AA110" s="3"/>
      <c r="AB110" s="3"/>
      <c r="AC110" s="3"/>
      <c r="AD110" s="3"/>
      <c r="AE110" s="3"/>
      <c r="AF110" s="3"/>
    </row>
    <row r="111" spans="3:32" x14ac:dyDescent="0.2">
      <c r="C111" s="3"/>
      <c r="D111" s="3"/>
      <c r="E111" s="3"/>
      <c r="F111" s="3"/>
      <c r="G111" s="3"/>
      <c r="H111" s="3"/>
      <c r="I111" s="3"/>
      <c r="J111" s="3"/>
      <c r="K111" s="3"/>
      <c r="L111" s="3"/>
      <c r="M111" s="3"/>
      <c r="N111" s="3"/>
      <c r="O111" s="3"/>
      <c r="P111" s="3"/>
      <c r="Q111" s="3"/>
      <c r="R111" s="3"/>
      <c r="S111" s="3"/>
      <c r="T111" s="3"/>
      <c r="U111" s="3"/>
      <c r="V111" s="3"/>
      <c r="W111" s="3"/>
      <c r="X111" s="3"/>
      <c r="Y111" s="3"/>
      <c r="Z111" s="3"/>
      <c r="AA111" s="3"/>
      <c r="AB111" s="3"/>
      <c r="AC111" s="3"/>
      <c r="AD111" s="3"/>
      <c r="AE111" s="3"/>
      <c r="AF111" s="3"/>
    </row>
    <row r="112" spans="3:32" x14ac:dyDescent="0.2">
      <c r="C112" s="3"/>
      <c r="D112" s="3"/>
      <c r="E112" s="3"/>
      <c r="F112" s="3"/>
      <c r="G112" s="3"/>
      <c r="H112" s="3"/>
      <c r="I112" s="3"/>
      <c r="J112" s="3"/>
      <c r="K112" s="3"/>
      <c r="L112" s="3"/>
      <c r="M112" s="3"/>
      <c r="N112" s="3"/>
      <c r="O112" s="3"/>
      <c r="P112" s="3"/>
      <c r="Q112" s="3"/>
      <c r="R112" s="3"/>
      <c r="S112" s="3"/>
      <c r="T112" s="3"/>
      <c r="U112" s="3"/>
      <c r="V112" s="3"/>
      <c r="W112" s="3"/>
      <c r="X112" s="3"/>
      <c r="Y112" s="3"/>
      <c r="Z112" s="3"/>
      <c r="AA112" s="3"/>
      <c r="AB112" s="3"/>
      <c r="AC112" s="3"/>
      <c r="AD112" s="3"/>
      <c r="AE112" s="3"/>
      <c r="AF112" s="3"/>
    </row>
    <row r="113" spans="3:32" x14ac:dyDescent="0.2">
      <c r="C113" s="3"/>
      <c r="D113" s="3"/>
      <c r="E113" s="3"/>
      <c r="F113" s="3"/>
      <c r="G113" s="3"/>
      <c r="H113" s="3"/>
      <c r="I113" s="3"/>
      <c r="J113" s="3"/>
      <c r="K113" s="3"/>
      <c r="L113" s="3"/>
      <c r="M113" s="3"/>
      <c r="N113" s="3"/>
      <c r="O113" s="3"/>
      <c r="P113" s="3"/>
      <c r="Q113" s="3"/>
      <c r="R113" s="3"/>
      <c r="S113" s="3"/>
      <c r="T113" s="3"/>
      <c r="U113" s="3"/>
      <c r="V113" s="3"/>
      <c r="W113" s="3"/>
      <c r="X113" s="3"/>
      <c r="Y113" s="3"/>
      <c r="Z113" s="3"/>
      <c r="AA113" s="3"/>
      <c r="AB113" s="3"/>
      <c r="AC113" s="3"/>
      <c r="AD113" s="3"/>
      <c r="AE113" s="3"/>
      <c r="AF113" s="3"/>
    </row>
    <row r="114" spans="3:32" x14ac:dyDescent="0.2">
      <c r="C114" s="3"/>
      <c r="D114" s="3"/>
      <c r="E114" s="3"/>
      <c r="F114" s="3"/>
      <c r="G114" s="3"/>
      <c r="H114" s="3"/>
      <c r="I114" s="3"/>
      <c r="J114" s="3"/>
      <c r="K114" s="3"/>
      <c r="L114" s="3"/>
      <c r="M114" s="3"/>
      <c r="N114" s="3"/>
      <c r="O114" s="3"/>
      <c r="P114" s="3"/>
      <c r="Q114" s="3"/>
      <c r="R114" s="3"/>
      <c r="S114" s="3"/>
      <c r="T114" s="3"/>
      <c r="U114" s="3"/>
      <c r="V114" s="3"/>
      <c r="W114" s="3"/>
      <c r="X114" s="3"/>
      <c r="Y114" s="3"/>
      <c r="Z114" s="3"/>
      <c r="AA114" s="3"/>
      <c r="AB114" s="3"/>
      <c r="AC114" s="3"/>
      <c r="AD114" s="3"/>
      <c r="AE114" s="3"/>
      <c r="AF114" s="3"/>
    </row>
    <row r="115" spans="3:32" x14ac:dyDescent="0.2">
      <c r="C115" s="3"/>
      <c r="D115" s="3"/>
      <c r="E115" s="3"/>
      <c r="F115" s="3"/>
      <c r="G115" s="3"/>
      <c r="H115" s="3"/>
      <c r="I115" s="3"/>
      <c r="J115" s="3"/>
      <c r="K115" s="3"/>
      <c r="L115" s="3"/>
      <c r="M115" s="3"/>
      <c r="N115" s="3"/>
      <c r="O115" s="3"/>
      <c r="P115" s="3"/>
      <c r="Q115" s="3"/>
      <c r="R115" s="3"/>
      <c r="S115" s="3"/>
      <c r="T115" s="3"/>
      <c r="U115" s="3"/>
      <c r="V115" s="3"/>
      <c r="W115" s="3"/>
      <c r="X115" s="3"/>
      <c r="Y115" s="3"/>
      <c r="Z115" s="3"/>
      <c r="AA115" s="3"/>
      <c r="AB115" s="3"/>
      <c r="AC115" s="3"/>
      <c r="AD115" s="3"/>
      <c r="AE115" s="3"/>
      <c r="AF115" s="3"/>
    </row>
    <row r="116" spans="3:32" x14ac:dyDescent="0.2">
      <c r="C116" s="3"/>
      <c r="D116" s="3"/>
      <c r="E116" s="3"/>
      <c r="F116" s="3"/>
      <c r="G116" s="3"/>
      <c r="H116" s="3"/>
      <c r="I116" s="3"/>
      <c r="J116" s="3"/>
      <c r="K116" s="3"/>
      <c r="L116" s="3"/>
      <c r="M116" s="3"/>
      <c r="N116" s="3"/>
      <c r="O116" s="3"/>
      <c r="P116" s="3"/>
      <c r="Q116" s="3"/>
      <c r="R116" s="3"/>
      <c r="S116" s="3"/>
      <c r="T116" s="3"/>
      <c r="U116" s="3"/>
      <c r="V116" s="3"/>
      <c r="W116" s="3"/>
      <c r="X116" s="3"/>
      <c r="Y116" s="3"/>
      <c r="Z116" s="3"/>
      <c r="AA116" s="3"/>
      <c r="AB116" s="3"/>
      <c r="AC116" s="3"/>
      <c r="AD116" s="3"/>
      <c r="AE116" s="3"/>
      <c r="AF116" s="3"/>
    </row>
    <row r="117" spans="3:32" x14ac:dyDescent="0.2">
      <c r="C117" s="3"/>
      <c r="D117" s="3"/>
      <c r="E117" s="3"/>
      <c r="F117" s="3"/>
      <c r="G117" s="3"/>
      <c r="H117" s="3"/>
      <c r="I117" s="3"/>
      <c r="J117" s="3"/>
      <c r="K117" s="3"/>
      <c r="L117" s="3"/>
      <c r="M117" s="3"/>
      <c r="N117" s="3"/>
      <c r="O117" s="3"/>
      <c r="P117" s="3"/>
      <c r="Q117" s="3"/>
      <c r="R117" s="3"/>
      <c r="S117" s="3"/>
      <c r="T117" s="3"/>
      <c r="U117" s="3"/>
      <c r="V117" s="3"/>
      <c r="W117" s="3"/>
      <c r="X117" s="3"/>
      <c r="Y117" s="3"/>
      <c r="Z117" s="3"/>
      <c r="AA117" s="3"/>
      <c r="AB117" s="3"/>
      <c r="AC117" s="3"/>
      <c r="AD117" s="3"/>
      <c r="AE117" s="3"/>
      <c r="AF117" s="3"/>
    </row>
    <row r="118" spans="3:32" x14ac:dyDescent="0.2">
      <c r="C118" s="3"/>
      <c r="D118" s="3"/>
      <c r="E118" s="3"/>
      <c r="F118" s="3"/>
      <c r="G118" s="3"/>
      <c r="H118" s="3"/>
      <c r="I118" s="3"/>
      <c r="J118" s="3"/>
      <c r="K118" s="3"/>
      <c r="L118" s="3"/>
      <c r="M118" s="3"/>
      <c r="N118" s="3"/>
      <c r="O118" s="3"/>
      <c r="P118" s="3"/>
      <c r="Q118" s="3"/>
      <c r="R118" s="3"/>
      <c r="S118" s="3"/>
      <c r="T118" s="3"/>
      <c r="U118" s="3"/>
      <c r="V118" s="3"/>
      <c r="W118" s="3"/>
      <c r="X118" s="3"/>
      <c r="Y118" s="3"/>
      <c r="Z118" s="3"/>
      <c r="AA118" s="3"/>
      <c r="AB118" s="3"/>
      <c r="AC118" s="3"/>
      <c r="AD118" s="3"/>
      <c r="AE118" s="3"/>
      <c r="AF118" s="3"/>
    </row>
    <row r="119" spans="3:32" x14ac:dyDescent="0.2">
      <c r="C119" s="3"/>
      <c r="D119" s="3"/>
      <c r="E119" s="3"/>
      <c r="F119" s="3"/>
      <c r="G119" s="3"/>
      <c r="H119" s="3"/>
      <c r="I119" s="3"/>
      <c r="J119" s="3"/>
      <c r="K119" s="3"/>
      <c r="L119" s="3"/>
      <c r="M119" s="3"/>
      <c r="N119" s="3"/>
      <c r="O119" s="3"/>
      <c r="P119" s="3"/>
      <c r="Q119" s="3"/>
      <c r="R119" s="3"/>
      <c r="S119" s="3"/>
      <c r="T119" s="3"/>
      <c r="U119" s="3"/>
      <c r="V119" s="3"/>
      <c r="W119" s="3"/>
      <c r="X119" s="3"/>
      <c r="Y119" s="3"/>
      <c r="Z119" s="3"/>
      <c r="AA119" s="3"/>
      <c r="AB119" s="3"/>
      <c r="AC119" s="3"/>
      <c r="AD119" s="3"/>
      <c r="AE119" s="3"/>
      <c r="AF119" s="3"/>
    </row>
    <row r="120" spans="3:32" x14ac:dyDescent="0.2">
      <c r="C120" s="3"/>
      <c r="D120" s="3"/>
      <c r="E120" s="3"/>
      <c r="F120" s="3"/>
      <c r="G120" s="3"/>
      <c r="H120" s="3"/>
      <c r="I120" s="3"/>
      <c r="J120" s="3"/>
      <c r="K120" s="3"/>
      <c r="L120" s="3"/>
      <c r="M120" s="3"/>
      <c r="N120" s="3"/>
      <c r="O120" s="3"/>
      <c r="P120" s="3"/>
      <c r="Q120" s="3"/>
      <c r="R120" s="3"/>
      <c r="S120" s="3"/>
      <c r="T120" s="3"/>
      <c r="U120" s="3"/>
      <c r="V120" s="3"/>
      <c r="W120" s="3"/>
      <c r="X120" s="3"/>
      <c r="Y120" s="3"/>
      <c r="Z120" s="3"/>
      <c r="AA120" s="3"/>
      <c r="AB120" s="3"/>
      <c r="AC120" s="3"/>
      <c r="AD120" s="3"/>
      <c r="AE120" s="3"/>
      <c r="AF120" s="3"/>
    </row>
    <row r="121" spans="3:32" x14ac:dyDescent="0.2">
      <c r="C121" s="3"/>
      <c r="D121" s="3"/>
      <c r="E121" s="3"/>
      <c r="F121" s="3"/>
      <c r="G121" s="3"/>
      <c r="H121" s="3"/>
      <c r="I121" s="3"/>
      <c r="J121" s="3"/>
      <c r="K121" s="3"/>
      <c r="L121" s="3"/>
      <c r="M121" s="3"/>
      <c r="N121" s="3"/>
      <c r="O121" s="3"/>
      <c r="P121" s="3"/>
      <c r="Q121" s="3"/>
      <c r="R121" s="3"/>
      <c r="S121" s="3"/>
      <c r="T121" s="3"/>
      <c r="U121" s="3"/>
      <c r="V121" s="3"/>
      <c r="W121" s="3"/>
      <c r="X121" s="3"/>
      <c r="Y121" s="3"/>
      <c r="Z121" s="3"/>
      <c r="AA121" s="3"/>
      <c r="AB121" s="3"/>
      <c r="AC121" s="3"/>
      <c r="AD121" s="3"/>
      <c r="AE121" s="3"/>
      <c r="AF121" s="3"/>
    </row>
    <row r="122" spans="3:32" x14ac:dyDescent="0.2">
      <c r="C122" s="3"/>
      <c r="D122" s="3"/>
      <c r="E122" s="3"/>
      <c r="F122" s="3"/>
      <c r="G122" s="3"/>
      <c r="H122" s="3"/>
      <c r="I122" s="3"/>
      <c r="J122" s="3"/>
      <c r="K122" s="3"/>
      <c r="L122" s="3"/>
      <c r="M122" s="3"/>
      <c r="N122" s="3"/>
      <c r="O122" s="3"/>
      <c r="P122" s="3"/>
      <c r="Q122" s="3"/>
      <c r="R122" s="3"/>
      <c r="S122" s="3"/>
      <c r="T122" s="3"/>
      <c r="U122" s="3"/>
      <c r="V122" s="3"/>
      <c r="W122" s="3"/>
      <c r="X122" s="3"/>
      <c r="Y122" s="3"/>
      <c r="Z122" s="3"/>
      <c r="AA122" s="3"/>
      <c r="AB122" s="3"/>
      <c r="AC122" s="3"/>
      <c r="AD122" s="3"/>
      <c r="AE122" s="3"/>
      <c r="AF122" s="3"/>
    </row>
    <row r="123" spans="3:32" x14ac:dyDescent="0.2">
      <c r="C123" s="3"/>
      <c r="D123" s="3"/>
      <c r="E123" s="3"/>
      <c r="F123" s="3"/>
      <c r="G123" s="3"/>
      <c r="H123" s="3"/>
      <c r="I123" s="3"/>
      <c r="J123" s="3"/>
      <c r="K123" s="3"/>
      <c r="L123" s="3"/>
      <c r="M123" s="3"/>
      <c r="N123" s="3"/>
      <c r="O123" s="3"/>
      <c r="P123" s="3"/>
      <c r="Q123" s="3"/>
      <c r="R123" s="3"/>
      <c r="S123" s="3"/>
      <c r="T123" s="3"/>
      <c r="U123" s="3"/>
      <c r="V123" s="3"/>
      <c r="W123" s="3"/>
      <c r="X123" s="3"/>
      <c r="Y123" s="3"/>
      <c r="Z123" s="3"/>
      <c r="AA123" s="3"/>
      <c r="AB123" s="3"/>
      <c r="AC123" s="3"/>
      <c r="AD123" s="3"/>
      <c r="AE123" s="3"/>
      <c r="AF123" s="3"/>
    </row>
    <row r="124" spans="3:32" x14ac:dyDescent="0.2">
      <c r="C124" s="3"/>
      <c r="D124" s="3"/>
      <c r="E124" s="3"/>
      <c r="F124" s="3"/>
      <c r="G124" s="3"/>
      <c r="H124" s="3"/>
      <c r="I124" s="3"/>
      <c r="J124" s="3"/>
      <c r="K124" s="3"/>
      <c r="L124" s="3"/>
      <c r="M124" s="3"/>
      <c r="N124" s="3"/>
      <c r="O124" s="3"/>
      <c r="P124" s="3"/>
      <c r="Q124" s="3"/>
      <c r="R124" s="3"/>
      <c r="S124" s="3"/>
      <c r="T124" s="3"/>
      <c r="U124" s="3"/>
      <c r="V124" s="3"/>
      <c r="W124" s="3"/>
      <c r="X124" s="3"/>
      <c r="Y124" s="3"/>
      <c r="Z124" s="3"/>
      <c r="AA124" s="3"/>
      <c r="AB124" s="3"/>
      <c r="AC124" s="3"/>
      <c r="AD124" s="3"/>
      <c r="AE124" s="3"/>
      <c r="AF124" s="3"/>
    </row>
    <row r="125" spans="3:32" x14ac:dyDescent="0.2">
      <c r="C125" s="3"/>
      <c r="D125" s="3"/>
      <c r="E125" s="3"/>
      <c r="F125" s="3"/>
      <c r="G125" s="3"/>
      <c r="H125" s="3"/>
      <c r="I125" s="3"/>
      <c r="J125" s="3"/>
      <c r="K125" s="3"/>
      <c r="L125" s="3"/>
      <c r="M125" s="3"/>
      <c r="N125" s="3"/>
      <c r="O125" s="3"/>
      <c r="P125" s="3"/>
      <c r="Q125" s="3"/>
      <c r="R125" s="3"/>
      <c r="S125" s="3"/>
      <c r="T125" s="3"/>
      <c r="U125" s="3"/>
      <c r="V125" s="3"/>
      <c r="W125" s="3"/>
      <c r="X125" s="3"/>
      <c r="Y125" s="3"/>
      <c r="Z125" s="3"/>
      <c r="AA125" s="3"/>
      <c r="AB125" s="3"/>
      <c r="AC125" s="3"/>
      <c r="AD125" s="3"/>
      <c r="AE125" s="3"/>
      <c r="AF125" s="3"/>
    </row>
    <row r="126" spans="3:32" x14ac:dyDescent="0.2">
      <c r="C126" s="3"/>
      <c r="D126" s="3"/>
      <c r="E126" s="3"/>
      <c r="F126" s="3"/>
      <c r="G126" s="3"/>
      <c r="H126" s="3"/>
      <c r="I126" s="3"/>
      <c r="J126" s="3"/>
      <c r="K126" s="3"/>
      <c r="L126" s="3"/>
      <c r="M126" s="3"/>
      <c r="N126" s="3"/>
      <c r="O126" s="3"/>
      <c r="P126" s="3"/>
      <c r="Q126" s="3"/>
      <c r="R126" s="3"/>
      <c r="S126" s="3"/>
      <c r="T126" s="3"/>
      <c r="U126" s="3"/>
      <c r="V126" s="3"/>
      <c r="W126" s="3"/>
      <c r="X126" s="3"/>
      <c r="Y126" s="3"/>
      <c r="Z126" s="3"/>
      <c r="AA126" s="3"/>
      <c r="AB126" s="3"/>
      <c r="AC126" s="3"/>
      <c r="AD126" s="3"/>
      <c r="AE126" s="3"/>
      <c r="AF126" s="3"/>
    </row>
    <row r="127" spans="3:32" x14ac:dyDescent="0.2">
      <c r="C127" s="3"/>
      <c r="D127" s="3"/>
      <c r="E127" s="3"/>
      <c r="F127" s="3"/>
      <c r="G127" s="3"/>
      <c r="H127" s="3"/>
      <c r="I127" s="3"/>
      <c r="J127" s="3"/>
      <c r="K127" s="3"/>
      <c r="L127" s="3"/>
      <c r="M127" s="3"/>
      <c r="N127" s="3"/>
      <c r="O127" s="3"/>
      <c r="P127" s="3"/>
      <c r="Q127" s="3"/>
      <c r="R127" s="3"/>
      <c r="S127" s="3"/>
      <c r="T127" s="3"/>
      <c r="U127" s="3"/>
      <c r="V127" s="3"/>
      <c r="W127" s="3"/>
      <c r="X127" s="3"/>
      <c r="Y127" s="3"/>
      <c r="Z127" s="3"/>
      <c r="AA127" s="3"/>
      <c r="AB127" s="3"/>
      <c r="AC127" s="3"/>
      <c r="AD127" s="3"/>
      <c r="AE127" s="3"/>
      <c r="AF127" s="3"/>
    </row>
    <row r="128" spans="3:32" x14ac:dyDescent="0.2">
      <c r="C128" s="3"/>
      <c r="D128" s="3"/>
      <c r="E128" s="3"/>
      <c r="F128" s="3"/>
      <c r="G128" s="3"/>
      <c r="H128" s="3"/>
      <c r="I128" s="3"/>
      <c r="J128" s="3"/>
      <c r="K128" s="3"/>
      <c r="L128" s="3"/>
      <c r="M128" s="3"/>
      <c r="N128" s="3"/>
      <c r="O128" s="3"/>
      <c r="P128" s="3"/>
      <c r="Q128" s="3"/>
      <c r="R128" s="3"/>
      <c r="S128" s="3"/>
      <c r="T128" s="3"/>
      <c r="U128" s="3"/>
      <c r="V128" s="3"/>
      <c r="W128" s="3"/>
      <c r="X128" s="3"/>
      <c r="Y128" s="3"/>
      <c r="Z128" s="3"/>
      <c r="AA128" s="3"/>
      <c r="AB128" s="3"/>
      <c r="AC128" s="3"/>
      <c r="AD128" s="3"/>
      <c r="AE128" s="3"/>
      <c r="AF128" s="3"/>
    </row>
    <row r="129" spans="3:32" x14ac:dyDescent="0.2">
      <c r="C129" s="3"/>
      <c r="D129" s="3"/>
      <c r="E129" s="3"/>
      <c r="F129" s="3"/>
      <c r="G129" s="3"/>
      <c r="H129" s="3"/>
      <c r="I129" s="3"/>
      <c r="J129" s="3"/>
      <c r="K129" s="3"/>
      <c r="L129" s="3"/>
      <c r="M129" s="3"/>
      <c r="N129" s="3"/>
      <c r="O129" s="3"/>
      <c r="P129" s="3"/>
      <c r="Q129" s="3"/>
      <c r="R129" s="3"/>
      <c r="S129" s="3"/>
      <c r="T129" s="3"/>
      <c r="U129" s="3"/>
      <c r="V129" s="3"/>
      <c r="W129" s="3"/>
      <c r="X129" s="3"/>
      <c r="Y129" s="3"/>
      <c r="Z129" s="3"/>
      <c r="AA129" s="3"/>
      <c r="AB129" s="3"/>
      <c r="AC129" s="3"/>
      <c r="AD129" s="3"/>
      <c r="AE129" s="3"/>
      <c r="AF129" s="3"/>
    </row>
    <row r="130" spans="3:32" x14ac:dyDescent="0.2">
      <c r="C130" s="3"/>
      <c r="D130" s="3"/>
      <c r="E130" s="3"/>
      <c r="F130" s="3"/>
      <c r="G130" s="3"/>
      <c r="H130" s="3"/>
      <c r="I130" s="3"/>
      <c r="J130" s="3"/>
      <c r="K130" s="3"/>
      <c r="L130" s="3"/>
      <c r="M130" s="3"/>
      <c r="N130" s="3"/>
      <c r="O130" s="3"/>
      <c r="P130" s="3"/>
      <c r="Q130" s="3"/>
      <c r="R130" s="3"/>
      <c r="S130" s="3"/>
      <c r="T130" s="3"/>
      <c r="U130" s="3"/>
      <c r="V130" s="3"/>
      <c r="W130" s="3"/>
      <c r="X130" s="3"/>
      <c r="Y130" s="3"/>
      <c r="Z130" s="3"/>
      <c r="AA130" s="3"/>
      <c r="AB130" s="3"/>
      <c r="AC130" s="3"/>
      <c r="AD130" s="3"/>
      <c r="AE130" s="3"/>
      <c r="AF130" s="3"/>
    </row>
    <row r="131" spans="3:32" x14ac:dyDescent="0.2">
      <c r="C131" s="3"/>
      <c r="D131" s="3"/>
      <c r="E131" s="3"/>
      <c r="F131" s="3"/>
      <c r="G131" s="3"/>
      <c r="H131" s="3"/>
      <c r="I131" s="3"/>
      <c r="J131" s="3"/>
      <c r="K131" s="3"/>
      <c r="L131" s="3"/>
      <c r="M131" s="3"/>
      <c r="N131" s="3"/>
      <c r="O131" s="3"/>
      <c r="P131" s="3"/>
      <c r="Q131" s="3"/>
      <c r="R131" s="3"/>
      <c r="S131" s="3"/>
      <c r="T131" s="3"/>
      <c r="U131" s="3"/>
      <c r="V131" s="3"/>
      <c r="W131" s="3"/>
      <c r="X131" s="3"/>
      <c r="Y131" s="3"/>
      <c r="Z131" s="3"/>
      <c r="AA131" s="3"/>
      <c r="AB131" s="3"/>
      <c r="AC131" s="3"/>
      <c r="AD131" s="3"/>
      <c r="AE131" s="3"/>
      <c r="AF131" s="3"/>
    </row>
    <row r="132" spans="3:32" x14ac:dyDescent="0.2">
      <c r="C132" s="3"/>
      <c r="D132" s="3"/>
      <c r="E132" s="3"/>
      <c r="F132" s="3"/>
      <c r="G132" s="3"/>
      <c r="H132" s="3"/>
      <c r="I132" s="3"/>
      <c r="J132" s="3"/>
      <c r="K132" s="3"/>
      <c r="L132" s="3"/>
      <c r="M132" s="3"/>
      <c r="N132" s="3"/>
      <c r="O132" s="3"/>
      <c r="P132" s="3"/>
      <c r="Q132" s="3"/>
      <c r="R132" s="3"/>
      <c r="S132" s="3"/>
      <c r="T132" s="3"/>
      <c r="U132" s="3"/>
      <c r="V132" s="3"/>
      <c r="W132" s="3"/>
      <c r="X132" s="3"/>
      <c r="Y132" s="3"/>
      <c r="Z132" s="3"/>
      <c r="AA132" s="3"/>
      <c r="AB132" s="3"/>
      <c r="AC132" s="3"/>
      <c r="AD132" s="3"/>
      <c r="AE132" s="3"/>
      <c r="AF132" s="3"/>
    </row>
    <row r="133" spans="3:32" x14ac:dyDescent="0.2">
      <c r="C133" s="3"/>
      <c r="D133" s="3"/>
      <c r="E133" s="3"/>
      <c r="F133" s="3"/>
      <c r="G133" s="3"/>
      <c r="H133" s="3"/>
      <c r="I133" s="3"/>
      <c r="J133" s="3"/>
      <c r="K133" s="3"/>
      <c r="L133" s="3"/>
      <c r="M133" s="3"/>
      <c r="N133" s="3"/>
      <c r="O133" s="3"/>
      <c r="P133" s="3"/>
      <c r="Q133" s="3"/>
      <c r="R133" s="3"/>
      <c r="S133" s="3"/>
      <c r="T133" s="3"/>
      <c r="U133" s="3"/>
      <c r="V133" s="3"/>
      <c r="W133" s="3"/>
      <c r="X133" s="3"/>
      <c r="Y133" s="3"/>
      <c r="Z133" s="3"/>
      <c r="AA133" s="3"/>
      <c r="AB133" s="3"/>
      <c r="AC133" s="3"/>
      <c r="AD133" s="3"/>
      <c r="AE133" s="3"/>
      <c r="AF133" s="3"/>
    </row>
    <row r="134" spans="3:32" x14ac:dyDescent="0.2">
      <c r="C134" s="3"/>
      <c r="D134" s="3"/>
      <c r="E134" s="3"/>
      <c r="F134" s="3"/>
      <c r="G134" s="3"/>
      <c r="H134" s="3"/>
      <c r="I134" s="3"/>
      <c r="J134" s="3"/>
      <c r="K134" s="3"/>
      <c r="L134" s="3"/>
      <c r="M134" s="3"/>
      <c r="N134" s="3"/>
      <c r="O134" s="3"/>
      <c r="P134" s="3"/>
      <c r="Q134" s="3"/>
      <c r="R134" s="3"/>
      <c r="S134" s="3"/>
      <c r="T134" s="3"/>
      <c r="U134" s="3"/>
      <c r="V134" s="3"/>
      <c r="W134" s="3"/>
      <c r="X134" s="3"/>
      <c r="Y134" s="3"/>
      <c r="Z134" s="3"/>
      <c r="AA134" s="3"/>
      <c r="AB134" s="3"/>
      <c r="AC134" s="3"/>
      <c r="AD134" s="3"/>
      <c r="AE134" s="3"/>
      <c r="AF134" s="3"/>
    </row>
    <row r="135" spans="3:32" x14ac:dyDescent="0.2">
      <c r="C135" s="3"/>
      <c r="D135" s="3"/>
      <c r="E135" s="3"/>
      <c r="F135" s="3"/>
      <c r="G135" s="3"/>
      <c r="H135" s="3"/>
      <c r="I135" s="3"/>
      <c r="J135" s="3"/>
      <c r="K135" s="3"/>
      <c r="L135" s="3"/>
      <c r="M135" s="3"/>
      <c r="N135" s="3"/>
      <c r="O135" s="3"/>
      <c r="P135" s="3"/>
      <c r="Q135" s="3"/>
      <c r="R135" s="3"/>
      <c r="S135" s="3"/>
      <c r="T135" s="3"/>
      <c r="U135" s="3"/>
      <c r="V135" s="3"/>
      <c r="W135" s="3"/>
      <c r="X135" s="3"/>
      <c r="Y135" s="3"/>
      <c r="Z135" s="3"/>
      <c r="AA135" s="3"/>
      <c r="AB135" s="3"/>
      <c r="AC135" s="3"/>
      <c r="AD135" s="3"/>
      <c r="AE135" s="3"/>
      <c r="AF135" s="3"/>
    </row>
    <row r="136" spans="3:32" x14ac:dyDescent="0.2">
      <c r="C136" s="3"/>
      <c r="D136" s="3"/>
      <c r="E136" s="3"/>
      <c r="F136" s="3"/>
      <c r="G136" s="3"/>
      <c r="H136" s="3"/>
      <c r="I136" s="3"/>
      <c r="J136" s="3"/>
      <c r="K136" s="3"/>
      <c r="L136" s="3"/>
      <c r="M136" s="3"/>
      <c r="N136" s="3"/>
      <c r="O136" s="3"/>
      <c r="P136" s="3"/>
      <c r="Q136" s="3"/>
      <c r="R136" s="3"/>
      <c r="S136" s="3"/>
      <c r="T136" s="3"/>
      <c r="U136" s="3"/>
      <c r="V136" s="3"/>
      <c r="W136" s="3"/>
      <c r="X136" s="3"/>
      <c r="Y136" s="3"/>
      <c r="Z136" s="3"/>
      <c r="AA136" s="3"/>
      <c r="AB136" s="3"/>
      <c r="AC136" s="3"/>
      <c r="AD136" s="3"/>
      <c r="AE136" s="3"/>
      <c r="AF136" s="3"/>
    </row>
    <row r="137" spans="3:32" x14ac:dyDescent="0.2">
      <c r="C137" s="3"/>
      <c r="D137" s="3"/>
      <c r="E137" s="3"/>
      <c r="F137" s="3"/>
      <c r="G137" s="3"/>
      <c r="H137" s="3"/>
      <c r="I137" s="3"/>
      <c r="J137" s="3"/>
      <c r="K137" s="3"/>
      <c r="L137" s="3"/>
      <c r="M137" s="3"/>
      <c r="N137" s="3"/>
      <c r="O137" s="3"/>
      <c r="P137" s="3"/>
      <c r="Q137" s="3"/>
      <c r="R137" s="3"/>
      <c r="S137" s="3"/>
      <c r="T137" s="3"/>
      <c r="U137" s="3"/>
      <c r="V137" s="3"/>
      <c r="W137" s="3"/>
      <c r="X137" s="3"/>
      <c r="Y137" s="3"/>
      <c r="Z137" s="3"/>
      <c r="AA137" s="3"/>
      <c r="AB137" s="3"/>
      <c r="AC137" s="3"/>
      <c r="AD137" s="3"/>
      <c r="AE137" s="3"/>
      <c r="AF137" s="3"/>
    </row>
    <row r="138" spans="3:32" x14ac:dyDescent="0.2">
      <c r="C138" s="3"/>
      <c r="D138" s="3"/>
      <c r="E138" s="3"/>
      <c r="F138" s="3"/>
      <c r="G138" s="3"/>
      <c r="H138" s="3"/>
      <c r="I138" s="3"/>
      <c r="J138" s="3"/>
      <c r="K138" s="3"/>
      <c r="L138" s="3"/>
      <c r="M138" s="3"/>
      <c r="N138" s="3"/>
      <c r="O138" s="3"/>
      <c r="P138" s="3"/>
      <c r="Q138" s="3"/>
      <c r="R138" s="3"/>
      <c r="S138" s="3"/>
      <c r="T138" s="3"/>
      <c r="U138" s="3"/>
      <c r="V138" s="3"/>
      <c r="W138" s="3"/>
      <c r="X138" s="3"/>
      <c r="Y138" s="3"/>
      <c r="Z138" s="3"/>
      <c r="AA138" s="3"/>
      <c r="AB138" s="3"/>
      <c r="AC138" s="3"/>
      <c r="AD138" s="3"/>
      <c r="AE138" s="3"/>
      <c r="AF138" s="3"/>
    </row>
    <row r="139" spans="3:32" x14ac:dyDescent="0.2">
      <c r="C139" s="3"/>
      <c r="D139" s="3"/>
      <c r="E139" s="3"/>
      <c r="F139" s="3"/>
      <c r="G139" s="3"/>
      <c r="H139" s="3"/>
      <c r="I139" s="3"/>
      <c r="J139" s="3"/>
      <c r="K139" s="3"/>
      <c r="L139" s="3"/>
      <c r="M139" s="3"/>
      <c r="N139" s="3"/>
      <c r="O139" s="3"/>
      <c r="P139" s="3"/>
      <c r="Q139" s="3"/>
      <c r="R139" s="3"/>
      <c r="S139" s="3"/>
      <c r="T139" s="3"/>
      <c r="U139" s="3"/>
      <c r="V139" s="3"/>
      <c r="W139" s="3"/>
      <c r="X139" s="3"/>
      <c r="Y139" s="3"/>
      <c r="Z139" s="3"/>
      <c r="AA139" s="3"/>
      <c r="AB139" s="3"/>
      <c r="AC139" s="3"/>
      <c r="AD139" s="3"/>
      <c r="AE139" s="3"/>
      <c r="AF139" s="3"/>
    </row>
    <row r="140" spans="3:32" x14ac:dyDescent="0.2">
      <c r="C140" s="3"/>
      <c r="D140" s="3"/>
      <c r="E140" s="3"/>
      <c r="F140" s="3"/>
      <c r="G140" s="3"/>
      <c r="H140" s="3"/>
      <c r="I140" s="3"/>
      <c r="J140" s="3"/>
      <c r="K140" s="3"/>
      <c r="L140" s="3"/>
      <c r="M140" s="3"/>
      <c r="N140" s="3"/>
      <c r="O140" s="3"/>
      <c r="P140" s="3"/>
      <c r="Q140" s="3"/>
      <c r="R140" s="3"/>
      <c r="S140" s="3"/>
      <c r="T140" s="3"/>
      <c r="U140" s="3"/>
      <c r="V140" s="3"/>
      <c r="W140" s="3"/>
      <c r="X140" s="3"/>
      <c r="Y140" s="3"/>
      <c r="Z140" s="3"/>
      <c r="AA140" s="3"/>
      <c r="AB140" s="3"/>
      <c r="AC140" s="3"/>
      <c r="AD140" s="3"/>
      <c r="AE140" s="3"/>
      <c r="AF140" s="3"/>
    </row>
    <row r="141" spans="3:32" x14ac:dyDescent="0.2">
      <c r="C141" s="3"/>
      <c r="D141" s="3"/>
      <c r="E141" s="3"/>
      <c r="F141" s="3"/>
      <c r="G141" s="3"/>
      <c r="H141" s="3"/>
      <c r="I141" s="3"/>
      <c r="J141" s="3"/>
      <c r="K141" s="3"/>
      <c r="L141" s="3"/>
      <c r="M141" s="3"/>
      <c r="N141" s="3"/>
      <c r="O141" s="3"/>
      <c r="P141" s="3"/>
      <c r="Q141" s="3"/>
      <c r="R141" s="3"/>
      <c r="S141" s="3"/>
      <c r="T141" s="3"/>
      <c r="U141" s="3"/>
      <c r="V141" s="3"/>
      <c r="W141" s="3"/>
      <c r="X141" s="3"/>
      <c r="Y141" s="3"/>
      <c r="Z141" s="3"/>
      <c r="AA141" s="3"/>
      <c r="AB141" s="3"/>
      <c r="AC141" s="3"/>
      <c r="AD141" s="3"/>
      <c r="AE141" s="3"/>
      <c r="AF141" s="3"/>
    </row>
    <row r="142" spans="3:32" x14ac:dyDescent="0.2">
      <c r="C142" s="3"/>
      <c r="D142" s="3"/>
      <c r="E142" s="3"/>
      <c r="F142" s="3"/>
      <c r="G142" s="3"/>
      <c r="H142" s="3"/>
      <c r="I142" s="3"/>
      <c r="J142" s="3"/>
      <c r="K142" s="3"/>
      <c r="L142" s="3"/>
      <c r="M142" s="3"/>
      <c r="N142" s="3"/>
      <c r="O142" s="3"/>
      <c r="P142" s="3"/>
      <c r="Q142" s="3"/>
      <c r="R142" s="3"/>
      <c r="S142" s="3"/>
      <c r="T142" s="3"/>
      <c r="U142" s="3"/>
      <c r="V142" s="3"/>
      <c r="W142" s="3"/>
      <c r="X142" s="3"/>
      <c r="Y142" s="3"/>
      <c r="Z142" s="3"/>
      <c r="AA142" s="3"/>
      <c r="AB142" s="3"/>
      <c r="AC142" s="3"/>
      <c r="AD142" s="3"/>
      <c r="AE142" s="3"/>
      <c r="AF142" s="3"/>
    </row>
    <row r="143" spans="3:32" x14ac:dyDescent="0.2">
      <c r="C143" s="3"/>
      <c r="D143" s="3"/>
      <c r="E143" s="3"/>
      <c r="F143" s="3"/>
      <c r="G143" s="3"/>
      <c r="H143" s="3"/>
      <c r="I143" s="3"/>
      <c r="J143" s="3"/>
      <c r="K143" s="3"/>
      <c r="L143" s="3"/>
      <c r="M143" s="3"/>
      <c r="N143" s="3"/>
      <c r="O143" s="3"/>
      <c r="P143" s="3"/>
      <c r="Q143" s="3"/>
      <c r="R143" s="3"/>
      <c r="S143" s="3"/>
      <c r="T143" s="3"/>
      <c r="U143" s="3"/>
      <c r="V143" s="3"/>
      <c r="W143" s="3"/>
      <c r="X143" s="3"/>
      <c r="Y143" s="3"/>
      <c r="Z143" s="3"/>
      <c r="AA143" s="3"/>
      <c r="AB143" s="3"/>
      <c r="AC143" s="3"/>
      <c r="AD143" s="3"/>
      <c r="AE143" s="3"/>
      <c r="AF143" s="3"/>
    </row>
    <row r="144" spans="3:32" x14ac:dyDescent="0.2">
      <c r="C144" s="3"/>
      <c r="D144" s="3"/>
      <c r="E144" s="3"/>
      <c r="F144" s="3"/>
      <c r="G144" s="3"/>
      <c r="H144" s="3"/>
      <c r="I144" s="3"/>
      <c r="J144" s="3"/>
      <c r="K144" s="3"/>
      <c r="L144" s="3"/>
      <c r="M144" s="3"/>
      <c r="N144" s="3"/>
      <c r="O144" s="3"/>
      <c r="P144" s="3"/>
      <c r="Q144" s="3"/>
      <c r="R144" s="3"/>
      <c r="S144" s="3"/>
      <c r="T144" s="3"/>
      <c r="U144" s="3"/>
      <c r="V144" s="3"/>
      <c r="W144" s="3"/>
      <c r="X144" s="3"/>
      <c r="Y144" s="3"/>
      <c r="Z144" s="3"/>
      <c r="AA144" s="3"/>
      <c r="AB144" s="3"/>
      <c r="AC144" s="3"/>
      <c r="AD144" s="3"/>
      <c r="AE144" s="3"/>
      <c r="AF144" s="3"/>
    </row>
    <row r="145" spans="3:32" x14ac:dyDescent="0.2">
      <c r="C145" s="3"/>
      <c r="D145" s="3"/>
      <c r="E145" s="3"/>
      <c r="F145" s="3"/>
      <c r="G145" s="3"/>
      <c r="H145" s="3"/>
      <c r="I145" s="3"/>
      <c r="J145" s="3"/>
      <c r="K145" s="3"/>
      <c r="L145" s="3"/>
      <c r="M145" s="3"/>
      <c r="N145" s="3"/>
      <c r="O145" s="3"/>
      <c r="P145" s="3"/>
      <c r="Q145" s="3"/>
      <c r="R145" s="3"/>
      <c r="S145" s="3"/>
      <c r="T145" s="3"/>
      <c r="U145" s="3"/>
      <c r="V145" s="3"/>
      <c r="W145" s="3"/>
      <c r="X145" s="3"/>
      <c r="Y145" s="3"/>
      <c r="Z145" s="3"/>
      <c r="AA145" s="3"/>
      <c r="AB145" s="3"/>
      <c r="AC145" s="3"/>
      <c r="AD145" s="3"/>
      <c r="AE145" s="3"/>
      <c r="AF145" s="3"/>
    </row>
    <row r="146" spans="3:32" x14ac:dyDescent="0.2">
      <c r="C146" s="3"/>
      <c r="D146" s="3"/>
      <c r="E146" s="3"/>
      <c r="F146" s="3"/>
      <c r="G146" s="3"/>
      <c r="H146" s="3"/>
      <c r="I146" s="3"/>
      <c r="J146" s="3"/>
      <c r="K146" s="3"/>
      <c r="L146" s="3"/>
      <c r="M146" s="3"/>
      <c r="N146" s="3"/>
      <c r="O146" s="3"/>
      <c r="P146" s="3"/>
      <c r="Q146" s="3"/>
      <c r="R146" s="3"/>
      <c r="S146" s="3"/>
      <c r="T146" s="3"/>
      <c r="U146" s="3"/>
      <c r="V146" s="3"/>
      <c r="W146" s="3"/>
      <c r="X146" s="3"/>
      <c r="Y146" s="3"/>
      <c r="Z146" s="3"/>
      <c r="AA146" s="3"/>
      <c r="AB146" s="3"/>
      <c r="AC146" s="3"/>
      <c r="AD146" s="3"/>
      <c r="AE146" s="3"/>
      <c r="AF146" s="3"/>
    </row>
    <row r="147" spans="3:32" x14ac:dyDescent="0.2">
      <c r="C147" s="3"/>
      <c r="D147" s="3"/>
      <c r="E147" s="3"/>
      <c r="F147" s="3"/>
      <c r="G147" s="3"/>
      <c r="H147" s="3"/>
      <c r="I147" s="3"/>
      <c r="J147" s="3"/>
      <c r="K147" s="3"/>
      <c r="L147" s="3"/>
      <c r="M147" s="3"/>
      <c r="N147" s="3"/>
      <c r="O147" s="3"/>
      <c r="P147" s="3"/>
      <c r="Q147" s="3"/>
      <c r="R147" s="3"/>
      <c r="S147" s="3"/>
      <c r="T147" s="3"/>
      <c r="U147" s="3"/>
      <c r="V147" s="3"/>
      <c r="W147" s="3"/>
      <c r="X147" s="3"/>
      <c r="Y147" s="3"/>
      <c r="Z147" s="3"/>
      <c r="AA147" s="3"/>
      <c r="AB147" s="3"/>
      <c r="AC147" s="3"/>
      <c r="AD147" s="3"/>
      <c r="AE147" s="3"/>
      <c r="AF147" s="3"/>
    </row>
    <row r="148" spans="3:32" x14ac:dyDescent="0.2">
      <c r="C148" s="3"/>
      <c r="D148" s="3"/>
      <c r="E148" s="3"/>
      <c r="F148" s="3"/>
      <c r="G148" s="3"/>
      <c r="H148" s="3"/>
      <c r="I148" s="3"/>
      <c r="J148" s="3"/>
      <c r="K148" s="3"/>
      <c r="L148" s="3"/>
      <c r="M148" s="3"/>
      <c r="N148" s="3"/>
      <c r="O148" s="3"/>
      <c r="P148" s="3"/>
      <c r="Q148" s="3"/>
      <c r="R148" s="3"/>
      <c r="S148" s="3"/>
      <c r="T148" s="3"/>
      <c r="U148" s="3"/>
      <c r="V148" s="3"/>
      <c r="W148" s="3"/>
      <c r="X148" s="3"/>
      <c r="Y148" s="3"/>
      <c r="Z148" s="3"/>
      <c r="AA148" s="3"/>
      <c r="AB148" s="3"/>
      <c r="AC148" s="3"/>
      <c r="AD148" s="3"/>
      <c r="AE148" s="3"/>
      <c r="AF148" s="3"/>
    </row>
    <row r="149" spans="3:32" x14ac:dyDescent="0.2">
      <c r="C149" s="3"/>
      <c r="D149" s="3"/>
      <c r="E149" s="3"/>
      <c r="F149" s="3"/>
      <c r="G149" s="3"/>
      <c r="H149" s="3"/>
      <c r="I149" s="3"/>
      <c r="J149" s="3"/>
      <c r="K149" s="3"/>
      <c r="L149" s="3"/>
      <c r="M149" s="3"/>
      <c r="N149" s="3"/>
      <c r="O149" s="3"/>
      <c r="P149" s="3"/>
      <c r="Q149" s="3"/>
      <c r="R149" s="3"/>
      <c r="S149" s="3"/>
      <c r="T149" s="3"/>
      <c r="U149" s="3"/>
      <c r="V149" s="3"/>
      <c r="W149" s="3"/>
      <c r="X149" s="3"/>
      <c r="Y149" s="3"/>
      <c r="Z149" s="3"/>
      <c r="AA149" s="3"/>
      <c r="AB149" s="3"/>
      <c r="AC149" s="3"/>
      <c r="AD149" s="3"/>
      <c r="AE149" s="3"/>
      <c r="AF149" s="3"/>
    </row>
    <row r="150" spans="3:32" x14ac:dyDescent="0.2">
      <c r="C150" s="3"/>
      <c r="D150" s="3"/>
      <c r="E150" s="3"/>
      <c r="F150" s="3"/>
      <c r="G150" s="3"/>
      <c r="H150" s="3"/>
      <c r="I150" s="3"/>
      <c r="J150" s="3"/>
      <c r="K150" s="3"/>
      <c r="L150" s="3"/>
      <c r="M150" s="3"/>
      <c r="N150" s="3"/>
      <c r="O150" s="3"/>
      <c r="P150" s="3"/>
      <c r="Q150" s="3"/>
      <c r="R150" s="3"/>
      <c r="S150" s="3"/>
      <c r="T150" s="3"/>
      <c r="U150" s="3"/>
      <c r="V150" s="3"/>
      <c r="W150" s="3"/>
      <c r="X150" s="3"/>
      <c r="Y150" s="3"/>
      <c r="Z150" s="3"/>
      <c r="AA150" s="3"/>
      <c r="AB150" s="3"/>
      <c r="AC150" s="3"/>
      <c r="AD150" s="3"/>
      <c r="AE150" s="3"/>
      <c r="AF150" s="3"/>
    </row>
    <row r="151" spans="3:32" x14ac:dyDescent="0.2">
      <c r="C151" s="3"/>
      <c r="D151" s="3"/>
      <c r="E151" s="3"/>
      <c r="F151" s="3"/>
      <c r="G151" s="3"/>
      <c r="H151" s="3"/>
      <c r="I151" s="3"/>
      <c r="J151" s="3"/>
      <c r="K151" s="3"/>
      <c r="L151" s="3"/>
      <c r="M151" s="3"/>
      <c r="N151" s="3"/>
      <c r="O151" s="3"/>
      <c r="P151" s="3"/>
      <c r="Q151" s="3"/>
      <c r="R151" s="3"/>
      <c r="S151" s="3"/>
      <c r="T151" s="3"/>
      <c r="U151" s="3"/>
      <c r="V151" s="3"/>
      <c r="W151" s="3"/>
      <c r="X151" s="3"/>
      <c r="Y151" s="3"/>
      <c r="Z151" s="3"/>
      <c r="AA151" s="3"/>
      <c r="AB151" s="3"/>
      <c r="AC151" s="3"/>
      <c r="AD151" s="3"/>
      <c r="AE151" s="3"/>
      <c r="AF151" s="3"/>
    </row>
    <row r="152" spans="3:32" x14ac:dyDescent="0.2">
      <c r="C152" s="3"/>
      <c r="D152" s="3"/>
      <c r="E152" s="3"/>
      <c r="F152" s="3"/>
      <c r="G152" s="3"/>
      <c r="H152" s="3"/>
      <c r="I152" s="3"/>
      <c r="J152" s="3"/>
      <c r="K152" s="3"/>
      <c r="L152" s="3"/>
      <c r="M152" s="3"/>
      <c r="N152" s="3"/>
      <c r="O152" s="3"/>
      <c r="P152" s="3"/>
      <c r="Q152" s="3"/>
      <c r="R152" s="3"/>
      <c r="S152" s="3"/>
      <c r="T152" s="3"/>
      <c r="U152" s="3"/>
      <c r="V152" s="3"/>
      <c r="W152" s="3"/>
      <c r="X152" s="3"/>
      <c r="Y152" s="3"/>
      <c r="Z152" s="3"/>
      <c r="AA152" s="3"/>
      <c r="AB152" s="3"/>
      <c r="AC152" s="3"/>
      <c r="AD152" s="3"/>
      <c r="AE152" s="3"/>
      <c r="AF152" s="3"/>
    </row>
    <row r="153" spans="3:32" x14ac:dyDescent="0.2">
      <c r="C153" s="3"/>
      <c r="D153" s="3"/>
      <c r="E153" s="3"/>
      <c r="F153" s="3"/>
      <c r="G153" s="3"/>
      <c r="H153" s="3"/>
      <c r="I153" s="3"/>
      <c r="J153" s="3"/>
      <c r="K153" s="3"/>
      <c r="L153" s="3"/>
      <c r="M153" s="3"/>
      <c r="N153" s="3"/>
      <c r="O153" s="3"/>
      <c r="P153" s="3"/>
      <c r="Q153" s="3"/>
      <c r="R153" s="3"/>
      <c r="S153" s="3"/>
      <c r="T153" s="3"/>
      <c r="U153" s="3"/>
      <c r="V153" s="3"/>
      <c r="W153" s="3"/>
      <c r="X153" s="3"/>
      <c r="Y153" s="3"/>
      <c r="Z153" s="3"/>
      <c r="AA153" s="3"/>
      <c r="AB153" s="3"/>
      <c r="AC153" s="3"/>
      <c r="AD153" s="3"/>
      <c r="AE153" s="3"/>
      <c r="AF153" s="3"/>
    </row>
    <row r="154" spans="3:32" x14ac:dyDescent="0.2">
      <c r="C154" s="3"/>
      <c r="D154" s="3"/>
      <c r="E154" s="3"/>
      <c r="F154" s="3"/>
      <c r="G154" s="3"/>
      <c r="H154" s="3"/>
      <c r="I154" s="3"/>
      <c r="J154" s="3"/>
      <c r="K154" s="3"/>
      <c r="L154" s="3"/>
      <c r="M154" s="3"/>
      <c r="N154" s="3"/>
      <c r="O154" s="3"/>
      <c r="P154" s="3"/>
      <c r="Q154" s="3"/>
      <c r="R154" s="3"/>
      <c r="S154" s="3"/>
      <c r="T154" s="3"/>
      <c r="U154" s="3"/>
      <c r="V154" s="3"/>
      <c r="W154" s="3"/>
      <c r="X154" s="3"/>
      <c r="Y154" s="3"/>
      <c r="Z154" s="3"/>
      <c r="AA154" s="3"/>
      <c r="AB154" s="3"/>
      <c r="AC154" s="3"/>
      <c r="AD154" s="3"/>
      <c r="AE154" s="3"/>
      <c r="AF154" s="3"/>
    </row>
    <row r="155" spans="3:32" x14ac:dyDescent="0.2">
      <c r="C155" s="3"/>
      <c r="D155" s="3"/>
      <c r="E155" s="3"/>
      <c r="F155" s="3"/>
      <c r="G155" s="3"/>
      <c r="H155" s="3"/>
      <c r="I155" s="3"/>
      <c r="J155" s="3"/>
      <c r="K155" s="3"/>
      <c r="L155" s="3"/>
      <c r="M155" s="3"/>
      <c r="N155" s="3"/>
      <c r="O155" s="3"/>
      <c r="P155" s="3"/>
      <c r="Q155" s="3"/>
      <c r="R155" s="3"/>
      <c r="S155" s="3"/>
      <c r="T155" s="3"/>
      <c r="U155" s="3"/>
      <c r="V155" s="3"/>
      <c r="W155" s="3"/>
      <c r="X155" s="3"/>
      <c r="Y155" s="3"/>
      <c r="Z155" s="3"/>
      <c r="AA155" s="3"/>
      <c r="AB155" s="3"/>
      <c r="AC155" s="3"/>
      <c r="AD155" s="3"/>
      <c r="AE155" s="3"/>
      <c r="AF155" s="3"/>
    </row>
    <row r="156" spans="3:32" x14ac:dyDescent="0.2">
      <c r="C156" s="3"/>
      <c r="D156" s="3"/>
      <c r="E156" s="3"/>
      <c r="F156" s="3"/>
      <c r="G156" s="3"/>
      <c r="H156" s="3"/>
      <c r="I156" s="3"/>
      <c r="J156" s="3"/>
      <c r="K156" s="3"/>
      <c r="L156" s="3"/>
      <c r="M156" s="3"/>
      <c r="N156" s="3"/>
      <c r="O156" s="3"/>
      <c r="P156" s="3"/>
      <c r="Q156" s="3"/>
      <c r="R156" s="3"/>
      <c r="S156" s="3"/>
      <c r="T156" s="3"/>
      <c r="U156" s="3"/>
      <c r="V156" s="3"/>
      <c r="W156" s="3"/>
      <c r="X156" s="3"/>
      <c r="Y156" s="3"/>
      <c r="Z156" s="3"/>
      <c r="AA156" s="3"/>
      <c r="AB156" s="3"/>
      <c r="AC156" s="3"/>
      <c r="AD156" s="3"/>
      <c r="AE156" s="3"/>
      <c r="AF156" s="3"/>
    </row>
    <row r="157" spans="3:32" x14ac:dyDescent="0.2">
      <c r="C157" s="3"/>
      <c r="D157" s="3"/>
      <c r="E157" s="3"/>
      <c r="F157" s="3"/>
      <c r="G157" s="3"/>
      <c r="H157" s="3"/>
      <c r="I157" s="3"/>
      <c r="J157" s="3"/>
      <c r="K157" s="3"/>
      <c r="L157" s="3"/>
      <c r="M157" s="3"/>
      <c r="N157" s="3"/>
      <c r="O157" s="3"/>
      <c r="P157" s="3"/>
      <c r="Q157" s="3"/>
      <c r="R157" s="3"/>
      <c r="S157" s="3"/>
      <c r="T157" s="3"/>
      <c r="U157" s="3"/>
      <c r="V157" s="3"/>
      <c r="W157" s="3"/>
      <c r="X157" s="3"/>
      <c r="Y157" s="3"/>
      <c r="Z157" s="3"/>
      <c r="AA157" s="3"/>
      <c r="AB157" s="3"/>
      <c r="AC157" s="3"/>
      <c r="AD157" s="3"/>
      <c r="AE157" s="3"/>
      <c r="AF157" s="3"/>
    </row>
    <row r="158" spans="3:32" x14ac:dyDescent="0.2">
      <c r="C158" s="3"/>
      <c r="D158" s="3"/>
      <c r="E158" s="3"/>
      <c r="F158" s="3"/>
      <c r="G158" s="3"/>
      <c r="H158" s="3"/>
      <c r="I158" s="3"/>
      <c r="J158" s="3"/>
      <c r="K158" s="3"/>
      <c r="L158" s="3"/>
      <c r="M158" s="3"/>
      <c r="N158" s="3"/>
      <c r="O158" s="3"/>
      <c r="P158" s="3"/>
      <c r="Q158" s="3"/>
      <c r="R158" s="3"/>
      <c r="S158" s="3"/>
      <c r="T158" s="3"/>
      <c r="U158" s="3"/>
      <c r="V158" s="3"/>
      <c r="W158" s="3"/>
      <c r="X158" s="3"/>
      <c r="Y158" s="3"/>
      <c r="Z158" s="3"/>
      <c r="AA158" s="3"/>
      <c r="AB158" s="3"/>
      <c r="AC158" s="3"/>
      <c r="AD158" s="3"/>
      <c r="AE158" s="3"/>
      <c r="AF158" s="3"/>
    </row>
    <row r="159" spans="3:32" x14ac:dyDescent="0.2">
      <c r="C159" s="3"/>
      <c r="D159" s="3"/>
      <c r="E159" s="3"/>
      <c r="F159" s="3"/>
      <c r="G159" s="3"/>
      <c r="H159" s="3"/>
      <c r="I159" s="3"/>
      <c r="J159" s="3"/>
      <c r="K159" s="3"/>
      <c r="L159" s="3"/>
      <c r="M159" s="3"/>
      <c r="N159" s="3"/>
      <c r="O159" s="3"/>
      <c r="P159" s="3"/>
      <c r="Q159" s="3"/>
      <c r="R159" s="3"/>
      <c r="S159" s="3"/>
      <c r="T159" s="3"/>
      <c r="U159" s="3"/>
      <c r="V159" s="3"/>
      <c r="W159" s="3"/>
      <c r="X159" s="3"/>
      <c r="Y159" s="3"/>
      <c r="Z159" s="3"/>
      <c r="AA159" s="3"/>
      <c r="AB159" s="3"/>
      <c r="AC159" s="3"/>
      <c r="AD159" s="3"/>
      <c r="AE159" s="3"/>
      <c r="AF159" s="3"/>
    </row>
    <row r="160" spans="3:32" x14ac:dyDescent="0.2">
      <c r="C160" s="3"/>
      <c r="D160" s="3"/>
      <c r="E160" s="3"/>
      <c r="F160" s="3"/>
      <c r="G160" s="3"/>
      <c r="H160" s="3"/>
      <c r="I160" s="3"/>
      <c r="J160" s="3"/>
      <c r="K160" s="3"/>
      <c r="L160" s="3"/>
      <c r="M160" s="3"/>
      <c r="N160" s="3"/>
      <c r="O160" s="3"/>
      <c r="P160" s="3"/>
      <c r="Q160" s="3"/>
      <c r="R160" s="3"/>
      <c r="S160" s="3"/>
      <c r="T160" s="3"/>
      <c r="U160" s="3"/>
      <c r="V160" s="3"/>
      <c r="W160" s="3"/>
      <c r="X160" s="3"/>
      <c r="Y160" s="3"/>
      <c r="Z160" s="3"/>
      <c r="AA160" s="3"/>
      <c r="AB160" s="3"/>
      <c r="AC160" s="3"/>
      <c r="AD160" s="3"/>
      <c r="AE160" s="3"/>
      <c r="AF160" s="3"/>
    </row>
    <row r="161" spans="3:32" x14ac:dyDescent="0.2">
      <c r="C161" s="3"/>
      <c r="D161" s="3"/>
      <c r="E161" s="3"/>
      <c r="F161" s="3"/>
      <c r="G161" s="3"/>
      <c r="H161" s="3"/>
      <c r="I161" s="3"/>
      <c r="J161" s="3"/>
      <c r="K161" s="3"/>
      <c r="L161" s="3"/>
      <c r="M161" s="3"/>
      <c r="N161" s="3"/>
      <c r="O161" s="3"/>
      <c r="P161" s="3"/>
      <c r="Q161" s="3"/>
      <c r="R161" s="3"/>
      <c r="S161" s="3"/>
      <c r="T161" s="3"/>
      <c r="U161" s="3"/>
      <c r="V161" s="3"/>
      <c r="W161" s="3"/>
      <c r="X161" s="3"/>
      <c r="Y161" s="3"/>
      <c r="Z161" s="3"/>
      <c r="AA161" s="3"/>
      <c r="AB161" s="3"/>
      <c r="AC161" s="3"/>
      <c r="AD161" s="3"/>
      <c r="AE161" s="3"/>
      <c r="AF161" s="3"/>
    </row>
    <row r="162" spans="3:32" x14ac:dyDescent="0.2">
      <c r="C162" s="3"/>
      <c r="D162" s="3"/>
      <c r="E162" s="3"/>
      <c r="F162" s="3"/>
      <c r="G162" s="3"/>
      <c r="H162" s="3"/>
      <c r="I162" s="3"/>
      <c r="J162" s="3"/>
      <c r="K162" s="3"/>
      <c r="L162" s="3"/>
      <c r="M162" s="3"/>
      <c r="N162" s="3"/>
      <c r="O162" s="3"/>
      <c r="P162" s="3"/>
      <c r="Q162" s="3"/>
      <c r="R162" s="3"/>
      <c r="S162" s="3"/>
      <c r="T162" s="3"/>
      <c r="U162" s="3"/>
      <c r="V162" s="3"/>
      <c r="W162" s="3"/>
      <c r="X162" s="3"/>
      <c r="Y162" s="3"/>
      <c r="Z162" s="3"/>
      <c r="AA162" s="3"/>
      <c r="AB162" s="3"/>
      <c r="AC162" s="3"/>
      <c r="AD162" s="3"/>
      <c r="AE162" s="3"/>
      <c r="AF162" s="3"/>
    </row>
    <row r="163" spans="3:32" x14ac:dyDescent="0.2">
      <c r="C163" s="3"/>
      <c r="D163" s="3"/>
      <c r="E163" s="3"/>
      <c r="F163" s="3"/>
      <c r="G163" s="3"/>
      <c r="H163" s="3"/>
      <c r="I163" s="3"/>
      <c r="J163" s="3"/>
      <c r="K163" s="3"/>
      <c r="L163" s="3"/>
      <c r="M163" s="3"/>
      <c r="N163" s="3"/>
      <c r="O163" s="3"/>
      <c r="P163" s="3"/>
      <c r="Q163" s="3"/>
      <c r="R163" s="3"/>
      <c r="S163" s="3"/>
      <c r="T163" s="3"/>
      <c r="U163" s="3"/>
      <c r="V163" s="3"/>
      <c r="W163" s="3"/>
      <c r="X163" s="3"/>
      <c r="Y163" s="3"/>
      <c r="Z163" s="3"/>
      <c r="AA163" s="3"/>
      <c r="AB163" s="3"/>
      <c r="AC163" s="3"/>
      <c r="AD163" s="3"/>
      <c r="AE163" s="3"/>
      <c r="AF163" s="3"/>
    </row>
    <row r="164" spans="3:32" x14ac:dyDescent="0.2">
      <c r="C164" s="3"/>
      <c r="D164" s="3"/>
      <c r="E164" s="3"/>
      <c r="F164" s="3"/>
      <c r="G164" s="3"/>
      <c r="H164" s="3"/>
      <c r="I164" s="3"/>
      <c r="J164" s="3"/>
      <c r="K164" s="3"/>
      <c r="L164" s="3"/>
      <c r="M164" s="3"/>
      <c r="N164" s="3"/>
      <c r="O164" s="3"/>
      <c r="P164" s="3"/>
      <c r="Q164" s="3"/>
      <c r="R164" s="3"/>
      <c r="S164" s="3"/>
      <c r="T164" s="3"/>
      <c r="U164" s="3"/>
      <c r="V164" s="3"/>
      <c r="W164" s="3"/>
      <c r="X164" s="3"/>
      <c r="Y164" s="3"/>
      <c r="Z164" s="3"/>
      <c r="AA164" s="3"/>
      <c r="AB164" s="3"/>
      <c r="AC164" s="3"/>
      <c r="AD164" s="3"/>
      <c r="AE164" s="3"/>
      <c r="AF164" s="3"/>
    </row>
    <row r="165" spans="3:32" x14ac:dyDescent="0.2">
      <c r="C165" s="3"/>
      <c r="D165" s="3"/>
      <c r="E165" s="3"/>
      <c r="F165" s="3"/>
      <c r="G165" s="3"/>
      <c r="H165" s="3"/>
      <c r="I165" s="3"/>
      <c r="J165" s="3"/>
      <c r="K165" s="3"/>
      <c r="L165" s="3"/>
      <c r="M165" s="3"/>
      <c r="N165" s="3"/>
      <c r="O165" s="3"/>
      <c r="P165" s="3"/>
      <c r="Q165" s="3"/>
      <c r="R165" s="3"/>
      <c r="S165" s="3"/>
      <c r="T165" s="3"/>
      <c r="U165" s="3"/>
      <c r="V165" s="3"/>
      <c r="W165" s="3"/>
      <c r="X165" s="3"/>
      <c r="Y165" s="3"/>
      <c r="Z165" s="3"/>
      <c r="AA165" s="3"/>
      <c r="AB165" s="3"/>
      <c r="AC165" s="3"/>
      <c r="AD165" s="3"/>
      <c r="AE165" s="3"/>
      <c r="AF165" s="3"/>
    </row>
    <row r="166" spans="3:32" x14ac:dyDescent="0.2">
      <c r="C166" s="3"/>
      <c r="D166" s="3"/>
      <c r="E166" s="3"/>
      <c r="F166" s="3"/>
      <c r="G166" s="3"/>
      <c r="H166" s="3"/>
      <c r="I166" s="3"/>
      <c r="J166" s="3"/>
      <c r="K166" s="3"/>
      <c r="L166" s="3"/>
      <c r="M166" s="3"/>
      <c r="N166" s="3"/>
      <c r="O166" s="3"/>
      <c r="P166" s="3"/>
      <c r="Q166" s="3"/>
      <c r="R166" s="3"/>
      <c r="S166" s="3"/>
      <c r="T166" s="3"/>
      <c r="U166" s="3"/>
      <c r="V166" s="3"/>
      <c r="W166" s="3"/>
      <c r="X166" s="3"/>
      <c r="Y166" s="3"/>
      <c r="Z166" s="3"/>
      <c r="AA166" s="3"/>
      <c r="AB166" s="3"/>
      <c r="AC166" s="3"/>
      <c r="AD166" s="3"/>
      <c r="AE166" s="3"/>
      <c r="AF166" s="3"/>
    </row>
    <row r="167" spans="3:32" x14ac:dyDescent="0.2">
      <c r="C167" s="3"/>
      <c r="D167" s="3"/>
      <c r="E167" s="3"/>
      <c r="F167" s="3"/>
      <c r="G167" s="3"/>
      <c r="H167" s="3"/>
      <c r="I167" s="3"/>
      <c r="J167" s="3"/>
      <c r="K167" s="3"/>
      <c r="L167" s="3"/>
      <c r="M167" s="3"/>
      <c r="N167" s="3"/>
      <c r="O167" s="3"/>
      <c r="P167" s="3"/>
      <c r="Q167" s="3"/>
      <c r="R167" s="3"/>
      <c r="S167" s="3"/>
      <c r="T167" s="3"/>
      <c r="U167" s="3"/>
      <c r="V167" s="3"/>
      <c r="W167" s="3"/>
      <c r="X167" s="3"/>
      <c r="Y167" s="3"/>
      <c r="Z167" s="3"/>
      <c r="AA167" s="3"/>
      <c r="AB167" s="3"/>
      <c r="AC167" s="3"/>
      <c r="AD167" s="3"/>
      <c r="AE167" s="3"/>
      <c r="AF167" s="3"/>
    </row>
    <row r="168" spans="3:32" x14ac:dyDescent="0.2">
      <c r="C168" s="3"/>
      <c r="D168" s="3"/>
      <c r="E168" s="3"/>
      <c r="F168" s="3"/>
      <c r="G168" s="3"/>
      <c r="H168" s="3"/>
      <c r="I168" s="3"/>
      <c r="J168" s="3"/>
      <c r="K168" s="3"/>
      <c r="L168" s="3"/>
      <c r="M168" s="3"/>
      <c r="N168" s="3"/>
      <c r="O168" s="3"/>
      <c r="P168" s="3"/>
      <c r="Q168" s="3"/>
      <c r="R168" s="3"/>
      <c r="S168" s="3"/>
      <c r="T168" s="3"/>
      <c r="U168" s="3"/>
      <c r="V168" s="3"/>
      <c r="W168" s="3"/>
      <c r="X168" s="3"/>
      <c r="Y168" s="3"/>
      <c r="Z168" s="3"/>
      <c r="AA168" s="3"/>
      <c r="AB168" s="3"/>
      <c r="AC168" s="3"/>
      <c r="AD168" s="3"/>
      <c r="AE168" s="3"/>
      <c r="AF168" s="3"/>
    </row>
    <row r="169" spans="3:32" x14ac:dyDescent="0.2">
      <c r="C169" s="3"/>
      <c r="D169" s="3"/>
      <c r="E169" s="3"/>
      <c r="F169" s="3"/>
      <c r="G169" s="3"/>
      <c r="H169" s="3"/>
      <c r="I169" s="3"/>
      <c r="J169" s="3"/>
      <c r="K169" s="3"/>
      <c r="L169" s="3"/>
      <c r="M169" s="3"/>
      <c r="N169" s="3"/>
      <c r="O169" s="3"/>
      <c r="P169" s="3"/>
      <c r="Q169" s="3"/>
      <c r="R169" s="3"/>
      <c r="S169" s="3"/>
      <c r="T169" s="3"/>
      <c r="U169" s="3"/>
      <c r="V169" s="3"/>
      <c r="W169" s="3"/>
      <c r="X169" s="3"/>
      <c r="Y169" s="3"/>
      <c r="Z169" s="3"/>
      <c r="AA169" s="3"/>
      <c r="AB169" s="3"/>
      <c r="AC169" s="3"/>
      <c r="AD169" s="3"/>
      <c r="AE169" s="3"/>
      <c r="AF169" s="3"/>
    </row>
    <row r="170" spans="3:32" x14ac:dyDescent="0.2">
      <c r="C170" s="3"/>
      <c r="D170" s="3"/>
      <c r="E170" s="3"/>
      <c r="F170" s="3"/>
      <c r="G170" s="3"/>
      <c r="H170" s="3"/>
      <c r="I170" s="3"/>
      <c r="J170" s="3"/>
      <c r="K170" s="3"/>
      <c r="L170" s="3"/>
      <c r="M170" s="3"/>
      <c r="N170" s="3"/>
      <c r="O170" s="3"/>
      <c r="P170" s="3"/>
      <c r="Q170" s="3"/>
      <c r="R170" s="3"/>
      <c r="S170" s="3"/>
      <c r="T170" s="3"/>
      <c r="U170" s="3"/>
      <c r="V170" s="3"/>
      <c r="W170" s="3"/>
      <c r="X170" s="3"/>
      <c r="Y170" s="3"/>
      <c r="Z170" s="3"/>
      <c r="AA170" s="3"/>
      <c r="AB170" s="3"/>
      <c r="AC170" s="3"/>
      <c r="AD170" s="3"/>
      <c r="AE170" s="3"/>
      <c r="AF170" s="3"/>
    </row>
    <row r="171" spans="3:32" x14ac:dyDescent="0.2">
      <c r="C171" s="3"/>
      <c r="D171" s="3"/>
      <c r="E171" s="3"/>
      <c r="F171" s="3"/>
      <c r="G171" s="3"/>
      <c r="H171" s="3"/>
      <c r="I171" s="3"/>
      <c r="J171" s="3"/>
      <c r="K171" s="3"/>
      <c r="L171" s="3"/>
      <c r="M171" s="3"/>
      <c r="N171" s="3"/>
      <c r="O171" s="3"/>
      <c r="P171" s="3"/>
      <c r="Q171" s="3"/>
      <c r="R171" s="3"/>
      <c r="S171" s="3"/>
      <c r="T171" s="3"/>
      <c r="U171" s="3"/>
      <c r="V171" s="3"/>
      <c r="W171" s="3"/>
      <c r="X171" s="3"/>
      <c r="Y171" s="3"/>
      <c r="Z171" s="3"/>
      <c r="AA171" s="3"/>
      <c r="AB171" s="3"/>
      <c r="AC171" s="3"/>
      <c r="AD171" s="3"/>
      <c r="AE171" s="3"/>
      <c r="AF171" s="3"/>
    </row>
    <row r="172" spans="3:32" x14ac:dyDescent="0.2">
      <c r="C172" s="3"/>
      <c r="D172" s="3"/>
      <c r="E172" s="3"/>
      <c r="F172" s="3"/>
      <c r="G172" s="3"/>
      <c r="H172" s="3"/>
      <c r="I172" s="3"/>
      <c r="J172" s="3"/>
      <c r="K172" s="3"/>
      <c r="L172" s="3"/>
      <c r="M172" s="3"/>
      <c r="N172" s="3"/>
      <c r="O172" s="3"/>
      <c r="P172" s="3"/>
      <c r="Q172" s="3"/>
      <c r="R172" s="3"/>
      <c r="S172" s="3"/>
      <c r="T172" s="3"/>
      <c r="U172" s="3"/>
      <c r="V172" s="3"/>
      <c r="W172" s="3"/>
      <c r="X172" s="3"/>
      <c r="Y172" s="3"/>
      <c r="Z172" s="3"/>
      <c r="AA172" s="3"/>
      <c r="AB172" s="3"/>
      <c r="AC172" s="3"/>
      <c r="AD172" s="3"/>
      <c r="AE172" s="3"/>
      <c r="AF172" s="3"/>
    </row>
    <row r="173" spans="3:32" x14ac:dyDescent="0.2">
      <c r="C173" s="3"/>
      <c r="D173" s="3"/>
      <c r="E173" s="3"/>
      <c r="F173" s="3"/>
      <c r="G173" s="3"/>
      <c r="H173" s="3"/>
      <c r="I173" s="3"/>
      <c r="J173" s="3"/>
      <c r="K173" s="3"/>
      <c r="L173" s="3"/>
      <c r="M173" s="3"/>
      <c r="N173" s="3"/>
      <c r="O173" s="3"/>
      <c r="P173" s="3"/>
      <c r="Q173" s="3"/>
      <c r="R173" s="3"/>
      <c r="S173" s="3"/>
      <c r="T173" s="3"/>
      <c r="U173" s="3"/>
      <c r="V173" s="3"/>
      <c r="W173" s="3"/>
      <c r="X173" s="3"/>
      <c r="Y173" s="3"/>
      <c r="Z173" s="3"/>
      <c r="AA173" s="3"/>
      <c r="AB173" s="3"/>
      <c r="AC173" s="3"/>
      <c r="AD173" s="3"/>
      <c r="AE173" s="3"/>
      <c r="AF173" s="3"/>
    </row>
    <row r="174" spans="3:32" x14ac:dyDescent="0.2">
      <c r="C174" s="3"/>
      <c r="D174" s="3"/>
      <c r="E174" s="3"/>
      <c r="F174" s="3"/>
      <c r="G174" s="3"/>
      <c r="H174" s="3"/>
      <c r="I174" s="3"/>
      <c r="J174" s="3"/>
      <c r="K174" s="3"/>
      <c r="L174" s="3"/>
      <c r="M174" s="3"/>
      <c r="N174" s="3"/>
      <c r="O174" s="3"/>
      <c r="P174" s="3"/>
      <c r="Q174" s="3"/>
      <c r="R174" s="3"/>
      <c r="S174" s="3"/>
      <c r="T174" s="3"/>
      <c r="U174" s="3"/>
      <c r="V174" s="3"/>
      <c r="W174" s="3"/>
      <c r="X174" s="3"/>
      <c r="Y174" s="3"/>
      <c r="Z174" s="3"/>
      <c r="AA174" s="3"/>
      <c r="AB174" s="3"/>
      <c r="AC174" s="3"/>
      <c r="AD174" s="3"/>
      <c r="AE174" s="3"/>
      <c r="AF174" s="3"/>
    </row>
    <row r="175" spans="3:32" x14ac:dyDescent="0.2">
      <c r="C175" s="3"/>
      <c r="D175" s="3"/>
      <c r="E175" s="3"/>
      <c r="F175" s="3"/>
      <c r="G175" s="3"/>
      <c r="H175" s="3"/>
      <c r="I175" s="3"/>
      <c r="J175" s="3"/>
      <c r="K175" s="3"/>
      <c r="L175" s="3"/>
      <c r="M175" s="3"/>
      <c r="N175" s="3"/>
      <c r="O175" s="3"/>
      <c r="P175" s="3"/>
      <c r="Q175" s="3"/>
      <c r="R175" s="3"/>
      <c r="S175" s="3"/>
      <c r="T175" s="3"/>
      <c r="U175" s="3"/>
      <c r="V175" s="3"/>
      <c r="W175" s="3"/>
      <c r="X175" s="3"/>
      <c r="Y175" s="3"/>
      <c r="Z175" s="3"/>
      <c r="AA175" s="3"/>
      <c r="AB175" s="3"/>
      <c r="AC175" s="3"/>
      <c r="AD175" s="3"/>
      <c r="AE175" s="3"/>
      <c r="AF175" s="3"/>
    </row>
    <row r="176" spans="3:32" x14ac:dyDescent="0.2">
      <c r="C176" s="3"/>
      <c r="D176" s="3"/>
      <c r="E176" s="3"/>
      <c r="F176" s="3"/>
      <c r="G176" s="3"/>
      <c r="H176" s="3"/>
      <c r="I176" s="3"/>
      <c r="J176" s="3"/>
      <c r="K176" s="3"/>
      <c r="L176" s="3"/>
      <c r="M176" s="3"/>
      <c r="N176" s="3"/>
      <c r="O176" s="3"/>
      <c r="P176" s="3"/>
      <c r="Q176" s="3"/>
      <c r="R176" s="3"/>
      <c r="S176" s="3"/>
      <c r="T176" s="3"/>
      <c r="U176" s="3"/>
      <c r="V176" s="3"/>
      <c r="W176" s="3"/>
      <c r="X176" s="3"/>
      <c r="Y176" s="3"/>
      <c r="Z176" s="3"/>
      <c r="AA176" s="3"/>
      <c r="AB176" s="3"/>
      <c r="AC176" s="3"/>
      <c r="AD176" s="3"/>
      <c r="AE176" s="3"/>
      <c r="AF176" s="3"/>
    </row>
    <row r="177" spans="3:32" x14ac:dyDescent="0.2">
      <c r="C177" s="3"/>
      <c r="D177" s="3"/>
      <c r="E177" s="3"/>
      <c r="F177" s="3"/>
      <c r="G177" s="3"/>
      <c r="H177" s="3"/>
      <c r="I177" s="3"/>
      <c r="J177" s="3"/>
      <c r="K177" s="3"/>
      <c r="L177" s="3"/>
      <c r="M177" s="3"/>
      <c r="N177" s="3"/>
      <c r="O177" s="3"/>
      <c r="P177" s="3"/>
      <c r="Q177" s="3"/>
      <c r="R177" s="3"/>
      <c r="S177" s="3"/>
      <c r="T177" s="3"/>
      <c r="U177" s="3"/>
      <c r="V177" s="3"/>
      <c r="W177" s="3"/>
      <c r="X177" s="3"/>
      <c r="Y177" s="3"/>
      <c r="Z177" s="3"/>
      <c r="AA177" s="3"/>
      <c r="AB177" s="3"/>
      <c r="AC177" s="3"/>
      <c r="AD177" s="3"/>
      <c r="AE177" s="3"/>
      <c r="AF177" s="3"/>
    </row>
    <row r="178" spans="3:32" x14ac:dyDescent="0.2">
      <c r="C178" s="3"/>
      <c r="D178" s="3"/>
      <c r="E178" s="3"/>
      <c r="F178" s="3"/>
      <c r="G178" s="3"/>
      <c r="H178" s="3"/>
      <c r="I178" s="3"/>
      <c r="J178" s="3"/>
      <c r="K178" s="3"/>
      <c r="L178" s="3"/>
      <c r="M178" s="3"/>
      <c r="N178" s="3"/>
      <c r="O178" s="3"/>
      <c r="P178" s="3"/>
      <c r="Q178" s="3"/>
      <c r="R178" s="3"/>
      <c r="S178" s="3"/>
      <c r="T178" s="3"/>
      <c r="U178" s="3"/>
      <c r="V178" s="3"/>
      <c r="W178" s="3"/>
      <c r="X178" s="3"/>
      <c r="Y178" s="3"/>
      <c r="Z178" s="3"/>
      <c r="AA178" s="3"/>
      <c r="AB178" s="3"/>
      <c r="AC178" s="3"/>
      <c r="AD178" s="3"/>
      <c r="AE178" s="3"/>
      <c r="AF178" s="3"/>
    </row>
    <row r="179" spans="3:32" x14ac:dyDescent="0.2">
      <c r="C179" s="3"/>
      <c r="D179" s="3"/>
      <c r="E179" s="3"/>
      <c r="F179" s="3"/>
      <c r="G179" s="3"/>
      <c r="H179" s="3"/>
      <c r="I179" s="3"/>
      <c r="J179" s="3"/>
      <c r="K179" s="3"/>
      <c r="L179" s="3"/>
      <c r="M179" s="3"/>
      <c r="N179" s="3"/>
      <c r="O179" s="3"/>
      <c r="P179" s="3"/>
      <c r="Q179" s="3"/>
      <c r="R179" s="3"/>
      <c r="S179" s="3"/>
      <c r="T179" s="3"/>
      <c r="U179" s="3"/>
      <c r="V179" s="3"/>
      <c r="W179" s="3"/>
      <c r="X179" s="3"/>
      <c r="Y179" s="3"/>
      <c r="Z179" s="3"/>
      <c r="AA179" s="3"/>
      <c r="AB179" s="3"/>
      <c r="AC179" s="3"/>
      <c r="AD179" s="3"/>
      <c r="AE179" s="3"/>
      <c r="AF179" s="3"/>
    </row>
    <row r="180" spans="3:32" x14ac:dyDescent="0.2">
      <c r="C180" s="3"/>
      <c r="D180" s="3"/>
      <c r="E180" s="3"/>
      <c r="F180" s="3"/>
      <c r="G180" s="3"/>
      <c r="H180" s="3"/>
      <c r="I180" s="3"/>
      <c r="J180" s="3"/>
      <c r="K180" s="3"/>
      <c r="L180" s="3"/>
      <c r="M180" s="3"/>
      <c r="N180" s="3"/>
      <c r="O180" s="3"/>
      <c r="P180" s="3"/>
      <c r="Q180" s="3"/>
      <c r="R180" s="3"/>
      <c r="S180" s="3"/>
      <c r="T180" s="3"/>
      <c r="U180" s="3"/>
      <c r="V180" s="3"/>
      <c r="W180" s="3"/>
      <c r="X180" s="3"/>
      <c r="Y180" s="3"/>
      <c r="Z180" s="3"/>
      <c r="AA180" s="3"/>
      <c r="AB180" s="3"/>
      <c r="AC180" s="3"/>
      <c r="AD180" s="3"/>
      <c r="AE180" s="3"/>
      <c r="AF180" s="3"/>
    </row>
    <row r="181" spans="3:32" x14ac:dyDescent="0.2">
      <c r="C181" s="3"/>
      <c r="D181" s="3"/>
      <c r="E181" s="3"/>
      <c r="F181" s="3"/>
      <c r="G181" s="3"/>
      <c r="H181" s="3"/>
      <c r="I181" s="3"/>
      <c r="J181" s="3"/>
      <c r="K181" s="3"/>
      <c r="L181" s="3"/>
      <c r="M181" s="3"/>
      <c r="N181" s="3"/>
      <c r="O181" s="3"/>
      <c r="P181" s="3"/>
      <c r="Q181" s="3"/>
      <c r="R181" s="3"/>
      <c r="S181" s="3"/>
      <c r="T181" s="3"/>
      <c r="U181" s="3"/>
      <c r="V181" s="3"/>
      <c r="W181" s="3"/>
      <c r="X181" s="3"/>
      <c r="Y181" s="3"/>
      <c r="Z181" s="3"/>
      <c r="AA181" s="3"/>
      <c r="AB181" s="3"/>
      <c r="AC181" s="3"/>
      <c r="AD181" s="3"/>
      <c r="AE181" s="3"/>
      <c r="AF181" s="3"/>
    </row>
    <row r="182" spans="3:32" x14ac:dyDescent="0.2">
      <c r="C182" s="3"/>
      <c r="D182" s="3"/>
      <c r="E182" s="3"/>
      <c r="F182" s="3"/>
      <c r="G182" s="3"/>
      <c r="H182" s="3"/>
      <c r="I182" s="3"/>
      <c r="J182" s="3"/>
      <c r="K182" s="3"/>
      <c r="L182" s="3"/>
      <c r="M182" s="3"/>
      <c r="N182" s="3"/>
      <c r="O182" s="3"/>
      <c r="P182" s="3"/>
      <c r="Q182" s="3"/>
      <c r="R182" s="3"/>
      <c r="S182" s="3"/>
      <c r="T182" s="3"/>
      <c r="U182" s="3"/>
      <c r="V182" s="3"/>
      <c r="W182" s="3"/>
      <c r="X182" s="3"/>
      <c r="Y182" s="3"/>
      <c r="Z182" s="3"/>
      <c r="AA182" s="3"/>
      <c r="AB182" s="3"/>
      <c r="AC182" s="3"/>
      <c r="AD182" s="3"/>
      <c r="AE182" s="3"/>
      <c r="AF182" s="3"/>
    </row>
    <row r="183" spans="3:32" x14ac:dyDescent="0.2">
      <c r="C183" s="3"/>
      <c r="D183" s="3"/>
      <c r="E183" s="3"/>
      <c r="F183" s="3"/>
      <c r="G183" s="3"/>
      <c r="H183" s="3"/>
      <c r="I183" s="3"/>
      <c r="J183" s="3"/>
      <c r="K183" s="3"/>
      <c r="L183" s="3"/>
      <c r="M183" s="3"/>
      <c r="N183" s="3"/>
      <c r="O183" s="3"/>
      <c r="P183" s="3"/>
      <c r="Q183" s="3"/>
      <c r="R183" s="3"/>
      <c r="S183" s="3"/>
      <c r="T183" s="3"/>
      <c r="U183" s="3"/>
      <c r="V183" s="3"/>
      <c r="W183" s="3"/>
      <c r="X183" s="3"/>
      <c r="Y183" s="3"/>
      <c r="Z183" s="3"/>
      <c r="AA183" s="3"/>
      <c r="AB183" s="3"/>
      <c r="AC183" s="3"/>
      <c r="AD183" s="3"/>
      <c r="AE183" s="3"/>
      <c r="AF183" s="3"/>
    </row>
    <row r="184" spans="3:32" x14ac:dyDescent="0.2">
      <c r="C184" s="3"/>
      <c r="D184" s="3"/>
      <c r="E184" s="3"/>
      <c r="F184" s="3"/>
      <c r="G184" s="3"/>
      <c r="H184" s="3"/>
      <c r="I184" s="3"/>
      <c r="J184" s="3"/>
      <c r="K184" s="3"/>
      <c r="L184" s="3"/>
      <c r="M184" s="3"/>
      <c r="N184" s="3"/>
      <c r="O184" s="3"/>
      <c r="P184" s="3"/>
      <c r="Q184" s="3"/>
      <c r="R184" s="3"/>
      <c r="S184" s="3"/>
      <c r="T184" s="3"/>
      <c r="U184" s="3"/>
      <c r="V184" s="3"/>
      <c r="W184" s="3"/>
      <c r="X184" s="3"/>
      <c r="Y184" s="3"/>
      <c r="Z184" s="3"/>
      <c r="AA184" s="3"/>
      <c r="AB184" s="3"/>
      <c r="AC184" s="3"/>
      <c r="AD184" s="3"/>
      <c r="AE184" s="3"/>
      <c r="AF184" s="3"/>
    </row>
    <row r="185" spans="3:32" x14ac:dyDescent="0.2">
      <c r="C185" s="3"/>
      <c r="D185" s="3"/>
      <c r="E185" s="3"/>
      <c r="F185" s="3"/>
      <c r="G185" s="3"/>
      <c r="H185" s="3"/>
      <c r="I185" s="3"/>
      <c r="J185" s="3"/>
      <c r="K185" s="3"/>
      <c r="L185" s="3"/>
      <c r="M185" s="3"/>
      <c r="N185" s="3"/>
      <c r="O185" s="3"/>
      <c r="P185" s="3"/>
      <c r="Q185" s="3"/>
      <c r="R185" s="3"/>
      <c r="S185" s="3"/>
      <c r="T185" s="3"/>
      <c r="U185" s="3"/>
      <c r="V185" s="3"/>
      <c r="W185" s="3"/>
      <c r="X185" s="3"/>
      <c r="Y185" s="3"/>
      <c r="Z185" s="3"/>
      <c r="AA185" s="3"/>
      <c r="AB185" s="3"/>
      <c r="AC185" s="3"/>
      <c r="AD185" s="3"/>
      <c r="AE185" s="3"/>
      <c r="AF185" s="3"/>
    </row>
    <row r="186" spans="3:32" x14ac:dyDescent="0.2">
      <c r="C186" s="3"/>
      <c r="D186" s="3"/>
      <c r="E186" s="3"/>
      <c r="F186" s="3"/>
      <c r="G186" s="3"/>
      <c r="H186" s="3"/>
      <c r="I186" s="3"/>
      <c r="J186" s="3"/>
      <c r="K186" s="3"/>
      <c r="L186" s="3"/>
      <c r="M186" s="3"/>
      <c r="N186" s="3"/>
      <c r="O186" s="3"/>
      <c r="P186" s="3"/>
      <c r="Q186" s="3"/>
      <c r="R186" s="3"/>
      <c r="S186" s="3"/>
      <c r="T186" s="3"/>
      <c r="U186" s="3"/>
      <c r="V186" s="3"/>
      <c r="W186" s="3"/>
      <c r="X186" s="3"/>
      <c r="Y186" s="3"/>
      <c r="Z186" s="3"/>
      <c r="AA186" s="3"/>
      <c r="AB186" s="3"/>
      <c r="AC186" s="3"/>
      <c r="AD186" s="3"/>
      <c r="AE186" s="3"/>
      <c r="AF186" s="3"/>
    </row>
    <row r="187" spans="3:32" x14ac:dyDescent="0.2">
      <c r="C187" s="3"/>
      <c r="D187" s="3"/>
      <c r="E187" s="3"/>
      <c r="F187" s="3"/>
      <c r="G187" s="3"/>
      <c r="H187" s="3"/>
      <c r="I187" s="3"/>
      <c r="J187" s="3"/>
      <c r="K187" s="3"/>
      <c r="L187" s="3"/>
      <c r="M187" s="3"/>
      <c r="N187" s="3"/>
      <c r="O187" s="3"/>
      <c r="P187" s="3"/>
      <c r="Q187" s="3"/>
      <c r="R187" s="3"/>
      <c r="S187" s="3"/>
      <c r="T187" s="3"/>
      <c r="U187" s="3"/>
      <c r="V187" s="3"/>
      <c r="W187" s="3"/>
      <c r="X187" s="3"/>
      <c r="Y187" s="3"/>
      <c r="Z187" s="3"/>
      <c r="AA187" s="3"/>
      <c r="AB187" s="3"/>
      <c r="AC187" s="3"/>
      <c r="AD187" s="3"/>
      <c r="AE187" s="3"/>
      <c r="AF187" s="3"/>
    </row>
    <row r="188" spans="3:32" x14ac:dyDescent="0.2">
      <c r="C188" s="3"/>
      <c r="D188" s="3"/>
      <c r="E188" s="3"/>
      <c r="F188" s="3"/>
      <c r="G188" s="3"/>
      <c r="H188" s="3"/>
      <c r="I188" s="3"/>
      <c r="J188" s="3"/>
      <c r="K188" s="3"/>
      <c r="L188" s="3"/>
      <c r="M188" s="3"/>
      <c r="N188" s="3"/>
      <c r="O188" s="3"/>
      <c r="P188" s="3"/>
      <c r="Q188" s="3"/>
      <c r="R188" s="3"/>
      <c r="S188" s="3"/>
      <c r="T188" s="3"/>
      <c r="U188" s="3"/>
      <c r="V188" s="3"/>
      <c r="W188" s="3"/>
      <c r="X188" s="3"/>
      <c r="Y188" s="3"/>
      <c r="Z188" s="3"/>
      <c r="AA188" s="3"/>
      <c r="AB188" s="3"/>
      <c r="AC188" s="3"/>
      <c r="AD188" s="3"/>
      <c r="AE188" s="3"/>
      <c r="AF188" s="3"/>
    </row>
    <row r="189" spans="3:32" x14ac:dyDescent="0.2">
      <c r="C189" s="3"/>
      <c r="D189" s="3"/>
      <c r="E189" s="3"/>
      <c r="F189" s="3"/>
      <c r="G189" s="3"/>
      <c r="H189" s="3"/>
      <c r="I189" s="3"/>
      <c r="J189" s="3"/>
      <c r="K189" s="3"/>
      <c r="L189" s="3"/>
      <c r="M189" s="3"/>
      <c r="N189" s="3"/>
      <c r="O189" s="3"/>
      <c r="P189" s="3"/>
      <c r="Q189" s="3"/>
      <c r="R189" s="3"/>
      <c r="S189" s="3"/>
      <c r="T189" s="3"/>
      <c r="U189" s="3"/>
      <c r="V189" s="3"/>
      <c r="W189" s="3"/>
      <c r="X189" s="3"/>
      <c r="Y189" s="3"/>
      <c r="Z189" s="3"/>
      <c r="AA189" s="3"/>
      <c r="AB189" s="3"/>
      <c r="AC189" s="3"/>
      <c r="AD189" s="3"/>
      <c r="AE189" s="3"/>
      <c r="AF189" s="3"/>
    </row>
    <row r="190" spans="3:32" x14ac:dyDescent="0.2">
      <c r="C190" s="3"/>
      <c r="D190" s="3"/>
      <c r="E190" s="3"/>
      <c r="F190" s="3"/>
      <c r="G190" s="3"/>
      <c r="H190" s="3"/>
      <c r="I190" s="3"/>
      <c r="J190" s="3"/>
      <c r="K190" s="3"/>
      <c r="L190" s="3"/>
      <c r="M190" s="3"/>
      <c r="N190" s="3"/>
      <c r="O190" s="3"/>
      <c r="P190" s="3"/>
      <c r="Q190" s="3"/>
      <c r="R190" s="3"/>
      <c r="S190" s="3"/>
      <c r="T190" s="3"/>
      <c r="U190" s="3"/>
      <c r="V190" s="3"/>
      <c r="W190" s="3"/>
      <c r="X190" s="3"/>
      <c r="Y190" s="3"/>
      <c r="Z190" s="3"/>
      <c r="AA190" s="3"/>
      <c r="AB190" s="3"/>
      <c r="AC190" s="3"/>
      <c r="AD190" s="3"/>
      <c r="AE190" s="3"/>
      <c r="AF190" s="3"/>
    </row>
    <row r="191" spans="3:32" x14ac:dyDescent="0.2">
      <c r="C191" s="3"/>
      <c r="D191" s="3"/>
      <c r="E191" s="3"/>
      <c r="F191" s="3"/>
      <c r="G191" s="3"/>
      <c r="H191" s="3"/>
      <c r="I191" s="3"/>
      <c r="J191" s="3"/>
      <c r="K191" s="3"/>
      <c r="L191" s="3"/>
      <c r="M191" s="3"/>
      <c r="N191" s="3"/>
      <c r="O191" s="3"/>
      <c r="P191" s="3"/>
      <c r="Q191" s="3"/>
      <c r="R191" s="3"/>
      <c r="S191" s="3"/>
      <c r="T191" s="3"/>
      <c r="U191" s="3"/>
      <c r="V191" s="3"/>
      <c r="W191" s="3"/>
      <c r="X191" s="3"/>
      <c r="Y191" s="3"/>
      <c r="Z191" s="3"/>
      <c r="AA191" s="3"/>
      <c r="AB191" s="3"/>
      <c r="AC191" s="3"/>
      <c r="AD191" s="3"/>
      <c r="AE191" s="3"/>
      <c r="AF191" s="3"/>
    </row>
    <row r="192" spans="3:32" x14ac:dyDescent="0.2">
      <c r="C192" s="3"/>
      <c r="D192" s="3"/>
      <c r="E192" s="3"/>
      <c r="F192" s="3"/>
      <c r="G192" s="3"/>
      <c r="H192" s="3"/>
      <c r="I192" s="3"/>
      <c r="J192" s="3"/>
      <c r="K192" s="3"/>
      <c r="L192" s="3"/>
      <c r="M192" s="3"/>
      <c r="N192" s="3"/>
      <c r="O192" s="3"/>
      <c r="P192" s="3"/>
      <c r="Q192" s="3"/>
      <c r="R192" s="3"/>
      <c r="S192" s="3"/>
      <c r="T192" s="3"/>
      <c r="U192" s="3"/>
      <c r="V192" s="3"/>
      <c r="W192" s="3"/>
      <c r="X192" s="3"/>
      <c r="Y192" s="3"/>
      <c r="Z192" s="3"/>
      <c r="AA192" s="3"/>
      <c r="AB192" s="3"/>
      <c r="AC192" s="3"/>
      <c r="AD192" s="3"/>
      <c r="AE192" s="3"/>
      <c r="AF192" s="3"/>
    </row>
    <row r="193" spans="3:32" x14ac:dyDescent="0.2">
      <c r="C193" s="3"/>
      <c r="D193" s="3"/>
      <c r="E193" s="3"/>
      <c r="F193" s="3"/>
      <c r="G193" s="3"/>
      <c r="H193" s="3"/>
      <c r="I193" s="3"/>
      <c r="J193" s="3"/>
      <c r="K193" s="3"/>
      <c r="L193" s="3"/>
      <c r="M193" s="3"/>
      <c r="N193" s="3"/>
      <c r="O193" s="3"/>
      <c r="P193" s="3"/>
      <c r="Q193" s="3"/>
      <c r="R193" s="3"/>
      <c r="S193" s="3"/>
      <c r="T193" s="3"/>
      <c r="U193" s="3"/>
      <c r="V193" s="3"/>
      <c r="W193" s="3"/>
      <c r="X193" s="3"/>
      <c r="Y193" s="3"/>
      <c r="Z193" s="3"/>
      <c r="AA193" s="3"/>
      <c r="AB193" s="3"/>
      <c r="AC193" s="3"/>
      <c r="AD193" s="3"/>
      <c r="AE193" s="3"/>
      <c r="AF193" s="3"/>
    </row>
    <row r="194" spans="3:32" x14ac:dyDescent="0.2">
      <c r="C194" s="3"/>
      <c r="D194" s="3"/>
      <c r="E194" s="3"/>
      <c r="F194" s="3"/>
      <c r="G194" s="3"/>
      <c r="H194" s="3"/>
      <c r="I194" s="3"/>
      <c r="J194" s="3"/>
      <c r="K194" s="3"/>
      <c r="L194" s="3"/>
      <c r="M194" s="3"/>
      <c r="N194" s="3"/>
      <c r="O194" s="3"/>
      <c r="P194" s="3"/>
      <c r="Q194" s="3"/>
      <c r="R194" s="3"/>
      <c r="S194" s="3"/>
      <c r="T194" s="3"/>
      <c r="U194" s="3"/>
      <c r="V194" s="3"/>
      <c r="W194" s="3"/>
      <c r="X194" s="3"/>
      <c r="Y194" s="3"/>
      <c r="Z194" s="3"/>
      <c r="AA194" s="3"/>
      <c r="AB194" s="3"/>
      <c r="AC194" s="3"/>
      <c r="AD194" s="3"/>
      <c r="AE194" s="3"/>
      <c r="AF194" s="3"/>
    </row>
    <row r="195" spans="3:32" x14ac:dyDescent="0.2">
      <c r="C195" s="3"/>
      <c r="D195" s="3"/>
      <c r="E195" s="3"/>
      <c r="F195" s="3"/>
      <c r="G195" s="3"/>
      <c r="H195" s="3"/>
      <c r="I195" s="3"/>
      <c r="J195" s="3"/>
      <c r="K195" s="3"/>
      <c r="L195" s="3"/>
      <c r="M195" s="3"/>
      <c r="N195" s="3"/>
      <c r="O195" s="3"/>
      <c r="P195" s="3"/>
      <c r="Q195" s="3"/>
      <c r="R195" s="3"/>
      <c r="S195" s="3"/>
      <c r="T195" s="3"/>
      <c r="U195" s="3"/>
      <c r="V195" s="3"/>
      <c r="W195" s="3"/>
      <c r="X195" s="3"/>
      <c r="Y195" s="3"/>
      <c r="Z195" s="3"/>
      <c r="AA195" s="3"/>
      <c r="AB195" s="3"/>
      <c r="AC195" s="3"/>
      <c r="AD195" s="3"/>
      <c r="AE195" s="3"/>
      <c r="AF195" s="3"/>
    </row>
    <row r="196" spans="3:32" x14ac:dyDescent="0.2">
      <c r="C196" s="3"/>
      <c r="D196" s="3"/>
      <c r="E196" s="3"/>
      <c r="F196" s="3"/>
      <c r="G196" s="3"/>
      <c r="H196" s="3"/>
      <c r="I196" s="3"/>
      <c r="J196" s="3"/>
      <c r="K196" s="3"/>
      <c r="L196" s="3"/>
      <c r="M196" s="3"/>
      <c r="N196" s="3"/>
      <c r="O196" s="3"/>
      <c r="P196" s="3"/>
      <c r="Q196" s="3"/>
      <c r="R196" s="3"/>
      <c r="S196" s="3"/>
      <c r="T196" s="3"/>
      <c r="U196" s="3"/>
      <c r="V196" s="3"/>
      <c r="W196" s="3"/>
      <c r="X196" s="3"/>
      <c r="Y196" s="3"/>
      <c r="Z196" s="3"/>
      <c r="AA196" s="3"/>
      <c r="AB196" s="3"/>
      <c r="AC196" s="3"/>
      <c r="AD196" s="3"/>
      <c r="AE196" s="3"/>
      <c r="AF196" s="3"/>
    </row>
    <row r="197" spans="3:32" x14ac:dyDescent="0.2">
      <c r="C197" s="3"/>
      <c r="D197" s="3"/>
      <c r="E197" s="3"/>
      <c r="F197" s="3"/>
      <c r="G197" s="3"/>
      <c r="H197" s="3"/>
      <c r="I197" s="3"/>
      <c r="J197" s="3"/>
      <c r="K197" s="3"/>
      <c r="L197" s="3"/>
      <c r="M197" s="3"/>
      <c r="N197" s="3"/>
      <c r="O197" s="3"/>
      <c r="P197" s="3"/>
      <c r="Q197" s="3"/>
      <c r="R197" s="3"/>
      <c r="S197" s="3"/>
      <c r="T197" s="3"/>
      <c r="U197" s="3"/>
      <c r="V197" s="3"/>
      <c r="W197" s="3"/>
      <c r="X197" s="3"/>
      <c r="Y197" s="3"/>
      <c r="Z197" s="3"/>
      <c r="AA197" s="3"/>
      <c r="AB197" s="3"/>
      <c r="AC197" s="3"/>
      <c r="AD197" s="3"/>
      <c r="AE197" s="3"/>
      <c r="AF197" s="3"/>
    </row>
    <row r="198" spans="3:32" x14ac:dyDescent="0.2">
      <c r="C198" s="3"/>
      <c r="D198" s="3"/>
      <c r="E198" s="3"/>
      <c r="F198" s="3"/>
      <c r="G198" s="3"/>
      <c r="H198" s="3"/>
      <c r="I198" s="3"/>
      <c r="J198" s="3"/>
      <c r="K198" s="3"/>
      <c r="L198" s="3"/>
      <c r="M198" s="3"/>
      <c r="N198" s="3"/>
      <c r="O198" s="3"/>
      <c r="P198" s="3"/>
      <c r="Q198" s="3"/>
      <c r="R198" s="3"/>
      <c r="S198" s="3"/>
      <c r="T198" s="3"/>
      <c r="U198" s="3"/>
      <c r="V198" s="3"/>
      <c r="W198" s="3"/>
      <c r="X198" s="3"/>
      <c r="Y198" s="3"/>
      <c r="Z198" s="3"/>
      <c r="AA198" s="3"/>
      <c r="AB198" s="3"/>
      <c r="AC198" s="3"/>
      <c r="AD198" s="3"/>
      <c r="AE198" s="3"/>
      <c r="AF198" s="3"/>
    </row>
    <row r="199" spans="3:32" x14ac:dyDescent="0.2">
      <c r="C199" s="3"/>
      <c r="D199" s="3"/>
      <c r="E199" s="3"/>
      <c r="F199" s="3"/>
      <c r="G199" s="3"/>
      <c r="H199" s="3"/>
      <c r="I199" s="3"/>
      <c r="J199" s="3"/>
      <c r="K199" s="3"/>
      <c r="L199" s="3"/>
      <c r="M199" s="3"/>
      <c r="N199" s="3"/>
      <c r="O199" s="3"/>
      <c r="P199" s="3"/>
      <c r="Q199" s="3"/>
      <c r="R199" s="3"/>
      <c r="S199" s="3"/>
      <c r="T199" s="3"/>
      <c r="U199" s="3"/>
      <c r="V199" s="3"/>
      <c r="W199" s="3"/>
      <c r="X199" s="3"/>
      <c r="Y199" s="3"/>
      <c r="Z199" s="3"/>
      <c r="AA199" s="3"/>
      <c r="AB199" s="3"/>
      <c r="AC199" s="3"/>
      <c r="AD199" s="3"/>
      <c r="AE199" s="3"/>
      <c r="AF199" s="3"/>
    </row>
    <row r="200" spans="3:32" x14ac:dyDescent="0.2">
      <c r="C200" s="3"/>
      <c r="D200" s="3"/>
      <c r="E200" s="3"/>
      <c r="F200" s="3"/>
      <c r="G200" s="3"/>
      <c r="H200" s="3"/>
      <c r="I200" s="3"/>
      <c r="J200" s="3"/>
      <c r="K200" s="3"/>
      <c r="L200" s="3"/>
      <c r="M200" s="3"/>
      <c r="N200" s="3"/>
      <c r="O200" s="3"/>
      <c r="P200" s="3"/>
      <c r="Q200" s="3"/>
      <c r="R200" s="3"/>
      <c r="S200" s="3"/>
      <c r="T200" s="3"/>
      <c r="U200" s="3"/>
      <c r="V200" s="3"/>
      <c r="W200" s="3"/>
      <c r="X200" s="3"/>
      <c r="Y200" s="3"/>
      <c r="Z200" s="3"/>
      <c r="AA200" s="3"/>
      <c r="AB200" s="3"/>
      <c r="AC200" s="3"/>
      <c r="AD200" s="3"/>
      <c r="AE200" s="3"/>
      <c r="AF200" s="3"/>
    </row>
    <row r="201" spans="3:32" x14ac:dyDescent="0.2">
      <c r="C201" s="3"/>
      <c r="D201" s="3"/>
      <c r="E201" s="3"/>
      <c r="F201" s="3"/>
      <c r="G201" s="3"/>
      <c r="H201" s="3"/>
      <c r="I201" s="3"/>
      <c r="J201" s="3"/>
      <c r="K201" s="3"/>
      <c r="L201" s="3"/>
      <c r="M201" s="3"/>
      <c r="N201" s="3"/>
      <c r="O201" s="3"/>
      <c r="P201" s="3"/>
      <c r="Q201" s="3"/>
      <c r="R201" s="3"/>
      <c r="S201" s="3"/>
      <c r="T201" s="3"/>
      <c r="U201" s="3"/>
      <c r="V201" s="3"/>
      <c r="W201" s="3"/>
      <c r="X201" s="3"/>
      <c r="Y201" s="3"/>
      <c r="Z201" s="3"/>
      <c r="AA201" s="3"/>
      <c r="AB201" s="3"/>
      <c r="AC201" s="3"/>
      <c r="AD201" s="3"/>
      <c r="AE201" s="3"/>
      <c r="AF201" s="3"/>
    </row>
    <row r="202" spans="3:32" x14ac:dyDescent="0.2">
      <c r="C202" s="3"/>
      <c r="D202" s="3"/>
      <c r="E202" s="3"/>
      <c r="F202" s="3"/>
      <c r="G202" s="3"/>
      <c r="H202" s="3"/>
      <c r="I202" s="3"/>
      <c r="J202" s="3"/>
      <c r="K202" s="3"/>
      <c r="L202" s="3"/>
      <c r="M202" s="3"/>
      <c r="N202" s="3"/>
      <c r="O202" s="3"/>
      <c r="P202" s="3"/>
      <c r="Q202" s="3"/>
      <c r="R202" s="3"/>
      <c r="S202" s="3"/>
      <c r="T202" s="3"/>
      <c r="U202" s="3"/>
      <c r="V202" s="3"/>
      <c r="W202" s="3"/>
      <c r="X202" s="3"/>
      <c r="Y202" s="3"/>
      <c r="Z202" s="3"/>
      <c r="AA202" s="3"/>
      <c r="AB202" s="3"/>
      <c r="AC202" s="3"/>
      <c r="AD202" s="3"/>
      <c r="AE202" s="3"/>
      <c r="AF202" s="3"/>
    </row>
    <row r="203" spans="3:32" x14ac:dyDescent="0.2">
      <c r="C203" s="3"/>
      <c r="D203" s="3"/>
      <c r="E203" s="3"/>
      <c r="F203" s="3"/>
      <c r="G203" s="3"/>
      <c r="H203" s="3"/>
      <c r="I203" s="3"/>
      <c r="J203" s="3"/>
      <c r="K203" s="3"/>
      <c r="L203" s="3"/>
      <c r="M203" s="3"/>
      <c r="N203" s="3"/>
      <c r="O203" s="3"/>
      <c r="P203" s="3"/>
      <c r="Q203" s="3"/>
      <c r="R203" s="3"/>
      <c r="S203" s="3"/>
      <c r="T203" s="3"/>
      <c r="U203" s="3"/>
      <c r="V203" s="3"/>
      <c r="W203" s="3"/>
      <c r="X203" s="3"/>
      <c r="Y203" s="3"/>
      <c r="Z203" s="3"/>
      <c r="AA203" s="3"/>
      <c r="AB203" s="3"/>
      <c r="AC203" s="3"/>
      <c r="AD203" s="3"/>
      <c r="AE203" s="3"/>
      <c r="AF203" s="3"/>
    </row>
    <row r="204" spans="3:32" x14ac:dyDescent="0.2">
      <c r="C204" s="3"/>
      <c r="D204" s="3"/>
      <c r="E204" s="3"/>
      <c r="F204" s="3"/>
      <c r="G204" s="3"/>
      <c r="H204" s="3"/>
      <c r="I204" s="3"/>
      <c r="J204" s="3"/>
      <c r="K204" s="3"/>
      <c r="L204" s="3"/>
      <c r="M204" s="3"/>
      <c r="N204" s="3"/>
      <c r="O204" s="3"/>
      <c r="P204" s="3"/>
      <c r="Q204" s="3"/>
      <c r="R204" s="3"/>
      <c r="S204" s="3"/>
      <c r="T204" s="3"/>
      <c r="U204" s="3"/>
      <c r="V204" s="3"/>
      <c r="W204" s="3"/>
      <c r="X204" s="3"/>
      <c r="Y204" s="3"/>
      <c r="Z204" s="3"/>
      <c r="AA204" s="3"/>
      <c r="AB204" s="3"/>
      <c r="AC204" s="3"/>
      <c r="AD204" s="3"/>
      <c r="AE204" s="3"/>
      <c r="AF204" s="3"/>
    </row>
    <row r="205" spans="3:32" x14ac:dyDescent="0.2">
      <c r="C205" s="3"/>
      <c r="D205" s="3"/>
      <c r="E205" s="3"/>
      <c r="F205" s="3"/>
      <c r="G205" s="3"/>
      <c r="H205" s="3"/>
      <c r="I205" s="3"/>
      <c r="J205" s="3"/>
      <c r="K205" s="3"/>
      <c r="L205" s="3"/>
      <c r="M205" s="3"/>
      <c r="N205" s="3"/>
      <c r="O205" s="3"/>
      <c r="P205" s="3"/>
      <c r="Q205" s="3"/>
      <c r="R205" s="3"/>
      <c r="S205" s="3"/>
      <c r="T205" s="3"/>
      <c r="U205" s="3"/>
      <c r="V205" s="3"/>
      <c r="W205" s="3"/>
      <c r="X205" s="3"/>
      <c r="Y205" s="3"/>
      <c r="Z205" s="3"/>
      <c r="AA205" s="3"/>
      <c r="AB205" s="3"/>
      <c r="AC205" s="3"/>
      <c r="AD205" s="3"/>
      <c r="AE205" s="3"/>
      <c r="AF205" s="3"/>
    </row>
    <row r="206" spans="3:32" x14ac:dyDescent="0.2">
      <c r="C206" s="3"/>
      <c r="D206" s="3"/>
      <c r="E206" s="3"/>
      <c r="F206" s="3"/>
      <c r="G206" s="3"/>
      <c r="H206" s="3"/>
      <c r="I206" s="3"/>
      <c r="J206" s="3"/>
      <c r="K206" s="3"/>
      <c r="L206" s="3"/>
      <c r="M206" s="3"/>
      <c r="N206" s="3"/>
      <c r="O206" s="3"/>
      <c r="P206" s="3"/>
      <c r="Q206" s="3"/>
      <c r="R206" s="3"/>
      <c r="S206" s="3"/>
      <c r="T206" s="3"/>
      <c r="U206" s="3"/>
      <c r="V206" s="3"/>
      <c r="W206" s="3"/>
      <c r="X206" s="3"/>
      <c r="Y206" s="3"/>
      <c r="Z206" s="3"/>
      <c r="AA206" s="3"/>
      <c r="AB206" s="3"/>
      <c r="AC206" s="3"/>
      <c r="AD206" s="3"/>
      <c r="AE206" s="3"/>
      <c r="AF206" s="3"/>
    </row>
    <row r="207" spans="3:32" x14ac:dyDescent="0.2">
      <c r="C207" s="3"/>
      <c r="D207" s="3"/>
      <c r="E207" s="3"/>
      <c r="F207" s="3"/>
      <c r="G207" s="3"/>
      <c r="H207" s="3"/>
      <c r="I207" s="3"/>
      <c r="J207" s="3"/>
      <c r="K207" s="3"/>
      <c r="L207" s="3"/>
      <c r="M207" s="3"/>
      <c r="N207" s="3"/>
      <c r="O207" s="3"/>
      <c r="P207" s="3"/>
      <c r="Q207" s="3"/>
      <c r="R207" s="3"/>
      <c r="S207" s="3"/>
      <c r="T207" s="3"/>
      <c r="U207" s="3"/>
      <c r="V207" s="3"/>
      <c r="W207" s="3"/>
      <c r="X207" s="3"/>
      <c r="Y207" s="3"/>
      <c r="Z207" s="3"/>
      <c r="AA207" s="3"/>
      <c r="AB207" s="3"/>
      <c r="AC207" s="3"/>
      <c r="AD207" s="3"/>
      <c r="AE207" s="3"/>
      <c r="AF207" s="3"/>
    </row>
    <row r="208" spans="3:32" x14ac:dyDescent="0.2">
      <c r="C208" s="3"/>
      <c r="D208" s="3"/>
      <c r="E208" s="3"/>
      <c r="F208" s="3"/>
      <c r="G208" s="3"/>
      <c r="H208" s="3"/>
      <c r="I208" s="3"/>
      <c r="J208" s="3"/>
      <c r="K208" s="3"/>
      <c r="L208" s="3"/>
      <c r="M208" s="3"/>
      <c r="N208" s="3"/>
      <c r="O208" s="3"/>
      <c r="P208" s="3"/>
      <c r="Q208" s="3"/>
      <c r="R208" s="3"/>
      <c r="S208" s="3"/>
      <c r="T208" s="3"/>
      <c r="U208" s="3"/>
      <c r="V208" s="3"/>
      <c r="W208" s="3"/>
      <c r="X208" s="3"/>
      <c r="Y208" s="3"/>
      <c r="Z208" s="3"/>
      <c r="AA208" s="3"/>
      <c r="AB208" s="3"/>
      <c r="AC208" s="3"/>
      <c r="AD208" s="3"/>
      <c r="AE208" s="3"/>
      <c r="AF208" s="3"/>
    </row>
    <row r="209" spans="3:32" x14ac:dyDescent="0.2">
      <c r="C209" s="3"/>
      <c r="D209" s="3"/>
      <c r="E209" s="3"/>
      <c r="F209" s="3"/>
      <c r="G209" s="3"/>
      <c r="H209" s="3"/>
      <c r="I209" s="3"/>
      <c r="J209" s="3"/>
      <c r="K209" s="3"/>
      <c r="L209" s="3"/>
      <c r="M209" s="3"/>
      <c r="N209" s="3"/>
      <c r="O209" s="3"/>
      <c r="P209" s="3"/>
      <c r="Q209" s="3"/>
      <c r="R209" s="3"/>
      <c r="S209" s="3"/>
      <c r="T209" s="3"/>
      <c r="U209" s="3"/>
      <c r="V209" s="3"/>
      <c r="W209" s="3"/>
      <c r="X209" s="3"/>
      <c r="Y209" s="3"/>
      <c r="Z209" s="3"/>
      <c r="AA209" s="3"/>
      <c r="AB209" s="3"/>
      <c r="AC209" s="3"/>
      <c r="AD209" s="3"/>
      <c r="AE209" s="3"/>
      <c r="AF209" s="3"/>
    </row>
    <row r="210" spans="3:32" x14ac:dyDescent="0.2">
      <c r="C210" s="3"/>
      <c r="D210" s="3"/>
      <c r="E210" s="3"/>
      <c r="F210" s="3"/>
      <c r="G210" s="3"/>
      <c r="H210" s="3"/>
      <c r="I210" s="3"/>
      <c r="J210" s="3"/>
      <c r="K210" s="3"/>
      <c r="L210" s="3"/>
      <c r="M210" s="3"/>
      <c r="N210" s="3"/>
      <c r="O210" s="3"/>
      <c r="P210" s="3"/>
      <c r="Q210" s="3"/>
      <c r="R210" s="3"/>
      <c r="S210" s="3"/>
      <c r="T210" s="3"/>
      <c r="U210" s="3"/>
      <c r="V210" s="3"/>
      <c r="W210" s="3"/>
      <c r="X210" s="3"/>
      <c r="Y210" s="3"/>
      <c r="Z210" s="3"/>
      <c r="AA210" s="3"/>
      <c r="AB210" s="3"/>
      <c r="AC210" s="3"/>
      <c r="AD210" s="3"/>
      <c r="AE210" s="3"/>
      <c r="AF210" s="3"/>
    </row>
    <row r="211" spans="3:32" x14ac:dyDescent="0.2">
      <c r="C211" s="3"/>
      <c r="D211" s="3"/>
      <c r="E211" s="3"/>
      <c r="F211" s="3"/>
      <c r="G211" s="3"/>
      <c r="H211" s="3"/>
      <c r="I211" s="3"/>
      <c r="J211" s="3"/>
      <c r="K211" s="3"/>
      <c r="L211" s="3"/>
      <c r="M211" s="3"/>
      <c r="N211" s="3"/>
      <c r="O211" s="3"/>
      <c r="P211" s="3"/>
      <c r="Q211" s="3"/>
      <c r="R211" s="3"/>
      <c r="S211" s="3"/>
      <c r="T211" s="3"/>
      <c r="U211" s="3"/>
      <c r="V211" s="3"/>
      <c r="W211" s="3"/>
      <c r="X211" s="3"/>
      <c r="Y211" s="3"/>
      <c r="Z211" s="3"/>
      <c r="AA211" s="3"/>
      <c r="AB211" s="3"/>
      <c r="AC211" s="3"/>
      <c r="AD211" s="3"/>
      <c r="AE211" s="3"/>
      <c r="AF211" s="3"/>
    </row>
    <row r="212" spans="3:32" x14ac:dyDescent="0.2">
      <c r="C212" s="3"/>
      <c r="D212" s="3"/>
      <c r="E212" s="3"/>
      <c r="F212" s="3"/>
      <c r="G212" s="3"/>
      <c r="H212" s="3"/>
      <c r="I212" s="3"/>
      <c r="J212" s="3"/>
      <c r="K212" s="3"/>
      <c r="L212" s="3"/>
      <c r="M212" s="3"/>
      <c r="N212" s="3"/>
      <c r="O212" s="3"/>
      <c r="P212" s="3"/>
      <c r="Q212" s="3"/>
      <c r="R212" s="3"/>
      <c r="S212" s="3"/>
      <c r="T212" s="3"/>
      <c r="U212" s="3"/>
      <c r="V212" s="3"/>
      <c r="W212" s="3"/>
      <c r="X212" s="3"/>
      <c r="Y212" s="3"/>
      <c r="Z212" s="3"/>
      <c r="AA212" s="3"/>
      <c r="AB212" s="3"/>
      <c r="AC212" s="3"/>
      <c r="AD212" s="3"/>
      <c r="AE212" s="3"/>
      <c r="AF212" s="3"/>
    </row>
    <row r="213" spans="3:32" x14ac:dyDescent="0.2">
      <c r="C213" s="3"/>
      <c r="D213" s="3"/>
      <c r="E213" s="3"/>
      <c r="F213" s="3"/>
      <c r="G213" s="3"/>
      <c r="H213" s="3"/>
      <c r="I213" s="3"/>
      <c r="J213" s="3"/>
      <c r="K213" s="3"/>
      <c r="L213" s="3"/>
      <c r="M213" s="3"/>
      <c r="N213" s="3"/>
      <c r="O213" s="3"/>
      <c r="P213" s="3"/>
      <c r="Q213" s="3"/>
      <c r="R213" s="3"/>
      <c r="S213" s="3"/>
      <c r="T213" s="3"/>
      <c r="U213" s="3"/>
      <c r="V213" s="3"/>
      <c r="W213" s="3"/>
      <c r="X213" s="3"/>
      <c r="Y213" s="3"/>
      <c r="Z213" s="3"/>
      <c r="AA213" s="3"/>
      <c r="AB213" s="3"/>
      <c r="AC213" s="3"/>
      <c r="AD213" s="3"/>
      <c r="AE213" s="3"/>
      <c r="AF213" s="3"/>
    </row>
    <row r="214" spans="3:32" x14ac:dyDescent="0.2">
      <c r="C214" s="3"/>
      <c r="D214" s="3"/>
      <c r="E214" s="3"/>
      <c r="F214" s="3"/>
      <c r="G214" s="3"/>
      <c r="H214" s="3"/>
      <c r="I214" s="3"/>
      <c r="J214" s="3"/>
      <c r="K214" s="3"/>
      <c r="L214" s="3"/>
      <c r="M214" s="3"/>
      <c r="N214" s="3"/>
      <c r="O214" s="3"/>
      <c r="P214" s="3"/>
      <c r="Q214" s="3"/>
      <c r="R214" s="3"/>
      <c r="S214" s="3"/>
      <c r="T214" s="3"/>
      <c r="U214" s="3"/>
      <c r="V214" s="3"/>
      <c r="W214" s="3"/>
      <c r="X214" s="3"/>
      <c r="Y214" s="3"/>
      <c r="Z214" s="3"/>
      <c r="AA214" s="3"/>
      <c r="AB214" s="3"/>
      <c r="AC214" s="3"/>
      <c r="AD214" s="3"/>
      <c r="AE214" s="3"/>
      <c r="AF214" s="3"/>
    </row>
    <row r="215" spans="3:32" x14ac:dyDescent="0.2">
      <c r="C215" s="3"/>
      <c r="D215" s="3"/>
      <c r="E215" s="3"/>
      <c r="F215" s="3"/>
      <c r="G215" s="3"/>
      <c r="H215" s="3"/>
      <c r="I215" s="3"/>
      <c r="J215" s="3"/>
      <c r="K215" s="3"/>
      <c r="L215" s="3"/>
      <c r="M215" s="3"/>
      <c r="N215" s="3"/>
      <c r="O215" s="3"/>
      <c r="P215" s="3"/>
      <c r="Q215" s="3"/>
      <c r="R215" s="3"/>
      <c r="S215" s="3"/>
      <c r="T215" s="3"/>
      <c r="U215" s="3"/>
      <c r="V215" s="3"/>
      <c r="W215" s="3"/>
      <c r="X215" s="3"/>
      <c r="Y215" s="3"/>
      <c r="Z215" s="3"/>
      <c r="AA215" s="3"/>
      <c r="AB215" s="3"/>
      <c r="AC215" s="3"/>
      <c r="AD215" s="3"/>
      <c r="AE215" s="3"/>
      <c r="AF215" s="3"/>
    </row>
    <row r="216" spans="3:32" x14ac:dyDescent="0.2">
      <c r="C216" s="3"/>
      <c r="D216" s="3"/>
      <c r="E216" s="3"/>
      <c r="F216" s="3"/>
      <c r="G216" s="3"/>
      <c r="H216" s="3"/>
      <c r="I216" s="3"/>
      <c r="J216" s="3"/>
      <c r="K216" s="3"/>
      <c r="L216" s="3"/>
      <c r="M216" s="3"/>
      <c r="N216" s="3"/>
      <c r="O216" s="3"/>
      <c r="P216" s="3"/>
      <c r="Q216" s="3"/>
      <c r="R216" s="3"/>
      <c r="S216" s="3"/>
      <c r="T216" s="3"/>
      <c r="U216" s="3"/>
      <c r="V216" s="3"/>
      <c r="W216" s="3"/>
      <c r="X216" s="3"/>
      <c r="Y216" s="3"/>
      <c r="Z216" s="3"/>
      <c r="AA216" s="3"/>
      <c r="AB216" s="3"/>
      <c r="AC216" s="3"/>
      <c r="AD216" s="3"/>
      <c r="AE216" s="3"/>
      <c r="AF216" s="3"/>
    </row>
    <row r="217" spans="3:32" x14ac:dyDescent="0.2">
      <c r="C217" s="3"/>
      <c r="D217" s="3"/>
      <c r="E217" s="3"/>
      <c r="F217" s="3"/>
      <c r="G217" s="3"/>
      <c r="H217" s="3"/>
      <c r="I217" s="3"/>
      <c r="J217" s="3"/>
      <c r="K217" s="3"/>
      <c r="L217" s="3"/>
      <c r="M217" s="3"/>
      <c r="N217" s="3"/>
      <c r="O217" s="3"/>
      <c r="P217" s="3"/>
      <c r="Q217" s="3"/>
      <c r="R217" s="3"/>
      <c r="S217" s="3"/>
      <c r="T217" s="3"/>
      <c r="U217" s="3"/>
      <c r="V217" s="3"/>
      <c r="W217" s="3"/>
      <c r="X217" s="3"/>
      <c r="Y217" s="3"/>
      <c r="Z217" s="3"/>
      <c r="AA217" s="3"/>
      <c r="AB217" s="3"/>
      <c r="AC217" s="3"/>
      <c r="AD217" s="3"/>
      <c r="AE217" s="3"/>
      <c r="AF217" s="3"/>
    </row>
    <row r="218" spans="3:32" x14ac:dyDescent="0.2">
      <c r="C218" s="3"/>
      <c r="D218" s="3"/>
      <c r="E218" s="3"/>
      <c r="F218" s="3"/>
      <c r="G218" s="3"/>
      <c r="H218" s="3"/>
      <c r="I218" s="3"/>
      <c r="J218" s="3"/>
      <c r="K218" s="3"/>
      <c r="L218" s="3"/>
      <c r="M218" s="3"/>
      <c r="N218" s="3"/>
      <c r="O218" s="3"/>
      <c r="P218" s="3"/>
      <c r="Q218" s="3"/>
      <c r="R218" s="3"/>
      <c r="S218" s="3"/>
      <c r="T218" s="3"/>
      <c r="U218" s="3"/>
      <c r="V218" s="3"/>
      <c r="W218" s="3"/>
      <c r="X218" s="3"/>
      <c r="Y218" s="3"/>
      <c r="Z218" s="3"/>
      <c r="AA218" s="3"/>
      <c r="AB218" s="3"/>
      <c r="AC218" s="3"/>
      <c r="AD218" s="3"/>
      <c r="AE218" s="3"/>
      <c r="AF218" s="3"/>
    </row>
    <row r="219" spans="3:32" x14ac:dyDescent="0.2">
      <c r="C219" s="3"/>
      <c r="D219" s="3"/>
      <c r="E219" s="3"/>
      <c r="F219" s="3"/>
      <c r="G219" s="3"/>
      <c r="H219" s="3"/>
      <c r="I219" s="3"/>
      <c r="J219" s="3"/>
      <c r="K219" s="3"/>
      <c r="L219" s="3"/>
      <c r="M219" s="3"/>
      <c r="N219" s="3"/>
      <c r="O219" s="3"/>
      <c r="P219" s="3"/>
      <c r="Q219" s="3"/>
      <c r="R219" s="3"/>
      <c r="S219" s="3"/>
      <c r="T219" s="3"/>
      <c r="U219" s="3"/>
      <c r="V219" s="3"/>
      <c r="W219" s="3"/>
      <c r="X219" s="3"/>
      <c r="Y219" s="3"/>
      <c r="Z219" s="3"/>
      <c r="AA219" s="3"/>
      <c r="AB219" s="3"/>
      <c r="AC219" s="3"/>
      <c r="AD219" s="3"/>
      <c r="AE219" s="3"/>
      <c r="AF219" s="3"/>
    </row>
  </sheetData>
  <mergeCells count="59">
    <mergeCell ref="DS5:DU5"/>
    <mergeCell ref="DV5:EA5"/>
    <mergeCell ref="EB5:EB6"/>
    <mergeCell ref="CD5:CD6"/>
    <mergeCell ref="CE5:CG5"/>
    <mergeCell ref="CH5:CM5"/>
    <mergeCell ref="CN5:CN6"/>
    <mergeCell ref="CO5:CQ5"/>
    <mergeCell ref="CR5:CW5"/>
    <mergeCell ref="CX5:CX6"/>
    <mergeCell ref="CY5:DA5"/>
    <mergeCell ref="DB5:DG5"/>
    <mergeCell ref="DH5:DH6"/>
    <mergeCell ref="DI5:DK5"/>
    <mergeCell ref="DL5:DQ5"/>
    <mergeCell ref="DR5:DR6"/>
    <mergeCell ref="BU5:BW5"/>
    <mergeCell ref="BX5:CC5"/>
    <mergeCell ref="BA5:BC5"/>
    <mergeCell ref="BD5:BI5"/>
    <mergeCell ref="BJ5:BJ6"/>
    <mergeCell ref="BK5:BM5"/>
    <mergeCell ref="W5:Y5"/>
    <mergeCell ref="Z5:AE5"/>
    <mergeCell ref="AF5:AF6"/>
    <mergeCell ref="BN5:BS5"/>
    <mergeCell ref="BT5:BT6"/>
    <mergeCell ref="V5:V6"/>
    <mergeCell ref="BK3:CN3"/>
    <mergeCell ref="DS3:EB4"/>
    <mergeCell ref="C4:L4"/>
    <mergeCell ref="M4:V4"/>
    <mergeCell ref="W4:AF4"/>
    <mergeCell ref="AG4:AP4"/>
    <mergeCell ref="AQ4:AZ4"/>
    <mergeCell ref="BA4:BJ4"/>
    <mergeCell ref="BK4:BT4"/>
    <mergeCell ref="BU4:CD4"/>
    <mergeCell ref="CE4:CN4"/>
    <mergeCell ref="CO3:DR3"/>
    <mergeCell ref="CO4:CX4"/>
    <mergeCell ref="CY4:DH4"/>
    <mergeCell ref="DI4:DR4"/>
    <mergeCell ref="F1:G1"/>
    <mergeCell ref="I1:J1"/>
    <mergeCell ref="B3:B5"/>
    <mergeCell ref="C3:AF3"/>
    <mergeCell ref="AG3:BJ3"/>
    <mergeCell ref="AG5:AI5"/>
    <mergeCell ref="AJ5:AO5"/>
    <mergeCell ref="AP5:AP6"/>
    <mergeCell ref="AQ5:AS5"/>
    <mergeCell ref="AT5:AY5"/>
    <mergeCell ref="AZ5:AZ6"/>
    <mergeCell ref="C5:E5"/>
    <mergeCell ref="F5:K5"/>
    <mergeCell ref="L5:L6"/>
    <mergeCell ref="M5:O5"/>
    <mergeCell ref="P5:U5"/>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colBreaks count="3" manualBreakCount="3">
    <brk id="32" max="1048575" man="1"/>
    <brk id="62" max="1048575" man="1"/>
    <brk id="122" max="1048575" man="1"/>
  </col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39" customWidth="1"/>
    <col min="2" max="2" width="9.77734375" style="39" customWidth="1"/>
    <col min="3" max="5" width="7.88671875" style="38" customWidth="1"/>
    <col min="6" max="6" width="8.109375" style="38" customWidth="1"/>
    <col min="7" max="11" width="7.88671875" style="38" customWidth="1"/>
    <col min="12" max="13" width="8.77734375" style="38" customWidth="1"/>
    <col min="14" max="33" width="7.88671875" style="38" customWidth="1"/>
    <col min="34" max="34" width="9.109375" style="38" customWidth="1"/>
    <col min="35" max="35" width="8.44140625" style="38" customWidth="1"/>
    <col min="36" max="55" width="7.88671875" style="38" customWidth="1"/>
    <col min="56" max="56" width="9.109375" style="38" customWidth="1"/>
    <col min="57" max="57" width="8.44140625" style="38" customWidth="1"/>
    <col min="58" max="77" width="7.88671875" style="38" customWidth="1"/>
    <col min="78" max="78" width="9.109375" style="38" customWidth="1"/>
    <col min="79" max="79" width="8.44140625" style="38" customWidth="1"/>
    <col min="80" max="86" width="7.88671875" style="38" customWidth="1"/>
    <col min="87" max="102" width="9" style="38"/>
    <col min="103" max="148" width="9" style="39"/>
    <col min="149" max="149" width="7.77734375" style="39" customWidth="1"/>
    <col min="150" max="159" width="9" style="39"/>
    <col min="160" max="160" width="8.109375" style="39" customWidth="1"/>
    <col min="161" max="16384" width="9" style="39"/>
  </cols>
  <sheetData>
    <row r="1" spans="2:299" ht="24" customHeight="1" x14ac:dyDescent="0.2">
      <c r="B1" s="10" t="s">
        <v>120</v>
      </c>
      <c r="F1" s="500">
        <f>第１表!F2</f>
        <v>5</v>
      </c>
      <c r="G1" s="500"/>
      <c r="H1" s="235">
        <f>第１表!G2</f>
        <v>12</v>
      </c>
      <c r="I1" s="482">
        <f>H1</f>
        <v>12</v>
      </c>
      <c r="J1" s="482"/>
    </row>
    <row r="2" spans="2:299" ht="24" customHeight="1" thickBot="1" x14ac:dyDescent="0.25">
      <c r="B2" s="15" t="s">
        <v>128</v>
      </c>
    </row>
    <row r="3" spans="2:299" ht="21" customHeight="1" thickBot="1" x14ac:dyDescent="0.25">
      <c r="B3" s="483" t="s">
        <v>38</v>
      </c>
      <c r="C3" s="495" t="s">
        <v>96</v>
      </c>
      <c r="D3" s="495"/>
      <c r="E3" s="495"/>
      <c r="F3" s="495"/>
      <c r="G3" s="495"/>
      <c r="H3" s="495"/>
      <c r="I3" s="495"/>
      <c r="J3" s="495"/>
      <c r="K3" s="495"/>
      <c r="L3" s="495"/>
      <c r="M3" s="495"/>
      <c r="N3" s="495"/>
      <c r="O3" s="495"/>
      <c r="P3" s="495"/>
      <c r="Q3" s="495"/>
      <c r="R3" s="495"/>
      <c r="S3" s="495"/>
      <c r="T3" s="495"/>
      <c r="U3" s="495"/>
      <c r="V3" s="495"/>
      <c r="W3" s="495"/>
      <c r="X3" s="495"/>
      <c r="Y3" s="495"/>
      <c r="Z3" s="495"/>
      <c r="AA3" s="495"/>
      <c r="AB3" s="495"/>
      <c r="AC3" s="495"/>
      <c r="AD3" s="495"/>
      <c r="AE3" s="495"/>
      <c r="AF3" s="495"/>
      <c r="AG3" s="495"/>
      <c r="AH3" s="495"/>
      <c r="AI3" s="495"/>
      <c r="AJ3" s="495"/>
      <c r="AK3" s="495"/>
      <c r="AL3" s="495"/>
      <c r="AM3" s="495"/>
      <c r="AN3" s="495"/>
      <c r="AO3" s="495"/>
      <c r="AP3" s="495"/>
      <c r="AQ3" s="495"/>
      <c r="AR3" s="495"/>
      <c r="AS3" s="495"/>
      <c r="AT3" s="495"/>
      <c r="AU3" s="495"/>
      <c r="AV3" s="495"/>
      <c r="AW3" s="495"/>
      <c r="AX3" s="495"/>
      <c r="AY3" s="495"/>
      <c r="AZ3" s="495"/>
      <c r="BA3" s="495"/>
      <c r="BB3" s="495"/>
      <c r="BC3" s="495"/>
      <c r="BD3" s="495"/>
      <c r="BE3" s="495"/>
      <c r="BF3" s="495"/>
      <c r="BG3" s="495"/>
      <c r="BH3" s="495"/>
      <c r="BI3" s="495"/>
      <c r="BJ3" s="495"/>
      <c r="BK3" s="495"/>
      <c r="BL3" s="495"/>
      <c r="BM3" s="495"/>
      <c r="BN3" s="495"/>
      <c r="BO3" s="495"/>
      <c r="BP3" s="495"/>
      <c r="BQ3" s="495"/>
      <c r="BR3" s="495"/>
      <c r="BS3" s="495"/>
      <c r="BT3" s="495"/>
      <c r="BU3" s="495"/>
      <c r="BV3" s="495"/>
      <c r="BW3" s="495"/>
      <c r="BX3" s="495"/>
      <c r="BY3" s="495"/>
      <c r="BZ3" s="495"/>
      <c r="CA3" s="495"/>
      <c r="CB3" s="495"/>
      <c r="CC3" s="495"/>
      <c r="CD3" s="495"/>
      <c r="CE3" s="495"/>
      <c r="CF3" s="495"/>
      <c r="CG3" s="495"/>
      <c r="CH3" s="495"/>
      <c r="CI3" s="495"/>
      <c r="CJ3" s="495"/>
      <c r="CK3" s="495"/>
      <c r="CL3" s="495"/>
      <c r="CM3" s="495"/>
      <c r="CN3" s="495"/>
      <c r="CO3" s="495"/>
      <c r="CP3" s="495"/>
      <c r="CQ3" s="495"/>
      <c r="CR3" s="495"/>
      <c r="CS3" s="495"/>
      <c r="CT3" s="495"/>
      <c r="CU3" s="495"/>
      <c r="CV3" s="495"/>
      <c r="CW3" s="496"/>
      <c r="CX3" s="495" t="s">
        <v>103</v>
      </c>
      <c r="CY3" s="495"/>
      <c r="CZ3" s="495"/>
      <c r="DA3" s="495"/>
      <c r="DB3" s="495"/>
      <c r="DC3" s="495"/>
      <c r="DD3" s="495"/>
      <c r="DE3" s="495"/>
      <c r="DF3" s="495"/>
      <c r="DG3" s="495"/>
      <c r="DH3" s="495"/>
      <c r="DI3" s="495"/>
      <c r="DJ3" s="495"/>
      <c r="DK3" s="495"/>
      <c r="DL3" s="495"/>
      <c r="DM3" s="495"/>
      <c r="DN3" s="495"/>
      <c r="DO3" s="495"/>
      <c r="DP3" s="495"/>
      <c r="DQ3" s="495"/>
      <c r="DR3" s="495"/>
      <c r="DS3" s="495"/>
      <c r="DT3" s="495"/>
      <c r="DU3" s="495"/>
      <c r="DV3" s="495"/>
      <c r="DW3" s="495"/>
      <c r="DX3" s="495"/>
      <c r="DY3" s="495"/>
      <c r="DZ3" s="495"/>
      <c r="EA3" s="495"/>
      <c r="EB3" s="495"/>
      <c r="EC3" s="495"/>
      <c r="ED3" s="495"/>
      <c r="EE3" s="495"/>
      <c r="EF3" s="495"/>
      <c r="EG3" s="495"/>
      <c r="EH3" s="495"/>
      <c r="EI3" s="495"/>
      <c r="EJ3" s="495"/>
      <c r="EK3" s="495"/>
      <c r="EL3" s="495"/>
      <c r="EM3" s="495"/>
      <c r="EN3" s="495"/>
      <c r="EO3" s="495"/>
      <c r="EP3" s="495"/>
      <c r="EQ3" s="495"/>
      <c r="ER3" s="495"/>
      <c r="ES3" s="495"/>
      <c r="ET3" s="495"/>
      <c r="EU3" s="495"/>
      <c r="EV3" s="495"/>
      <c r="EW3" s="495"/>
      <c r="EX3" s="495"/>
      <c r="EY3" s="495"/>
      <c r="EZ3" s="495"/>
      <c r="FA3" s="495"/>
      <c r="FB3" s="495"/>
      <c r="FC3" s="495"/>
      <c r="FD3" s="495"/>
      <c r="FE3" s="495"/>
      <c r="FF3" s="495"/>
      <c r="FG3" s="495"/>
      <c r="FH3" s="495"/>
      <c r="FI3" s="495"/>
      <c r="FJ3" s="495"/>
      <c r="FK3" s="495"/>
      <c r="FL3" s="495"/>
      <c r="FM3" s="495"/>
      <c r="FN3" s="495"/>
      <c r="FO3" s="495"/>
      <c r="FP3" s="495"/>
      <c r="FQ3" s="495"/>
      <c r="FR3" s="495"/>
      <c r="FS3" s="495"/>
      <c r="FT3" s="495"/>
      <c r="FU3" s="495"/>
      <c r="FV3" s="495"/>
      <c r="FW3" s="495"/>
      <c r="FX3" s="495"/>
      <c r="FY3" s="495"/>
      <c r="FZ3" s="495"/>
      <c r="GA3" s="495"/>
      <c r="GB3" s="495"/>
      <c r="GC3" s="495"/>
      <c r="GD3" s="495"/>
      <c r="GE3" s="495"/>
      <c r="GF3" s="495"/>
      <c r="GG3" s="495"/>
      <c r="GH3" s="495"/>
      <c r="GI3" s="495"/>
      <c r="GJ3" s="495"/>
      <c r="GK3" s="495"/>
      <c r="GL3" s="495"/>
      <c r="GM3" s="495"/>
      <c r="GN3" s="495"/>
      <c r="GO3" s="495"/>
      <c r="GP3" s="495"/>
      <c r="GQ3" s="495"/>
      <c r="GR3" s="496"/>
      <c r="GS3" s="495" t="s">
        <v>104</v>
      </c>
      <c r="GT3" s="495"/>
      <c r="GU3" s="495"/>
      <c r="GV3" s="495"/>
      <c r="GW3" s="495"/>
      <c r="GX3" s="495"/>
      <c r="GY3" s="495"/>
      <c r="GZ3" s="495"/>
      <c r="HA3" s="495"/>
      <c r="HB3" s="495"/>
      <c r="HC3" s="495"/>
      <c r="HD3" s="495"/>
      <c r="HE3" s="495"/>
      <c r="HF3" s="495"/>
      <c r="HG3" s="495"/>
      <c r="HH3" s="495"/>
      <c r="HI3" s="495"/>
      <c r="HJ3" s="495"/>
      <c r="HK3" s="495"/>
      <c r="HL3" s="495"/>
      <c r="HM3" s="495"/>
      <c r="HN3" s="495"/>
      <c r="HO3" s="495"/>
      <c r="HP3" s="495"/>
      <c r="HQ3" s="495"/>
      <c r="HR3" s="495"/>
      <c r="HS3" s="495"/>
      <c r="HT3" s="495"/>
      <c r="HU3" s="495"/>
      <c r="HV3" s="495"/>
      <c r="HW3" s="495"/>
      <c r="HX3" s="495"/>
      <c r="HY3" s="495"/>
      <c r="HZ3" s="495"/>
      <c r="IA3" s="495"/>
      <c r="IB3" s="495"/>
      <c r="IC3" s="495"/>
      <c r="ID3" s="495"/>
      <c r="IE3" s="495"/>
      <c r="IF3" s="495"/>
      <c r="IG3" s="495"/>
      <c r="IH3" s="495"/>
      <c r="II3" s="495"/>
      <c r="IJ3" s="495"/>
      <c r="IK3" s="495"/>
      <c r="IL3" s="495"/>
      <c r="IM3" s="495"/>
      <c r="IN3" s="495"/>
      <c r="IO3" s="495"/>
      <c r="IP3" s="495"/>
      <c r="IQ3" s="495"/>
      <c r="IR3" s="495"/>
      <c r="IS3" s="495"/>
      <c r="IT3" s="495"/>
      <c r="IU3" s="495"/>
      <c r="IV3" s="495"/>
      <c r="IW3" s="495"/>
      <c r="IX3" s="495"/>
      <c r="IY3" s="495"/>
      <c r="IZ3" s="495"/>
      <c r="JA3" s="495"/>
      <c r="JB3" s="495"/>
      <c r="JC3" s="495"/>
      <c r="JD3" s="495"/>
      <c r="JE3" s="495"/>
      <c r="JF3" s="495"/>
      <c r="JG3" s="495"/>
      <c r="JH3" s="495"/>
      <c r="JI3" s="495"/>
      <c r="JJ3" s="495"/>
      <c r="JK3" s="495"/>
      <c r="JL3" s="495"/>
      <c r="JM3" s="495"/>
      <c r="JN3" s="495"/>
      <c r="JO3" s="495"/>
      <c r="JP3" s="495"/>
      <c r="JQ3" s="495"/>
      <c r="JR3" s="495"/>
      <c r="JS3" s="495"/>
      <c r="JT3" s="495"/>
      <c r="JU3" s="495"/>
      <c r="JV3" s="495"/>
      <c r="JW3" s="495"/>
      <c r="JX3" s="495"/>
      <c r="JY3" s="495"/>
      <c r="JZ3" s="495"/>
      <c r="KA3" s="495"/>
      <c r="KB3" s="495"/>
      <c r="KC3" s="495"/>
      <c r="KD3" s="495"/>
      <c r="KE3" s="495"/>
      <c r="KF3" s="495"/>
      <c r="KG3" s="495"/>
      <c r="KH3" s="495"/>
      <c r="KI3" s="495"/>
      <c r="KJ3" s="495"/>
      <c r="KK3" s="495"/>
      <c r="KL3" s="495"/>
      <c r="KM3" s="496"/>
    </row>
    <row r="4" spans="2:299" ht="21" customHeight="1" thickBot="1" x14ac:dyDescent="0.25">
      <c r="B4" s="501"/>
      <c r="C4" s="497" t="s">
        <v>39</v>
      </c>
      <c r="D4" s="498"/>
      <c r="E4" s="498"/>
      <c r="F4" s="498"/>
      <c r="G4" s="498"/>
      <c r="H4" s="498"/>
      <c r="I4" s="498"/>
      <c r="J4" s="498"/>
      <c r="K4" s="498"/>
      <c r="L4" s="498"/>
      <c r="M4" s="498"/>
      <c r="N4" s="498"/>
      <c r="O4" s="498"/>
      <c r="P4" s="498"/>
      <c r="Q4" s="498"/>
      <c r="R4" s="498"/>
      <c r="S4" s="498"/>
      <c r="T4" s="498"/>
      <c r="U4" s="498"/>
      <c r="V4" s="498"/>
      <c r="W4" s="498"/>
      <c r="X4" s="498"/>
      <c r="Y4" s="498"/>
      <c r="Z4" s="498"/>
      <c r="AA4" s="498"/>
      <c r="AB4" s="498"/>
      <c r="AC4" s="498"/>
      <c r="AD4" s="498"/>
      <c r="AE4" s="498"/>
      <c r="AF4" s="498"/>
      <c r="AG4" s="498"/>
      <c r="AH4" s="498"/>
      <c r="AI4" s="498"/>
      <c r="AJ4" s="498"/>
      <c r="AK4" s="498"/>
      <c r="AL4" s="498"/>
      <c r="AM4" s="498"/>
      <c r="AN4" s="498"/>
      <c r="AO4" s="498"/>
      <c r="AP4" s="498"/>
      <c r="AQ4" s="498"/>
      <c r="AR4" s="498"/>
      <c r="AS4" s="498"/>
      <c r="AT4" s="498"/>
      <c r="AU4" s="498"/>
      <c r="AV4" s="498"/>
      <c r="AW4" s="498"/>
      <c r="AX4" s="498"/>
      <c r="AY4" s="498"/>
      <c r="AZ4" s="498"/>
      <c r="BA4" s="498"/>
      <c r="BB4" s="498"/>
      <c r="BC4" s="498"/>
      <c r="BD4" s="498"/>
      <c r="BE4" s="498"/>
      <c r="BF4" s="498"/>
      <c r="BG4" s="498"/>
      <c r="BH4" s="498"/>
      <c r="BI4" s="498"/>
      <c r="BJ4" s="498"/>
      <c r="BK4" s="498"/>
      <c r="BL4" s="498"/>
      <c r="BM4" s="498"/>
      <c r="BN4" s="498"/>
      <c r="BO4" s="498"/>
      <c r="BP4" s="498"/>
      <c r="BQ4" s="498"/>
      <c r="BR4" s="498"/>
      <c r="BS4" s="498"/>
      <c r="BT4" s="498"/>
      <c r="BU4" s="498"/>
      <c r="BV4" s="498"/>
      <c r="BW4" s="498"/>
      <c r="BX4" s="498"/>
      <c r="BY4" s="498"/>
      <c r="BZ4" s="498"/>
      <c r="CA4" s="499"/>
      <c r="CB4" s="483" t="s">
        <v>40</v>
      </c>
      <c r="CC4" s="484"/>
      <c r="CD4" s="484"/>
      <c r="CE4" s="484"/>
      <c r="CF4" s="484"/>
      <c r="CG4" s="484"/>
      <c r="CH4" s="484"/>
      <c r="CI4" s="484"/>
      <c r="CJ4" s="484"/>
      <c r="CK4" s="484"/>
      <c r="CL4" s="485"/>
      <c r="CM4" s="483" t="s">
        <v>41</v>
      </c>
      <c r="CN4" s="484"/>
      <c r="CO4" s="484"/>
      <c r="CP4" s="484"/>
      <c r="CQ4" s="484"/>
      <c r="CR4" s="484"/>
      <c r="CS4" s="484"/>
      <c r="CT4" s="484"/>
      <c r="CU4" s="484"/>
      <c r="CV4" s="484"/>
      <c r="CW4" s="485"/>
      <c r="CX4" s="497" t="s">
        <v>39</v>
      </c>
      <c r="CY4" s="498"/>
      <c r="CZ4" s="498"/>
      <c r="DA4" s="498"/>
      <c r="DB4" s="498"/>
      <c r="DC4" s="498"/>
      <c r="DD4" s="498"/>
      <c r="DE4" s="498"/>
      <c r="DF4" s="498"/>
      <c r="DG4" s="498"/>
      <c r="DH4" s="498"/>
      <c r="DI4" s="498"/>
      <c r="DJ4" s="498"/>
      <c r="DK4" s="498"/>
      <c r="DL4" s="498"/>
      <c r="DM4" s="498"/>
      <c r="DN4" s="498"/>
      <c r="DO4" s="498"/>
      <c r="DP4" s="498"/>
      <c r="DQ4" s="498"/>
      <c r="DR4" s="498"/>
      <c r="DS4" s="498"/>
      <c r="DT4" s="498"/>
      <c r="DU4" s="498"/>
      <c r="DV4" s="498"/>
      <c r="DW4" s="498"/>
      <c r="DX4" s="498"/>
      <c r="DY4" s="498"/>
      <c r="DZ4" s="498"/>
      <c r="EA4" s="498"/>
      <c r="EB4" s="498"/>
      <c r="EC4" s="498"/>
      <c r="ED4" s="498"/>
      <c r="EE4" s="498"/>
      <c r="EF4" s="498"/>
      <c r="EG4" s="498"/>
      <c r="EH4" s="498"/>
      <c r="EI4" s="498"/>
      <c r="EJ4" s="498"/>
      <c r="EK4" s="498"/>
      <c r="EL4" s="498"/>
      <c r="EM4" s="498"/>
      <c r="EN4" s="498"/>
      <c r="EO4" s="498"/>
      <c r="EP4" s="498"/>
      <c r="EQ4" s="498"/>
      <c r="ER4" s="498"/>
      <c r="ES4" s="498"/>
      <c r="ET4" s="498"/>
      <c r="EU4" s="498"/>
      <c r="EV4" s="498"/>
      <c r="EW4" s="498"/>
      <c r="EX4" s="498"/>
      <c r="EY4" s="498"/>
      <c r="EZ4" s="498"/>
      <c r="FA4" s="498"/>
      <c r="FB4" s="498"/>
      <c r="FC4" s="498"/>
      <c r="FD4" s="498"/>
      <c r="FE4" s="498"/>
      <c r="FF4" s="498"/>
      <c r="FG4" s="498"/>
      <c r="FH4" s="498"/>
      <c r="FI4" s="498"/>
      <c r="FJ4" s="498"/>
      <c r="FK4" s="498"/>
      <c r="FL4" s="498"/>
      <c r="FM4" s="498"/>
      <c r="FN4" s="498"/>
      <c r="FO4" s="498"/>
      <c r="FP4" s="498"/>
      <c r="FQ4" s="498"/>
      <c r="FR4" s="498"/>
      <c r="FS4" s="498"/>
      <c r="FT4" s="498"/>
      <c r="FU4" s="498"/>
      <c r="FV4" s="499"/>
      <c r="FW4" s="483" t="s">
        <v>40</v>
      </c>
      <c r="FX4" s="484"/>
      <c r="FY4" s="484"/>
      <c r="FZ4" s="484"/>
      <c r="GA4" s="484"/>
      <c r="GB4" s="484"/>
      <c r="GC4" s="484"/>
      <c r="GD4" s="484"/>
      <c r="GE4" s="484"/>
      <c r="GF4" s="484"/>
      <c r="GG4" s="485"/>
      <c r="GH4" s="483" t="s">
        <v>41</v>
      </c>
      <c r="GI4" s="484"/>
      <c r="GJ4" s="484"/>
      <c r="GK4" s="484"/>
      <c r="GL4" s="484"/>
      <c r="GM4" s="484"/>
      <c r="GN4" s="484"/>
      <c r="GO4" s="484"/>
      <c r="GP4" s="484"/>
      <c r="GQ4" s="484"/>
      <c r="GR4" s="485"/>
      <c r="GS4" s="497" t="s">
        <v>39</v>
      </c>
      <c r="GT4" s="498"/>
      <c r="GU4" s="498"/>
      <c r="GV4" s="498"/>
      <c r="GW4" s="498"/>
      <c r="GX4" s="498"/>
      <c r="GY4" s="498"/>
      <c r="GZ4" s="498"/>
      <c r="HA4" s="498"/>
      <c r="HB4" s="498"/>
      <c r="HC4" s="498"/>
      <c r="HD4" s="498"/>
      <c r="HE4" s="498"/>
      <c r="HF4" s="498"/>
      <c r="HG4" s="498"/>
      <c r="HH4" s="498"/>
      <c r="HI4" s="498"/>
      <c r="HJ4" s="498"/>
      <c r="HK4" s="498"/>
      <c r="HL4" s="498"/>
      <c r="HM4" s="498"/>
      <c r="HN4" s="498"/>
      <c r="HO4" s="498"/>
      <c r="HP4" s="498"/>
      <c r="HQ4" s="498"/>
      <c r="HR4" s="498"/>
      <c r="HS4" s="498"/>
      <c r="HT4" s="498"/>
      <c r="HU4" s="498"/>
      <c r="HV4" s="498"/>
      <c r="HW4" s="498"/>
      <c r="HX4" s="498"/>
      <c r="HY4" s="498"/>
      <c r="HZ4" s="498"/>
      <c r="IA4" s="498"/>
      <c r="IB4" s="498"/>
      <c r="IC4" s="498"/>
      <c r="ID4" s="498"/>
      <c r="IE4" s="498"/>
      <c r="IF4" s="498"/>
      <c r="IG4" s="498"/>
      <c r="IH4" s="498"/>
      <c r="II4" s="498"/>
      <c r="IJ4" s="498"/>
      <c r="IK4" s="498"/>
      <c r="IL4" s="498"/>
      <c r="IM4" s="498"/>
      <c r="IN4" s="498"/>
      <c r="IO4" s="498"/>
      <c r="IP4" s="498"/>
      <c r="IQ4" s="498"/>
      <c r="IR4" s="498"/>
      <c r="IS4" s="498"/>
      <c r="IT4" s="498"/>
      <c r="IU4" s="498"/>
      <c r="IV4" s="498"/>
      <c r="IW4" s="498"/>
      <c r="IX4" s="498"/>
      <c r="IY4" s="498"/>
      <c r="IZ4" s="498"/>
      <c r="JA4" s="498"/>
      <c r="JB4" s="498"/>
      <c r="JC4" s="498"/>
      <c r="JD4" s="498"/>
      <c r="JE4" s="498"/>
      <c r="JF4" s="498"/>
      <c r="JG4" s="498"/>
      <c r="JH4" s="498"/>
      <c r="JI4" s="498"/>
      <c r="JJ4" s="498"/>
      <c r="JK4" s="498"/>
      <c r="JL4" s="498"/>
      <c r="JM4" s="498"/>
      <c r="JN4" s="498"/>
      <c r="JO4" s="498"/>
      <c r="JP4" s="498"/>
      <c r="JQ4" s="499"/>
      <c r="JR4" s="483" t="s">
        <v>40</v>
      </c>
      <c r="JS4" s="484"/>
      <c r="JT4" s="484"/>
      <c r="JU4" s="484"/>
      <c r="JV4" s="484"/>
      <c r="JW4" s="484"/>
      <c r="JX4" s="484"/>
      <c r="JY4" s="484"/>
      <c r="JZ4" s="484"/>
      <c r="KA4" s="484"/>
      <c r="KB4" s="485"/>
      <c r="KC4" s="483" t="s">
        <v>41</v>
      </c>
      <c r="KD4" s="484"/>
      <c r="KE4" s="484"/>
      <c r="KF4" s="484"/>
      <c r="KG4" s="484"/>
      <c r="KH4" s="484"/>
      <c r="KI4" s="484"/>
      <c r="KJ4" s="484"/>
      <c r="KK4" s="484"/>
      <c r="KL4" s="484"/>
      <c r="KM4" s="485"/>
    </row>
    <row r="5" spans="2:299" ht="21" customHeight="1" thickBot="1" x14ac:dyDescent="0.25">
      <c r="B5" s="489"/>
      <c r="C5" s="489"/>
      <c r="D5" s="490"/>
      <c r="E5" s="490"/>
      <c r="F5" s="490"/>
      <c r="G5" s="490"/>
      <c r="H5" s="490"/>
      <c r="I5" s="490"/>
      <c r="J5" s="490"/>
      <c r="K5" s="490"/>
      <c r="L5" s="490"/>
      <c r="M5" s="491"/>
      <c r="N5" s="492" t="s">
        <v>97</v>
      </c>
      <c r="O5" s="493"/>
      <c r="P5" s="493"/>
      <c r="Q5" s="493"/>
      <c r="R5" s="493"/>
      <c r="S5" s="493"/>
      <c r="T5" s="493"/>
      <c r="U5" s="493"/>
      <c r="V5" s="493"/>
      <c r="W5" s="493"/>
      <c r="X5" s="494"/>
      <c r="Y5" s="492" t="s">
        <v>98</v>
      </c>
      <c r="Z5" s="493"/>
      <c r="AA5" s="493"/>
      <c r="AB5" s="493"/>
      <c r="AC5" s="493"/>
      <c r="AD5" s="493"/>
      <c r="AE5" s="493"/>
      <c r="AF5" s="493"/>
      <c r="AG5" s="493"/>
      <c r="AH5" s="493"/>
      <c r="AI5" s="494"/>
      <c r="AJ5" s="492" t="s">
        <v>99</v>
      </c>
      <c r="AK5" s="493"/>
      <c r="AL5" s="493"/>
      <c r="AM5" s="493"/>
      <c r="AN5" s="493"/>
      <c r="AO5" s="493"/>
      <c r="AP5" s="493"/>
      <c r="AQ5" s="493"/>
      <c r="AR5" s="493"/>
      <c r="AS5" s="493"/>
      <c r="AT5" s="494"/>
      <c r="AU5" s="492" t="s">
        <v>100</v>
      </c>
      <c r="AV5" s="493"/>
      <c r="AW5" s="493"/>
      <c r="AX5" s="493"/>
      <c r="AY5" s="493"/>
      <c r="AZ5" s="493"/>
      <c r="BA5" s="493"/>
      <c r="BB5" s="493"/>
      <c r="BC5" s="493"/>
      <c r="BD5" s="493"/>
      <c r="BE5" s="494"/>
      <c r="BF5" s="492" t="s">
        <v>101</v>
      </c>
      <c r="BG5" s="493"/>
      <c r="BH5" s="493"/>
      <c r="BI5" s="493"/>
      <c r="BJ5" s="493"/>
      <c r="BK5" s="493"/>
      <c r="BL5" s="493"/>
      <c r="BM5" s="493"/>
      <c r="BN5" s="493"/>
      <c r="BO5" s="493"/>
      <c r="BP5" s="494"/>
      <c r="BQ5" s="492" t="s">
        <v>102</v>
      </c>
      <c r="BR5" s="493"/>
      <c r="BS5" s="493"/>
      <c r="BT5" s="493"/>
      <c r="BU5" s="493"/>
      <c r="BV5" s="493"/>
      <c r="BW5" s="493"/>
      <c r="BX5" s="493"/>
      <c r="BY5" s="493"/>
      <c r="BZ5" s="493"/>
      <c r="CA5" s="494"/>
      <c r="CB5" s="486"/>
      <c r="CC5" s="487"/>
      <c r="CD5" s="487"/>
      <c r="CE5" s="487"/>
      <c r="CF5" s="487"/>
      <c r="CG5" s="487"/>
      <c r="CH5" s="487"/>
      <c r="CI5" s="487"/>
      <c r="CJ5" s="487"/>
      <c r="CK5" s="487"/>
      <c r="CL5" s="488"/>
      <c r="CM5" s="486"/>
      <c r="CN5" s="487"/>
      <c r="CO5" s="487"/>
      <c r="CP5" s="487"/>
      <c r="CQ5" s="487"/>
      <c r="CR5" s="487"/>
      <c r="CS5" s="487"/>
      <c r="CT5" s="487"/>
      <c r="CU5" s="487"/>
      <c r="CV5" s="487"/>
      <c r="CW5" s="488"/>
      <c r="CX5" s="489"/>
      <c r="CY5" s="490"/>
      <c r="CZ5" s="490"/>
      <c r="DA5" s="490"/>
      <c r="DB5" s="490"/>
      <c r="DC5" s="490"/>
      <c r="DD5" s="490"/>
      <c r="DE5" s="490"/>
      <c r="DF5" s="490"/>
      <c r="DG5" s="490"/>
      <c r="DH5" s="491"/>
      <c r="DI5" s="492" t="s">
        <v>97</v>
      </c>
      <c r="DJ5" s="493"/>
      <c r="DK5" s="493"/>
      <c r="DL5" s="493"/>
      <c r="DM5" s="493"/>
      <c r="DN5" s="493"/>
      <c r="DO5" s="493"/>
      <c r="DP5" s="493"/>
      <c r="DQ5" s="493"/>
      <c r="DR5" s="493"/>
      <c r="DS5" s="494"/>
      <c r="DT5" s="492" t="s">
        <v>98</v>
      </c>
      <c r="DU5" s="493"/>
      <c r="DV5" s="493"/>
      <c r="DW5" s="493"/>
      <c r="DX5" s="493"/>
      <c r="DY5" s="493"/>
      <c r="DZ5" s="493"/>
      <c r="EA5" s="493"/>
      <c r="EB5" s="493"/>
      <c r="EC5" s="493"/>
      <c r="ED5" s="494"/>
      <c r="EE5" s="492" t="s">
        <v>99</v>
      </c>
      <c r="EF5" s="493"/>
      <c r="EG5" s="493"/>
      <c r="EH5" s="493"/>
      <c r="EI5" s="493"/>
      <c r="EJ5" s="493"/>
      <c r="EK5" s="493"/>
      <c r="EL5" s="493"/>
      <c r="EM5" s="493"/>
      <c r="EN5" s="493"/>
      <c r="EO5" s="494"/>
      <c r="EP5" s="492" t="s">
        <v>100</v>
      </c>
      <c r="EQ5" s="493"/>
      <c r="ER5" s="493"/>
      <c r="ES5" s="493"/>
      <c r="ET5" s="493"/>
      <c r="EU5" s="493"/>
      <c r="EV5" s="493"/>
      <c r="EW5" s="493"/>
      <c r="EX5" s="493"/>
      <c r="EY5" s="493"/>
      <c r="EZ5" s="494"/>
      <c r="FA5" s="492" t="s">
        <v>101</v>
      </c>
      <c r="FB5" s="493"/>
      <c r="FC5" s="493"/>
      <c r="FD5" s="493"/>
      <c r="FE5" s="493"/>
      <c r="FF5" s="493"/>
      <c r="FG5" s="493"/>
      <c r="FH5" s="493"/>
      <c r="FI5" s="493"/>
      <c r="FJ5" s="493"/>
      <c r="FK5" s="494"/>
      <c r="FL5" s="492" t="s">
        <v>102</v>
      </c>
      <c r="FM5" s="493"/>
      <c r="FN5" s="493"/>
      <c r="FO5" s="493"/>
      <c r="FP5" s="493"/>
      <c r="FQ5" s="493"/>
      <c r="FR5" s="493"/>
      <c r="FS5" s="493"/>
      <c r="FT5" s="493"/>
      <c r="FU5" s="493"/>
      <c r="FV5" s="494"/>
      <c r="FW5" s="486"/>
      <c r="FX5" s="487"/>
      <c r="FY5" s="487"/>
      <c r="FZ5" s="487"/>
      <c r="GA5" s="487"/>
      <c r="GB5" s="487"/>
      <c r="GC5" s="487"/>
      <c r="GD5" s="487"/>
      <c r="GE5" s="487"/>
      <c r="GF5" s="487"/>
      <c r="GG5" s="488"/>
      <c r="GH5" s="486"/>
      <c r="GI5" s="487"/>
      <c r="GJ5" s="487"/>
      <c r="GK5" s="487"/>
      <c r="GL5" s="487"/>
      <c r="GM5" s="487"/>
      <c r="GN5" s="487"/>
      <c r="GO5" s="487"/>
      <c r="GP5" s="487"/>
      <c r="GQ5" s="487"/>
      <c r="GR5" s="488"/>
      <c r="GS5" s="489"/>
      <c r="GT5" s="490"/>
      <c r="GU5" s="490"/>
      <c r="GV5" s="490"/>
      <c r="GW5" s="490"/>
      <c r="GX5" s="490"/>
      <c r="GY5" s="490"/>
      <c r="GZ5" s="490"/>
      <c r="HA5" s="490"/>
      <c r="HB5" s="490"/>
      <c r="HC5" s="491"/>
      <c r="HD5" s="492" t="s">
        <v>97</v>
      </c>
      <c r="HE5" s="493"/>
      <c r="HF5" s="493"/>
      <c r="HG5" s="493"/>
      <c r="HH5" s="493"/>
      <c r="HI5" s="493"/>
      <c r="HJ5" s="493"/>
      <c r="HK5" s="493"/>
      <c r="HL5" s="493"/>
      <c r="HM5" s="493"/>
      <c r="HN5" s="494"/>
      <c r="HO5" s="492" t="s">
        <v>98</v>
      </c>
      <c r="HP5" s="493"/>
      <c r="HQ5" s="493"/>
      <c r="HR5" s="493"/>
      <c r="HS5" s="493"/>
      <c r="HT5" s="493"/>
      <c r="HU5" s="493"/>
      <c r="HV5" s="493"/>
      <c r="HW5" s="493"/>
      <c r="HX5" s="493"/>
      <c r="HY5" s="494"/>
      <c r="HZ5" s="492" t="s">
        <v>99</v>
      </c>
      <c r="IA5" s="493"/>
      <c r="IB5" s="493"/>
      <c r="IC5" s="493"/>
      <c r="ID5" s="493"/>
      <c r="IE5" s="493"/>
      <c r="IF5" s="493"/>
      <c r="IG5" s="493"/>
      <c r="IH5" s="493"/>
      <c r="II5" s="493"/>
      <c r="IJ5" s="494"/>
      <c r="IK5" s="492" t="s">
        <v>100</v>
      </c>
      <c r="IL5" s="493"/>
      <c r="IM5" s="493"/>
      <c r="IN5" s="493"/>
      <c r="IO5" s="493"/>
      <c r="IP5" s="493"/>
      <c r="IQ5" s="493"/>
      <c r="IR5" s="493"/>
      <c r="IS5" s="493"/>
      <c r="IT5" s="493"/>
      <c r="IU5" s="494"/>
      <c r="IV5" s="492" t="s">
        <v>101</v>
      </c>
      <c r="IW5" s="493"/>
      <c r="IX5" s="493"/>
      <c r="IY5" s="493"/>
      <c r="IZ5" s="493"/>
      <c r="JA5" s="493"/>
      <c r="JB5" s="493"/>
      <c r="JC5" s="493"/>
      <c r="JD5" s="493"/>
      <c r="JE5" s="493"/>
      <c r="JF5" s="494"/>
      <c r="JG5" s="492" t="s">
        <v>102</v>
      </c>
      <c r="JH5" s="493"/>
      <c r="JI5" s="493"/>
      <c r="JJ5" s="493"/>
      <c r="JK5" s="493"/>
      <c r="JL5" s="493"/>
      <c r="JM5" s="493"/>
      <c r="JN5" s="493"/>
      <c r="JO5" s="493"/>
      <c r="JP5" s="493"/>
      <c r="JQ5" s="494"/>
      <c r="JR5" s="486"/>
      <c r="JS5" s="487"/>
      <c r="JT5" s="487"/>
      <c r="JU5" s="487"/>
      <c r="JV5" s="487"/>
      <c r="JW5" s="487"/>
      <c r="JX5" s="487"/>
      <c r="JY5" s="487"/>
      <c r="JZ5" s="487"/>
      <c r="KA5" s="487"/>
      <c r="KB5" s="488"/>
      <c r="KC5" s="486"/>
      <c r="KD5" s="487"/>
      <c r="KE5" s="487"/>
      <c r="KF5" s="487"/>
      <c r="KG5" s="487"/>
      <c r="KH5" s="487"/>
      <c r="KI5" s="487"/>
      <c r="KJ5" s="487"/>
      <c r="KK5" s="487"/>
      <c r="KL5" s="487"/>
      <c r="KM5" s="488"/>
    </row>
    <row r="6" spans="2:299" ht="30" customHeight="1" thickBot="1" x14ac:dyDescent="0.25">
      <c r="B6" s="295" t="s">
        <v>42</v>
      </c>
      <c r="C6" s="43" t="s">
        <v>43</v>
      </c>
      <c r="D6" s="41" t="s">
        <v>44</v>
      </c>
      <c r="E6" s="42" t="s">
        <v>45</v>
      </c>
      <c r="F6" s="44" t="s">
        <v>46</v>
      </c>
      <c r="G6" s="41" t="s">
        <v>47</v>
      </c>
      <c r="H6" s="41" t="s">
        <v>48</v>
      </c>
      <c r="I6" s="41" t="s">
        <v>49</v>
      </c>
      <c r="J6" s="41" t="s">
        <v>50</v>
      </c>
      <c r="K6" s="41" t="s">
        <v>51</v>
      </c>
      <c r="L6" s="42" t="s">
        <v>45</v>
      </c>
      <c r="M6" s="45" t="s">
        <v>52</v>
      </c>
      <c r="N6" s="332" t="s">
        <v>43</v>
      </c>
      <c r="O6" s="333" t="s">
        <v>44</v>
      </c>
      <c r="P6" s="334" t="s">
        <v>45</v>
      </c>
      <c r="Q6" s="335" t="s">
        <v>46</v>
      </c>
      <c r="R6" s="333" t="s">
        <v>47</v>
      </c>
      <c r="S6" s="333" t="s">
        <v>48</v>
      </c>
      <c r="T6" s="333" t="s">
        <v>49</v>
      </c>
      <c r="U6" s="333" t="s">
        <v>50</v>
      </c>
      <c r="V6" s="333" t="s">
        <v>51</v>
      </c>
      <c r="W6" s="334" t="s">
        <v>45</v>
      </c>
      <c r="X6" s="331" t="s">
        <v>52</v>
      </c>
      <c r="Y6" s="332" t="s">
        <v>43</v>
      </c>
      <c r="Z6" s="333" t="s">
        <v>44</v>
      </c>
      <c r="AA6" s="334" t="s">
        <v>45</v>
      </c>
      <c r="AB6" s="335" t="s">
        <v>46</v>
      </c>
      <c r="AC6" s="333" t="s">
        <v>47</v>
      </c>
      <c r="AD6" s="333" t="s">
        <v>48</v>
      </c>
      <c r="AE6" s="333" t="s">
        <v>49</v>
      </c>
      <c r="AF6" s="333" t="s">
        <v>50</v>
      </c>
      <c r="AG6" s="333" t="s">
        <v>51</v>
      </c>
      <c r="AH6" s="334" t="s">
        <v>45</v>
      </c>
      <c r="AI6" s="336" t="s">
        <v>52</v>
      </c>
      <c r="AJ6" s="332" t="s">
        <v>43</v>
      </c>
      <c r="AK6" s="333" t="s">
        <v>44</v>
      </c>
      <c r="AL6" s="334" t="s">
        <v>45</v>
      </c>
      <c r="AM6" s="335" t="s">
        <v>46</v>
      </c>
      <c r="AN6" s="333" t="s">
        <v>47</v>
      </c>
      <c r="AO6" s="333" t="s">
        <v>48</v>
      </c>
      <c r="AP6" s="333" t="s">
        <v>49</v>
      </c>
      <c r="AQ6" s="333" t="s">
        <v>50</v>
      </c>
      <c r="AR6" s="333" t="s">
        <v>51</v>
      </c>
      <c r="AS6" s="334" t="s">
        <v>45</v>
      </c>
      <c r="AT6" s="336" t="s">
        <v>52</v>
      </c>
      <c r="AU6" s="332" t="s">
        <v>43</v>
      </c>
      <c r="AV6" s="333" t="s">
        <v>44</v>
      </c>
      <c r="AW6" s="334" t="s">
        <v>45</v>
      </c>
      <c r="AX6" s="335" t="s">
        <v>46</v>
      </c>
      <c r="AY6" s="333" t="s">
        <v>47</v>
      </c>
      <c r="AZ6" s="333" t="s">
        <v>48</v>
      </c>
      <c r="BA6" s="333" t="s">
        <v>49</v>
      </c>
      <c r="BB6" s="333" t="s">
        <v>50</v>
      </c>
      <c r="BC6" s="333" t="s">
        <v>51</v>
      </c>
      <c r="BD6" s="334" t="s">
        <v>45</v>
      </c>
      <c r="BE6" s="336" t="s">
        <v>52</v>
      </c>
      <c r="BF6" s="332" t="s">
        <v>43</v>
      </c>
      <c r="BG6" s="333" t="s">
        <v>44</v>
      </c>
      <c r="BH6" s="334" t="s">
        <v>45</v>
      </c>
      <c r="BI6" s="335" t="s">
        <v>46</v>
      </c>
      <c r="BJ6" s="333" t="s">
        <v>47</v>
      </c>
      <c r="BK6" s="333" t="s">
        <v>48</v>
      </c>
      <c r="BL6" s="333" t="s">
        <v>49</v>
      </c>
      <c r="BM6" s="333" t="s">
        <v>50</v>
      </c>
      <c r="BN6" s="333" t="s">
        <v>51</v>
      </c>
      <c r="BO6" s="334" t="s">
        <v>45</v>
      </c>
      <c r="BP6" s="336" t="s">
        <v>52</v>
      </c>
      <c r="BQ6" s="332" t="s">
        <v>43</v>
      </c>
      <c r="BR6" s="333" t="s">
        <v>44</v>
      </c>
      <c r="BS6" s="334" t="s">
        <v>45</v>
      </c>
      <c r="BT6" s="335" t="s">
        <v>46</v>
      </c>
      <c r="BU6" s="333" t="s">
        <v>47</v>
      </c>
      <c r="BV6" s="333" t="s">
        <v>48</v>
      </c>
      <c r="BW6" s="333" t="s">
        <v>49</v>
      </c>
      <c r="BX6" s="333" t="s">
        <v>50</v>
      </c>
      <c r="BY6" s="333" t="s">
        <v>51</v>
      </c>
      <c r="BZ6" s="334" t="s">
        <v>45</v>
      </c>
      <c r="CA6" s="336" t="s">
        <v>52</v>
      </c>
      <c r="CB6" s="332" t="s">
        <v>43</v>
      </c>
      <c r="CC6" s="333" t="s">
        <v>44</v>
      </c>
      <c r="CD6" s="334" t="s">
        <v>45</v>
      </c>
      <c r="CE6" s="335" t="s">
        <v>46</v>
      </c>
      <c r="CF6" s="333" t="s">
        <v>47</v>
      </c>
      <c r="CG6" s="333" t="s">
        <v>48</v>
      </c>
      <c r="CH6" s="333" t="s">
        <v>49</v>
      </c>
      <c r="CI6" s="333" t="s">
        <v>50</v>
      </c>
      <c r="CJ6" s="333" t="s">
        <v>51</v>
      </c>
      <c r="CK6" s="334" t="s">
        <v>45</v>
      </c>
      <c r="CL6" s="336" t="s">
        <v>52</v>
      </c>
      <c r="CM6" s="332" t="s">
        <v>43</v>
      </c>
      <c r="CN6" s="333" t="s">
        <v>44</v>
      </c>
      <c r="CO6" s="334" t="s">
        <v>45</v>
      </c>
      <c r="CP6" s="335" t="s">
        <v>46</v>
      </c>
      <c r="CQ6" s="333" t="s">
        <v>47</v>
      </c>
      <c r="CR6" s="333" t="s">
        <v>48</v>
      </c>
      <c r="CS6" s="333" t="s">
        <v>49</v>
      </c>
      <c r="CT6" s="333" t="s">
        <v>50</v>
      </c>
      <c r="CU6" s="333" t="s">
        <v>51</v>
      </c>
      <c r="CV6" s="334" t="s">
        <v>45</v>
      </c>
      <c r="CW6" s="336" t="s">
        <v>52</v>
      </c>
      <c r="CX6" s="43" t="s">
        <v>43</v>
      </c>
      <c r="CY6" s="41" t="s">
        <v>44</v>
      </c>
      <c r="CZ6" s="42" t="s">
        <v>45</v>
      </c>
      <c r="DA6" s="44" t="s">
        <v>46</v>
      </c>
      <c r="DB6" s="41" t="s">
        <v>47</v>
      </c>
      <c r="DC6" s="41" t="s">
        <v>48</v>
      </c>
      <c r="DD6" s="41" t="s">
        <v>49</v>
      </c>
      <c r="DE6" s="41" t="s">
        <v>50</v>
      </c>
      <c r="DF6" s="41" t="s">
        <v>51</v>
      </c>
      <c r="DG6" s="42" t="s">
        <v>45</v>
      </c>
      <c r="DH6" s="45" t="s">
        <v>52</v>
      </c>
      <c r="DI6" s="332" t="s">
        <v>43</v>
      </c>
      <c r="DJ6" s="333" t="s">
        <v>44</v>
      </c>
      <c r="DK6" s="334" t="s">
        <v>45</v>
      </c>
      <c r="DL6" s="335" t="s">
        <v>46</v>
      </c>
      <c r="DM6" s="333" t="s">
        <v>47</v>
      </c>
      <c r="DN6" s="333" t="s">
        <v>48</v>
      </c>
      <c r="DO6" s="333" t="s">
        <v>49</v>
      </c>
      <c r="DP6" s="333" t="s">
        <v>50</v>
      </c>
      <c r="DQ6" s="333" t="s">
        <v>51</v>
      </c>
      <c r="DR6" s="334" t="s">
        <v>45</v>
      </c>
      <c r="DS6" s="336" t="s">
        <v>52</v>
      </c>
      <c r="DT6" s="332" t="s">
        <v>43</v>
      </c>
      <c r="DU6" s="333" t="s">
        <v>44</v>
      </c>
      <c r="DV6" s="334" t="s">
        <v>45</v>
      </c>
      <c r="DW6" s="335" t="s">
        <v>46</v>
      </c>
      <c r="DX6" s="333" t="s">
        <v>47</v>
      </c>
      <c r="DY6" s="333" t="s">
        <v>48</v>
      </c>
      <c r="DZ6" s="333" t="s">
        <v>49</v>
      </c>
      <c r="EA6" s="333" t="s">
        <v>50</v>
      </c>
      <c r="EB6" s="333" t="s">
        <v>51</v>
      </c>
      <c r="EC6" s="334" t="s">
        <v>45</v>
      </c>
      <c r="ED6" s="336" t="s">
        <v>52</v>
      </c>
      <c r="EE6" s="332" t="s">
        <v>43</v>
      </c>
      <c r="EF6" s="333" t="s">
        <v>44</v>
      </c>
      <c r="EG6" s="334" t="s">
        <v>45</v>
      </c>
      <c r="EH6" s="335" t="s">
        <v>46</v>
      </c>
      <c r="EI6" s="333" t="s">
        <v>47</v>
      </c>
      <c r="EJ6" s="333" t="s">
        <v>48</v>
      </c>
      <c r="EK6" s="333" t="s">
        <v>49</v>
      </c>
      <c r="EL6" s="333" t="s">
        <v>50</v>
      </c>
      <c r="EM6" s="333" t="s">
        <v>51</v>
      </c>
      <c r="EN6" s="334" t="s">
        <v>45</v>
      </c>
      <c r="EO6" s="336" t="s">
        <v>52</v>
      </c>
      <c r="EP6" s="332" t="s">
        <v>43</v>
      </c>
      <c r="EQ6" s="333" t="s">
        <v>44</v>
      </c>
      <c r="ER6" s="334" t="s">
        <v>45</v>
      </c>
      <c r="ES6" s="335" t="s">
        <v>46</v>
      </c>
      <c r="ET6" s="333" t="s">
        <v>47</v>
      </c>
      <c r="EU6" s="333" t="s">
        <v>48</v>
      </c>
      <c r="EV6" s="333" t="s">
        <v>49</v>
      </c>
      <c r="EW6" s="333" t="s">
        <v>50</v>
      </c>
      <c r="EX6" s="333" t="s">
        <v>51</v>
      </c>
      <c r="EY6" s="334" t="s">
        <v>45</v>
      </c>
      <c r="EZ6" s="336" t="s">
        <v>52</v>
      </c>
      <c r="FA6" s="332" t="s">
        <v>43</v>
      </c>
      <c r="FB6" s="333" t="s">
        <v>44</v>
      </c>
      <c r="FC6" s="334" t="s">
        <v>45</v>
      </c>
      <c r="FD6" s="335" t="s">
        <v>46</v>
      </c>
      <c r="FE6" s="333" t="s">
        <v>47</v>
      </c>
      <c r="FF6" s="333" t="s">
        <v>48</v>
      </c>
      <c r="FG6" s="333" t="s">
        <v>49</v>
      </c>
      <c r="FH6" s="333" t="s">
        <v>50</v>
      </c>
      <c r="FI6" s="333" t="s">
        <v>51</v>
      </c>
      <c r="FJ6" s="334" t="s">
        <v>45</v>
      </c>
      <c r="FK6" s="336" t="s">
        <v>52</v>
      </c>
      <c r="FL6" s="332" t="s">
        <v>43</v>
      </c>
      <c r="FM6" s="333" t="s">
        <v>44</v>
      </c>
      <c r="FN6" s="334" t="s">
        <v>45</v>
      </c>
      <c r="FO6" s="335" t="s">
        <v>46</v>
      </c>
      <c r="FP6" s="333" t="s">
        <v>47</v>
      </c>
      <c r="FQ6" s="333" t="s">
        <v>48</v>
      </c>
      <c r="FR6" s="333" t="s">
        <v>49</v>
      </c>
      <c r="FS6" s="333" t="s">
        <v>50</v>
      </c>
      <c r="FT6" s="333" t="s">
        <v>51</v>
      </c>
      <c r="FU6" s="334" t="s">
        <v>45</v>
      </c>
      <c r="FV6" s="336" t="s">
        <v>52</v>
      </c>
      <c r="FW6" s="332" t="s">
        <v>43</v>
      </c>
      <c r="FX6" s="333" t="s">
        <v>44</v>
      </c>
      <c r="FY6" s="334" t="s">
        <v>45</v>
      </c>
      <c r="FZ6" s="335" t="s">
        <v>46</v>
      </c>
      <c r="GA6" s="333" t="s">
        <v>47</v>
      </c>
      <c r="GB6" s="333" t="s">
        <v>48</v>
      </c>
      <c r="GC6" s="333" t="s">
        <v>49</v>
      </c>
      <c r="GD6" s="333" t="s">
        <v>50</v>
      </c>
      <c r="GE6" s="333" t="s">
        <v>51</v>
      </c>
      <c r="GF6" s="334" t="s">
        <v>45</v>
      </c>
      <c r="GG6" s="336" t="s">
        <v>52</v>
      </c>
      <c r="GH6" s="332" t="s">
        <v>43</v>
      </c>
      <c r="GI6" s="333" t="s">
        <v>44</v>
      </c>
      <c r="GJ6" s="334" t="s">
        <v>45</v>
      </c>
      <c r="GK6" s="335" t="s">
        <v>46</v>
      </c>
      <c r="GL6" s="333" t="s">
        <v>47</v>
      </c>
      <c r="GM6" s="333" t="s">
        <v>48</v>
      </c>
      <c r="GN6" s="333" t="s">
        <v>49</v>
      </c>
      <c r="GO6" s="333" t="s">
        <v>50</v>
      </c>
      <c r="GP6" s="333" t="s">
        <v>51</v>
      </c>
      <c r="GQ6" s="334" t="s">
        <v>45</v>
      </c>
      <c r="GR6" s="336" t="s">
        <v>52</v>
      </c>
      <c r="GS6" s="43" t="s">
        <v>43</v>
      </c>
      <c r="GT6" s="41" t="s">
        <v>44</v>
      </c>
      <c r="GU6" s="42" t="s">
        <v>45</v>
      </c>
      <c r="GV6" s="44" t="s">
        <v>46</v>
      </c>
      <c r="GW6" s="41" t="s">
        <v>47</v>
      </c>
      <c r="GX6" s="41" t="s">
        <v>48</v>
      </c>
      <c r="GY6" s="41" t="s">
        <v>49</v>
      </c>
      <c r="GZ6" s="41" t="s">
        <v>50</v>
      </c>
      <c r="HA6" s="41" t="s">
        <v>51</v>
      </c>
      <c r="HB6" s="42" t="s">
        <v>45</v>
      </c>
      <c r="HC6" s="45" t="s">
        <v>52</v>
      </c>
      <c r="HD6" s="332" t="s">
        <v>43</v>
      </c>
      <c r="HE6" s="333" t="s">
        <v>44</v>
      </c>
      <c r="HF6" s="334" t="s">
        <v>45</v>
      </c>
      <c r="HG6" s="335" t="s">
        <v>46</v>
      </c>
      <c r="HH6" s="333" t="s">
        <v>47</v>
      </c>
      <c r="HI6" s="333" t="s">
        <v>48</v>
      </c>
      <c r="HJ6" s="333" t="s">
        <v>49</v>
      </c>
      <c r="HK6" s="333" t="s">
        <v>50</v>
      </c>
      <c r="HL6" s="333" t="s">
        <v>51</v>
      </c>
      <c r="HM6" s="334" t="s">
        <v>45</v>
      </c>
      <c r="HN6" s="336" t="s">
        <v>52</v>
      </c>
      <c r="HO6" s="332" t="s">
        <v>43</v>
      </c>
      <c r="HP6" s="333" t="s">
        <v>44</v>
      </c>
      <c r="HQ6" s="334" t="s">
        <v>45</v>
      </c>
      <c r="HR6" s="335" t="s">
        <v>46</v>
      </c>
      <c r="HS6" s="333" t="s">
        <v>47</v>
      </c>
      <c r="HT6" s="333" t="s">
        <v>48</v>
      </c>
      <c r="HU6" s="333" t="s">
        <v>49</v>
      </c>
      <c r="HV6" s="333" t="s">
        <v>50</v>
      </c>
      <c r="HW6" s="333" t="s">
        <v>51</v>
      </c>
      <c r="HX6" s="334" t="s">
        <v>45</v>
      </c>
      <c r="HY6" s="336" t="s">
        <v>52</v>
      </c>
      <c r="HZ6" s="332" t="s">
        <v>43</v>
      </c>
      <c r="IA6" s="333" t="s">
        <v>44</v>
      </c>
      <c r="IB6" s="334" t="s">
        <v>45</v>
      </c>
      <c r="IC6" s="335" t="s">
        <v>46</v>
      </c>
      <c r="ID6" s="333" t="s">
        <v>47</v>
      </c>
      <c r="IE6" s="333" t="s">
        <v>48</v>
      </c>
      <c r="IF6" s="333" t="s">
        <v>49</v>
      </c>
      <c r="IG6" s="333" t="s">
        <v>50</v>
      </c>
      <c r="IH6" s="333" t="s">
        <v>51</v>
      </c>
      <c r="II6" s="334" t="s">
        <v>45</v>
      </c>
      <c r="IJ6" s="336" t="s">
        <v>52</v>
      </c>
      <c r="IK6" s="332" t="s">
        <v>43</v>
      </c>
      <c r="IL6" s="333" t="s">
        <v>44</v>
      </c>
      <c r="IM6" s="334" t="s">
        <v>45</v>
      </c>
      <c r="IN6" s="335" t="s">
        <v>46</v>
      </c>
      <c r="IO6" s="333" t="s">
        <v>47</v>
      </c>
      <c r="IP6" s="333" t="s">
        <v>48</v>
      </c>
      <c r="IQ6" s="333" t="s">
        <v>49</v>
      </c>
      <c r="IR6" s="333" t="s">
        <v>50</v>
      </c>
      <c r="IS6" s="333" t="s">
        <v>51</v>
      </c>
      <c r="IT6" s="334" t="s">
        <v>45</v>
      </c>
      <c r="IU6" s="336" t="s">
        <v>52</v>
      </c>
      <c r="IV6" s="332" t="s">
        <v>43</v>
      </c>
      <c r="IW6" s="333" t="s">
        <v>44</v>
      </c>
      <c r="IX6" s="334" t="s">
        <v>45</v>
      </c>
      <c r="IY6" s="335" t="s">
        <v>46</v>
      </c>
      <c r="IZ6" s="333" t="s">
        <v>47</v>
      </c>
      <c r="JA6" s="333" t="s">
        <v>48</v>
      </c>
      <c r="JB6" s="333" t="s">
        <v>49</v>
      </c>
      <c r="JC6" s="333" t="s">
        <v>50</v>
      </c>
      <c r="JD6" s="333" t="s">
        <v>51</v>
      </c>
      <c r="JE6" s="334" t="s">
        <v>45</v>
      </c>
      <c r="JF6" s="336" t="s">
        <v>52</v>
      </c>
      <c r="JG6" s="332" t="s">
        <v>43</v>
      </c>
      <c r="JH6" s="333" t="s">
        <v>44</v>
      </c>
      <c r="JI6" s="334" t="s">
        <v>45</v>
      </c>
      <c r="JJ6" s="335" t="s">
        <v>46</v>
      </c>
      <c r="JK6" s="333" t="s">
        <v>47</v>
      </c>
      <c r="JL6" s="333" t="s">
        <v>48</v>
      </c>
      <c r="JM6" s="333" t="s">
        <v>49</v>
      </c>
      <c r="JN6" s="333" t="s">
        <v>50</v>
      </c>
      <c r="JO6" s="333" t="s">
        <v>51</v>
      </c>
      <c r="JP6" s="334" t="s">
        <v>45</v>
      </c>
      <c r="JQ6" s="336" t="s">
        <v>52</v>
      </c>
      <c r="JR6" s="332" t="s">
        <v>43</v>
      </c>
      <c r="JS6" s="333" t="s">
        <v>44</v>
      </c>
      <c r="JT6" s="334" t="s">
        <v>45</v>
      </c>
      <c r="JU6" s="335" t="s">
        <v>46</v>
      </c>
      <c r="JV6" s="333" t="s">
        <v>47</v>
      </c>
      <c r="JW6" s="333" t="s">
        <v>48</v>
      </c>
      <c r="JX6" s="333" t="s">
        <v>49</v>
      </c>
      <c r="JY6" s="333" t="s">
        <v>50</v>
      </c>
      <c r="JZ6" s="333" t="s">
        <v>51</v>
      </c>
      <c r="KA6" s="334" t="s">
        <v>45</v>
      </c>
      <c r="KB6" s="336" t="s">
        <v>52</v>
      </c>
      <c r="KC6" s="332" t="s">
        <v>43</v>
      </c>
      <c r="KD6" s="333" t="s">
        <v>44</v>
      </c>
      <c r="KE6" s="334" t="s">
        <v>45</v>
      </c>
      <c r="KF6" s="335" t="s">
        <v>46</v>
      </c>
      <c r="KG6" s="333" t="s">
        <v>47</v>
      </c>
      <c r="KH6" s="333" t="s">
        <v>48</v>
      </c>
      <c r="KI6" s="333" t="s">
        <v>49</v>
      </c>
      <c r="KJ6" s="333" t="s">
        <v>50</v>
      </c>
      <c r="KK6" s="333" t="s">
        <v>51</v>
      </c>
      <c r="KL6" s="334" t="s">
        <v>45</v>
      </c>
      <c r="KM6" s="336" t="s">
        <v>52</v>
      </c>
    </row>
    <row r="7" spans="2:299" ht="21" customHeight="1" x14ac:dyDescent="0.2">
      <c r="B7" s="470" t="s">
        <v>4</v>
      </c>
      <c r="C7" s="292">
        <v>20359</v>
      </c>
      <c r="D7" s="68">
        <v>21027</v>
      </c>
      <c r="E7" s="69">
        <v>41386</v>
      </c>
      <c r="F7" s="227"/>
      <c r="G7" s="68">
        <v>30958</v>
      </c>
      <c r="H7" s="68">
        <v>30804</v>
      </c>
      <c r="I7" s="68">
        <v>20680</v>
      </c>
      <c r="J7" s="68">
        <v>17272</v>
      </c>
      <c r="K7" s="68">
        <v>10575</v>
      </c>
      <c r="L7" s="70">
        <v>110289</v>
      </c>
      <c r="M7" s="71">
        <v>151675</v>
      </c>
      <c r="N7" s="56">
        <v>825</v>
      </c>
      <c r="O7" s="57">
        <v>1041</v>
      </c>
      <c r="P7" s="58">
        <v>1866</v>
      </c>
      <c r="Q7" s="230"/>
      <c r="R7" s="57">
        <v>1341</v>
      </c>
      <c r="S7" s="57">
        <v>1549</v>
      </c>
      <c r="T7" s="57">
        <v>1031</v>
      </c>
      <c r="U7" s="57">
        <v>958</v>
      </c>
      <c r="V7" s="57">
        <v>721</v>
      </c>
      <c r="W7" s="58">
        <v>5600</v>
      </c>
      <c r="X7" s="59">
        <v>7466</v>
      </c>
      <c r="Y7" s="56">
        <v>1885</v>
      </c>
      <c r="Z7" s="57">
        <v>2342</v>
      </c>
      <c r="AA7" s="58">
        <v>4227</v>
      </c>
      <c r="AB7" s="230"/>
      <c r="AC7" s="57">
        <v>2817</v>
      </c>
      <c r="AD7" s="57">
        <v>3398</v>
      </c>
      <c r="AE7" s="57">
        <v>2159</v>
      </c>
      <c r="AF7" s="57">
        <v>1904</v>
      </c>
      <c r="AG7" s="57">
        <v>1438</v>
      </c>
      <c r="AH7" s="58">
        <v>11716</v>
      </c>
      <c r="AI7" s="59">
        <v>15943</v>
      </c>
      <c r="AJ7" s="56">
        <v>3131</v>
      </c>
      <c r="AK7" s="57">
        <v>3509</v>
      </c>
      <c r="AL7" s="58">
        <v>6640</v>
      </c>
      <c r="AM7" s="230"/>
      <c r="AN7" s="57">
        <v>4856</v>
      </c>
      <c r="AO7" s="57">
        <v>5006</v>
      </c>
      <c r="AP7" s="57">
        <v>3409</v>
      </c>
      <c r="AQ7" s="57">
        <v>2858</v>
      </c>
      <c r="AR7" s="57">
        <v>1956</v>
      </c>
      <c r="AS7" s="58">
        <v>18085</v>
      </c>
      <c r="AT7" s="59">
        <v>24725</v>
      </c>
      <c r="AU7" s="56">
        <v>5353</v>
      </c>
      <c r="AV7" s="57">
        <v>5198</v>
      </c>
      <c r="AW7" s="58">
        <v>10551</v>
      </c>
      <c r="AX7" s="230"/>
      <c r="AY7" s="57">
        <v>7995</v>
      </c>
      <c r="AZ7" s="57">
        <v>7459</v>
      </c>
      <c r="BA7" s="57">
        <v>4779</v>
      </c>
      <c r="BB7" s="57">
        <v>3980</v>
      </c>
      <c r="BC7" s="57">
        <v>2451</v>
      </c>
      <c r="BD7" s="58">
        <v>26664</v>
      </c>
      <c r="BE7" s="59">
        <v>37215</v>
      </c>
      <c r="BF7" s="56">
        <v>5796</v>
      </c>
      <c r="BG7" s="57">
        <v>5358</v>
      </c>
      <c r="BH7" s="58">
        <v>11154</v>
      </c>
      <c r="BI7" s="230"/>
      <c r="BJ7" s="57">
        <v>8378</v>
      </c>
      <c r="BK7" s="57">
        <v>7470</v>
      </c>
      <c r="BL7" s="57">
        <v>5081</v>
      </c>
      <c r="BM7" s="57">
        <v>4104</v>
      </c>
      <c r="BN7" s="57">
        <v>2236</v>
      </c>
      <c r="BO7" s="58">
        <v>27269</v>
      </c>
      <c r="BP7" s="59">
        <v>38423</v>
      </c>
      <c r="BQ7" s="56">
        <v>3369</v>
      </c>
      <c r="BR7" s="57">
        <v>3579</v>
      </c>
      <c r="BS7" s="58">
        <v>6948</v>
      </c>
      <c r="BT7" s="230"/>
      <c r="BU7" s="57">
        <v>5571</v>
      </c>
      <c r="BV7" s="57">
        <v>5922</v>
      </c>
      <c r="BW7" s="57">
        <v>4221</v>
      </c>
      <c r="BX7" s="57">
        <v>3468</v>
      </c>
      <c r="BY7" s="57">
        <v>1773</v>
      </c>
      <c r="BZ7" s="58">
        <v>20955</v>
      </c>
      <c r="CA7" s="59">
        <v>27903</v>
      </c>
      <c r="CB7" s="56">
        <v>519</v>
      </c>
      <c r="CC7" s="57">
        <v>810</v>
      </c>
      <c r="CD7" s="58">
        <v>1329</v>
      </c>
      <c r="CE7" s="230"/>
      <c r="CF7" s="57">
        <v>868</v>
      </c>
      <c r="CG7" s="57">
        <v>1382</v>
      </c>
      <c r="CH7" s="57">
        <v>832</v>
      </c>
      <c r="CI7" s="57">
        <v>796</v>
      </c>
      <c r="CJ7" s="57">
        <v>743</v>
      </c>
      <c r="CK7" s="58">
        <v>4621</v>
      </c>
      <c r="CL7" s="59">
        <v>5950</v>
      </c>
      <c r="CM7" s="56">
        <v>20878</v>
      </c>
      <c r="CN7" s="57">
        <v>21837</v>
      </c>
      <c r="CO7" s="58">
        <v>42715</v>
      </c>
      <c r="CP7" s="230"/>
      <c r="CQ7" s="57">
        <v>31826</v>
      </c>
      <c r="CR7" s="57">
        <v>32186</v>
      </c>
      <c r="CS7" s="57">
        <v>21512</v>
      </c>
      <c r="CT7" s="57">
        <v>18068</v>
      </c>
      <c r="CU7" s="57">
        <v>11318</v>
      </c>
      <c r="CV7" s="58">
        <v>114910</v>
      </c>
      <c r="CW7" s="59">
        <v>157625</v>
      </c>
      <c r="CX7" s="112">
        <v>38998</v>
      </c>
      <c r="CY7" s="68">
        <v>46015</v>
      </c>
      <c r="CZ7" s="69">
        <v>85013</v>
      </c>
      <c r="DA7" s="227"/>
      <c r="DB7" s="68">
        <v>56465</v>
      </c>
      <c r="DC7" s="68">
        <v>53645</v>
      </c>
      <c r="DD7" s="68">
        <v>39388</v>
      </c>
      <c r="DE7" s="68">
        <v>38691</v>
      </c>
      <c r="DF7" s="68">
        <v>25762</v>
      </c>
      <c r="DG7" s="70">
        <v>213951</v>
      </c>
      <c r="DH7" s="71">
        <v>298964</v>
      </c>
      <c r="DI7" s="56">
        <v>807</v>
      </c>
      <c r="DJ7" s="57">
        <v>1089</v>
      </c>
      <c r="DK7" s="58">
        <v>1896</v>
      </c>
      <c r="DL7" s="230"/>
      <c r="DM7" s="57">
        <v>966</v>
      </c>
      <c r="DN7" s="57">
        <v>1068</v>
      </c>
      <c r="DO7" s="57">
        <v>685</v>
      </c>
      <c r="DP7" s="57">
        <v>693</v>
      </c>
      <c r="DQ7" s="57">
        <v>573</v>
      </c>
      <c r="DR7" s="58">
        <v>3985</v>
      </c>
      <c r="DS7" s="59">
        <v>5881</v>
      </c>
      <c r="DT7" s="56">
        <v>2560</v>
      </c>
      <c r="DU7" s="57">
        <v>3053</v>
      </c>
      <c r="DV7" s="58">
        <v>5613</v>
      </c>
      <c r="DW7" s="230"/>
      <c r="DX7" s="57">
        <v>2834</v>
      </c>
      <c r="DY7" s="57">
        <v>2785</v>
      </c>
      <c r="DZ7" s="57">
        <v>1771</v>
      </c>
      <c r="EA7" s="57">
        <v>1766</v>
      </c>
      <c r="EB7" s="57">
        <v>1384</v>
      </c>
      <c r="EC7" s="58">
        <v>10540</v>
      </c>
      <c r="ED7" s="59">
        <v>16153</v>
      </c>
      <c r="EE7" s="56">
        <v>5993</v>
      </c>
      <c r="EF7" s="57">
        <v>6779</v>
      </c>
      <c r="EG7" s="58">
        <v>12772</v>
      </c>
      <c r="EH7" s="230"/>
      <c r="EI7" s="57">
        <v>6677</v>
      </c>
      <c r="EJ7" s="57">
        <v>5681</v>
      </c>
      <c r="EK7" s="57">
        <v>3611</v>
      </c>
      <c r="EL7" s="57">
        <v>3307</v>
      </c>
      <c r="EM7" s="57">
        <v>2715</v>
      </c>
      <c r="EN7" s="58">
        <v>21991</v>
      </c>
      <c r="EO7" s="59">
        <v>34763</v>
      </c>
      <c r="EP7" s="56">
        <v>12083</v>
      </c>
      <c r="EQ7" s="57">
        <v>12685</v>
      </c>
      <c r="ER7" s="58">
        <v>24768</v>
      </c>
      <c r="ES7" s="230"/>
      <c r="ET7" s="57">
        <v>13874</v>
      </c>
      <c r="EU7" s="57">
        <v>11423</v>
      </c>
      <c r="EV7" s="57">
        <v>7417</v>
      </c>
      <c r="EW7" s="57">
        <v>6753</v>
      </c>
      <c r="EX7" s="57">
        <v>4580</v>
      </c>
      <c r="EY7" s="58">
        <v>44047</v>
      </c>
      <c r="EZ7" s="59">
        <v>68815</v>
      </c>
      <c r="FA7" s="56">
        <v>11447</v>
      </c>
      <c r="FB7" s="57">
        <v>13530</v>
      </c>
      <c r="FC7" s="58">
        <v>24977</v>
      </c>
      <c r="FD7" s="230"/>
      <c r="FE7" s="57">
        <v>17243</v>
      </c>
      <c r="FF7" s="57">
        <v>15427</v>
      </c>
      <c r="FG7" s="57">
        <v>10774</v>
      </c>
      <c r="FH7" s="57">
        <v>9717</v>
      </c>
      <c r="FI7" s="57">
        <v>6589</v>
      </c>
      <c r="FJ7" s="58">
        <v>59750</v>
      </c>
      <c r="FK7" s="59">
        <v>84727</v>
      </c>
      <c r="FL7" s="56">
        <v>6108</v>
      </c>
      <c r="FM7" s="57">
        <v>8879</v>
      </c>
      <c r="FN7" s="58">
        <v>14987</v>
      </c>
      <c r="FO7" s="230"/>
      <c r="FP7" s="57">
        <v>14871</v>
      </c>
      <c r="FQ7" s="57">
        <v>17261</v>
      </c>
      <c r="FR7" s="57">
        <v>15130</v>
      </c>
      <c r="FS7" s="57">
        <v>16455</v>
      </c>
      <c r="FT7" s="57">
        <v>9921</v>
      </c>
      <c r="FU7" s="58">
        <v>73638</v>
      </c>
      <c r="FV7" s="59">
        <v>88625</v>
      </c>
      <c r="FW7" s="56">
        <v>379</v>
      </c>
      <c r="FX7" s="57">
        <v>702</v>
      </c>
      <c r="FY7" s="58">
        <v>1081</v>
      </c>
      <c r="FZ7" s="230"/>
      <c r="GA7" s="57">
        <v>679</v>
      </c>
      <c r="GB7" s="57">
        <v>1097</v>
      </c>
      <c r="GC7" s="57">
        <v>628</v>
      </c>
      <c r="GD7" s="57">
        <v>576</v>
      </c>
      <c r="GE7" s="57">
        <v>607</v>
      </c>
      <c r="GF7" s="58">
        <v>3587</v>
      </c>
      <c r="GG7" s="59">
        <v>4668</v>
      </c>
      <c r="GH7" s="56">
        <v>39377</v>
      </c>
      <c r="GI7" s="57">
        <v>46717</v>
      </c>
      <c r="GJ7" s="58">
        <v>86094</v>
      </c>
      <c r="GK7" s="230"/>
      <c r="GL7" s="57">
        <v>57144</v>
      </c>
      <c r="GM7" s="57">
        <v>54742</v>
      </c>
      <c r="GN7" s="57">
        <v>40016</v>
      </c>
      <c r="GO7" s="57">
        <v>39267</v>
      </c>
      <c r="GP7" s="57">
        <v>26369</v>
      </c>
      <c r="GQ7" s="58">
        <v>217538</v>
      </c>
      <c r="GR7" s="59">
        <v>303632</v>
      </c>
      <c r="GS7" s="112">
        <v>59357</v>
      </c>
      <c r="GT7" s="68">
        <v>67042</v>
      </c>
      <c r="GU7" s="69">
        <v>126399</v>
      </c>
      <c r="GV7" s="227"/>
      <c r="GW7" s="68">
        <v>87423</v>
      </c>
      <c r="GX7" s="68">
        <v>84449</v>
      </c>
      <c r="GY7" s="68">
        <v>60068</v>
      </c>
      <c r="GZ7" s="68">
        <v>55963</v>
      </c>
      <c r="HA7" s="68">
        <v>36337</v>
      </c>
      <c r="HB7" s="70">
        <v>324240</v>
      </c>
      <c r="HC7" s="71">
        <v>450639</v>
      </c>
      <c r="HD7" s="56">
        <v>1632</v>
      </c>
      <c r="HE7" s="57">
        <v>2130</v>
      </c>
      <c r="HF7" s="58">
        <v>3762</v>
      </c>
      <c r="HG7" s="230"/>
      <c r="HH7" s="57">
        <v>2307</v>
      </c>
      <c r="HI7" s="57">
        <v>2617</v>
      </c>
      <c r="HJ7" s="57">
        <v>1716</v>
      </c>
      <c r="HK7" s="57">
        <v>1651</v>
      </c>
      <c r="HL7" s="57">
        <v>1294</v>
      </c>
      <c r="HM7" s="58">
        <v>9585</v>
      </c>
      <c r="HN7" s="59">
        <v>13347</v>
      </c>
      <c r="HO7" s="56">
        <v>4445</v>
      </c>
      <c r="HP7" s="57">
        <v>5395</v>
      </c>
      <c r="HQ7" s="58">
        <v>9840</v>
      </c>
      <c r="HR7" s="230"/>
      <c r="HS7" s="57">
        <v>5651</v>
      </c>
      <c r="HT7" s="57">
        <v>6183</v>
      </c>
      <c r="HU7" s="57">
        <v>3930</v>
      </c>
      <c r="HV7" s="57">
        <v>3670</v>
      </c>
      <c r="HW7" s="57">
        <v>2822</v>
      </c>
      <c r="HX7" s="58">
        <v>22256</v>
      </c>
      <c r="HY7" s="59">
        <v>32096</v>
      </c>
      <c r="HZ7" s="56">
        <v>9124</v>
      </c>
      <c r="IA7" s="57">
        <v>10288</v>
      </c>
      <c r="IB7" s="58">
        <v>19412</v>
      </c>
      <c r="IC7" s="230"/>
      <c r="ID7" s="57">
        <v>11533</v>
      </c>
      <c r="IE7" s="57">
        <v>10687</v>
      </c>
      <c r="IF7" s="57">
        <v>7020</v>
      </c>
      <c r="IG7" s="57">
        <v>6165</v>
      </c>
      <c r="IH7" s="57">
        <v>4671</v>
      </c>
      <c r="II7" s="58">
        <v>40076</v>
      </c>
      <c r="IJ7" s="59">
        <v>59488</v>
      </c>
      <c r="IK7" s="56">
        <v>17436</v>
      </c>
      <c r="IL7" s="57">
        <v>17883</v>
      </c>
      <c r="IM7" s="58">
        <v>35319</v>
      </c>
      <c r="IN7" s="230"/>
      <c r="IO7" s="57">
        <v>21869</v>
      </c>
      <c r="IP7" s="57">
        <v>18882</v>
      </c>
      <c r="IQ7" s="57">
        <v>12196</v>
      </c>
      <c r="IR7" s="57">
        <v>10733</v>
      </c>
      <c r="IS7" s="57">
        <v>7031</v>
      </c>
      <c r="IT7" s="58">
        <v>70711</v>
      </c>
      <c r="IU7" s="59">
        <v>106030</v>
      </c>
      <c r="IV7" s="56">
        <v>17243</v>
      </c>
      <c r="IW7" s="57">
        <v>18888</v>
      </c>
      <c r="IX7" s="58">
        <v>36131</v>
      </c>
      <c r="IY7" s="230"/>
      <c r="IZ7" s="57">
        <v>25621</v>
      </c>
      <c r="JA7" s="57">
        <v>22897</v>
      </c>
      <c r="JB7" s="57">
        <v>15855</v>
      </c>
      <c r="JC7" s="57">
        <v>13821</v>
      </c>
      <c r="JD7" s="57">
        <v>8825</v>
      </c>
      <c r="JE7" s="58">
        <v>87019</v>
      </c>
      <c r="JF7" s="59">
        <v>123150</v>
      </c>
      <c r="JG7" s="56">
        <v>9477</v>
      </c>
      <c r="JH7" s="57">
        <v>12458</v>
      </c>
      <c r="JI7" s="58">
        <v>21935</v>
      </c>
      <c r="JJ7" s="230"/>
      <c r="JK7" s="57">
        <v>20442</v>
      </c>
      <c r="JL7" s="57">
        <v>23183</v>
      </c>
      <c r="JM7" s="57">
        <v>19351</v>
      </c>
      <c r="JN7" s="57">
        <v>19923</v>
      </c>
      <c r="JO7" s="57">
        <v>11694</v>
      </c>
      <c r="JP7" s="58">
        <v>94593</v>
      </c>
      <c r="JQ7" s="59">
        <v>116528</v>
      </c>
      <c r="JR7" s="56">
        <v>898</v>
      </c>
      <c r="JS7" s="57">
        <v>1512</v>
      </c>
      <c r="JT7" s="58">
        <v>2410</v>
      </c>
      <c r="JU7" s="230"/>
      <c r="JV7" s="57">
        <v>1547</v>
      </c>
      <c r="JW7" s="57">
        <v>2479</v>
      </c>
      <c r="JX7" s="57">
        <v>1460</v>
      </c>
      <c r="JY7" s="57">
        <v>1372</v>
      </c>
      <c r="JZ7" s="57">
        <v>1350</v>
      </c>
      <c r="KA7" s="58">
        <v>8208</v>
      </c>
      <c r="KB7" s="59">
        <v>10618</v>
      </c>
      <c r="KC7" s="56">
        <v>60255</v>
      </c>
      <c r="KD7" s="57">
        <v>68554</v>
      </c>
      <c r="KE7" s="58">
        <v>128809</v>
      </c>
      <c r="KF7" s="230"/>
      <c r="KG7" s="57">
        <v>88970</v>
      </c>
      <c r="KH7" s="57">
        <v>86928</v>
      </c>
      <c r="KI7" s="57">
        <v>61528</v>
      </c>
      <c r="KJ7" s="57">
        <v>57335</v>
      </c>
      <c r="KK7" s="57">
        <v>37687</v>
      </c>
      <c r="KL7" s="58">
        <v>332448</v>
      </c>
      <c r="KM7" s="59">
        <v>461257</v>
      </c>
    </row>
    <row r="8" spans="2:299" ht="21" customHeight="1" x14ac:dyDescent="0.2">
      <c r="B8" s="471" t="s">
        <v>5</v>
      </c>
      <c r="C8" s="293">
        <v>7987</v>
      </c>
      <c r="D8" s="72">
        <v>9921</v>
      </c>
      <c r="E8" s="73">
        <v>17908</v>
      </c>
      <c r="F8" s="228"/>
      <c r="G8" s="72">
        <v>10211</v>
      </c>
      <c r="H8" s="72">
        <v>13661</v>
      </c>
      <c r="I8" s="72">
        <v>8824</v>
      </c>
      <c r="J8" s="72">
        <v>7177</v>
      </c>
      <c r="K8" s="72">
        <v>4370</v>
      </c>
      <c r="L8" s="74">
        <v>44243</v>
      </c>
      <c r="M8" s="75">
        <v>62151</v>
      </c>
      <c r="N8" s="60">
        <v>309</v>
      </c>
      <c r="O8" s="61">
        <v>482</v>
      </c>
      <c r="P8" s="62">
        <v>791</v>
      </c>
      <c r="Q8" s="231"/>
      <c r="R8" s="61">
        <v>415</v>
      </c>
      <c r="S8" s="61">
        <v>680</v>
      </c>
      <c r="T8" s="61">
        <v>450</v>
      </c>
      <c r="U8" s="61">
        <v>400</v>
      </c>
      <c r="V8" s="61">
        <v>299</v>
      </c>
      <c r="W8" s="62">
        <v>2244</v>
      </c>
      <c r="X8" s="63">
        <v>3035</v>
      </c>
      <c r="Y8" s="60">
        <v>718</v>
      </c>
      <c r="Z8" s="61">
        <v>1061</v>
      </c>
      <c r="AA8" s="62">
        <v>1779</v>
      </c>
      <c r="AB8" s="231"/>
      <c r="AC8" s="61">
        <v>836</v>
      </c>
      <c r="AD8" s="61">
        <v>1536</v>
      </c>
      <c r="AE8" s="61">
        <v>927</v>
      </c>
      <c r="AF8" s="61">
        <v>791</v>
      </c>
      <c r="AG8" s="61">
        <v>577</v>
      </c>
      <c r="AH8" s="62">
        <v>4667</v>
      </c>
      <c r="AI8" s="63">
        <v>6446</v>
      </c>
      <c r="AJ8" s="60">
        <v>1179</v>
      </c>
      <c r="AK8" s="61">
        <v>1624</v>
      </c>
      <c r="AL8" s="62">
        <v>2803</v>
      </c>
      <c r="AM8" s="231"/>
      <c r="AN8" s="61">
        <v>1533</v>
      </c>
      <c r="AO8" s="61">
        <v>2176</v>
      </c>
      <c r="AP8" s="61">
        <v>1434</v>
      </c>
      <c r="AQ8" s="61">
        <v>1146</v>
      </c>
      <c r="AR8" s="61">
        <v>806</v>
      </c>
      <c r="AS8" s="62">
        <v>7095</v>
      </c>
      <c r="AT8" s="63">
        <v>9898</v>
      </c>
      <c r="AU8" s="60">
        <v>2039</v>
      </c>
      <c r="AV8" s="61">
        <v>2420</v>
      </c>
      <c r="AW8" s="62">
        <v>4459</v>
      </c>
      <c r="AX8" s="231"/>
      <c r="AY8" s="61">
        <v>2530</v>
      </c>
      <c r="AZ8" s="61">
        <v>3175</v>
      </c>
      <c r="BA8" s="61">
        <v>1944</v>
      </c>
      <c r="BB8" s="61">
        <v>1628</v>
      </c>
      <c r="BC8" s="61">
        <v>1024</v>
      </c>
      <c r="BD8" s="62">
        <v>10301</v>
      </c>
      <c r="BE8" s="63">
        <v>14760</v>
      </c>
      <c r="BF8" s="60">
        <v>2375</v>
      </c>
      <c r="BG8" s="61">
        <v>2555</v>
      </c>
      <c r="BH8" s="62">
        <v>4930</v>
      </c>
      <c r="BI8" s="231"/>
      <c r="BJ8" s="61">
        <v>2935</v>
      </c>
      <c r="BK8" s="61">
        <v>3363</v>
      </c>
      <c r="BL8" s="61">
        <v>2179</v>
      </c>
      <c r="BM8" s="61">
        <v>1733</v>
      </c>
      <c r="BN8" s="61">
        <v>893</v>
      </c>
      <c r="BO8" s="62">
        <v>11103</v>
      </c>
      <c r="BP8" s="63">
        <v>16033</v>
      </c>
      <c r="BQ8" s="60">
        <v>1367</v>
      </c>
      <c r="BR8" s="61">
        <v>1779</v>
      </c>
      <c r="BS8" s="62">
        <v>3146</v>
      </c>
      <c r="BT8" s="231"/>
      <c r="BU8" s="61">
        <v>1962</v>
      </c>
      <c r="BV8" s="61">
        <v>2731</v>
      </c>
      <c r="BW8" s="61">
        <v>1890</v>
      </c>
      <c r="BX8" s="61">
        <v>1479</v>
      </c>
      <c r="BY8" s="61">
        <v>771</v>
      </c>
      <c r="BZ8" s="62">
        <v>8833</v>
      </c>
      <c r="CA8" s="63">
        <v>11979</v>
      </c>
      <c r="CB8" s="60">
        <v>191</v>
      </c>
      <c r="CC8" s="61">
        <v>358</v>
      </c>
      <c r="CD8" s="62">
        <v>549</v>
      </c>
      <c r="CE8" s="231"/>
      <c r="CF8" s="61">
        <v>239</v>
      </c>
      <c r="CG8" s="61">
        <v>613</v>
      </c>
      <c r="CH8" s="61">
        <v>365</v>
      </c>
      <c r="CI8" s="61">
        <v>327</v>
      </c>
      <c r="CJ8" s="61">
        <v>335</v>
      </c>
      <c r="CK8" s="62">
        <v>1879</v>
      </c>
      <c r="CL8" s="63">
        <v>2428</v>
      </c>
      <c r="CM8" s="60">
        <v>8178</v>
      </c>
      <c r="CN8" s="61">
        <v>10279</v>
      </c>
      <c r="CO8" s="62">
        <v>18457</v>
      </c>
      <c r="CP8" s="231"/>
      <c r="CQ8" s="61">
        <v>10450</v>
      </c>
      <c r="CR8" s="61">
        <v>14274</v>
      </c>
      <c r="CS8" s="61">
        <v>9189</v>
      </c>
      <c r="CT8" s="61">
        <v>7504</v>
      </c>
      <c r="CU8" s="61">
        <v>4705</v>
      </c>
      <c r="CV8" s="62">
        <v>46122</v>
      </c>
      <c r="CW8" s="63">
        <v>64579</v>
      </c>
      <c r="CX8" s="113">
        <v>15015</v>
      </c>
      <c r="CY8" s="72">
        <v>20594</v>
      </c>
      <c r="CZ8" s="73">
        <v>35609</v>
      </c>
      <c r="DA8" s="228"/>
      <c r="DB8" s="72">
        <v>19494</v>
      </c>
      <c r="DC8" s="72">
        <v>24434</v>
      </c>
      <c r="DD8" s="72">
        <v>16397</v>
      </c>
      <c r="DE8" s="72">
        <v>16039</v>
      </c>
      <c r="DF8" s="72">
        <v>10650</v>
      </c>
      <c r="DG8" s="74">
        <v>87014</v>
      </c>
      <c r="DH8" s="75">
        <v>122623</v>
      </c>
      <c r="DI8" s="60">
        <v>302</v>
      </c>
      <c r="DJ8" s="61">
        <v>479</v>
      </c>
      <c r="DK8" s="62">
        <v>781</v>
      </c>
      <c r="DL8" s="231"/>
      <c r="DM8" s="61">
        <v>274</v>
      </c>
      <c r="DN8" s="61">
        <v>490</v>
      </c>
      <c r="DO8" s="61">
        <v>272</v>
      </c>
      <c r="DP8" s="61">
        <v>294</v>
      </c>
      <c r="DQ8" s="61">
        <v>220</v>
      </c>
      <c r="DR8" s="62">
        <v>1550</v>
      </c>
      <c r="DS8" s="63">
        <v>2331</v>
      </c>
      <c r="DT8" s="60">
        <v>908</v>
      </c>
      <c r="DU8" s="61">
        <v>1369</v>
      </c>
      <c r="DV8" s="62">
        <v>2277</v>
      </c>
      <c r="DW8" s="231"/>
      <c r="DX8" s="61">
        <v>852</v>
      </c>
      <c r="DY8" s="61">
        <v>1219</v>
      </c>
      <c r="DZ8" s="61">
        <v>733</v>
      </c>
      <c r="EA8" s="61">
        <v>739</v>
      </c>
      <c r="EB8" s="61">
        <v>611</v>
      </c>
      <c r="EC8" s="62">
        <v>4154</v>
      </c>
      <c r="ED8" s="63">
        <v>6431</v>
      </c>
      <c r="EE8" s="60">
        <v>2318</v>
      </c>
      <c r="EF8" s="61">
        <v>2954</v>
      </c>
      <c r="EG8" s="62">
        <v>5272</v>
      </c>
      <c r="EH8" s="231"/>
      <c r="EI8" s="61">
        <v>2187</v>
      </c>
      <c r="EJ8" s="61">
        <v>2465</v>
      </c>
      <c r="EK8" s="61">
        <v>1438</v>
      </c>
      <c r="EL8" s="61">
        <v>1271</v>
      </c>
      <c r="EM8" s="61">
        <v>1117</v>
      </c>
      <c r="EN8" s="62">
        <v>8478</v>
      </c>
      <c r="EO8" s="63">
        <v>13750</v>
      </c>
      <c r="EP8" s="60">
        <v>4636</v>
      </c>
      <c r="EQ8" s="61">
        <v>5525</v>
      </c>
      <c r="ER8" s="62">
        <v>10161</v>
      </c>
      <c r="ES8" s="231"/>
      <c r="ET8" s="61">
        <v>4830</v>
      </c>
      <c r="EU8" s="61">
        <v>5178</v>
      </c>
      <c r="EV8" s="61">
        <v>3008</v>
      </c>
      <c r="EW8" s="61">
        <v>2768</v>
      </c>
      <c r="EX8" s="61">
        <v>1785</v>
      </c>
      <c r="EY8" s="62">
        <v>17569</v>
      </c>
      <c r="EZ8" s="63">
        <v>27730</v>
      </c>
      <c r="FA8" s="60">
        <v>4491</v>
      </c>
      <c r="FB8" s="61">
        <v>6176</v>
      </c>
      <c r="FC8" s="62">
        <v>10667</v>
      </c>
      <c r="FD8" s="231"/>
      <c r="FE8" s="61">
        <v>6156</v>
      </c>
      <c r="FF8" s="61">
        <v>7111</v>
      </c>
      <c r="FG8" s="61">
        <v>4517</v>
      </c>
      <c r="FH8" s="61">
        <v>4137</v>
      </c>
      <c r="FI8" s="61">
        <v>2749</v>
      </c>
      <c r="FJ8" s="62">
        <v>24670</v>
      </c>
      <c r="FK8" s="63">
        <v>35337</v>
      </c>
      <c r="FL8" s="60">
        <v>2360</v>
      </c>
      <c r="FM8" s="61">
        <v>4091</v>
      </c>
      <c r="FN8" s="62">
        <v>6451</v>
      </c>
      <c r="FO8" s="231"/>
      <c r="FP8" s="61">
        <v>5195</v>
      </c>
      <c r="FQ8" s="61">
        <v>7971</v>
      </c>
      <c r="FR8" s="61">
        <v>6429</v>
      </c>
      <c r="FS8" s="61">
        <v>6830</v>
      </c>
      <c r="FT8" s="61">
        <v>4168</v>
      </c>
      <c r="FU8" s="62">
        <v>30593</v>
      </c>
      <c r="FV8" s="63">
        <v>37044</v>
      </c>
      <c r="FW8" s="60">
        <v>144</v>
      </c>
      <c r="FX8" s="61">
        <v>295</v>
      </c>
      <c r="FY8" s="62">
        <v>439</v>
      </c>
      <c r="FZ8" s="231"/>
      <c r="GA8" s="61">
        <v>198</v>
      </c>
      <c r="GB8" s="61">
        <v>496</v>
      </c>
      <c r="GC8" s="61">
        <v>267</v>
      </c>
      <c r="GD8" s="61">
        <v>236</v>
      </c>
      <c r="GE8" s="61">
        <v>260</v>
      </c>
      <c r="GF8" s="62">
        <v>1457</v>
      </c>
      <c r="GG8" s="63">
        <v>1896</v>
      </c>
      <c r="GH8" s="60">
        <v>15159</v>
      </c>
      <c r="GI8" s="61">
        <v>20889</v>
      </c>
      <c r="GJ8" s="62">
        <v>36048</v>
      </c>
      <c r="GK8" s="231"/>
      <c r="GL8" s="61">
        <v>19692</v>
      </c>
      <c r="GM8" s="61">
        <v>24930</v>
      </c>
      <c r="GN8" s="61">
        <v>16664</v>
      </c>
      <c r="GO8" s="61">
        <v>16275</v>
      </c>
      <c r="GP8" s="61">
        <v>10910</v>
      </c>
      <c r="GQ8" s="62">
        <v>88471</v>
      </c>
      <c r="GR8" s="63">
        <v>124519</v>
      </c>
      <c r="GS8" s="113">
        <v>23002</v>
      </c>
      <c r="GT8" s="72">
        <v>30515</v>
      </c>
      <c r="GU8" s="73">
        <v>53517</v>
      </c>
      <c r="GV8" s="228"/>
      <c r="GW8" s="72">
        <v>29705</v>
      </c>
      <c r="GX8" s="72">
        <v>38095</v>
      </c>
      <c r="GY8" s="72">
        <v>25221</v>
      </c>
      <c r="GZ8" s="72">
        <v>23216</v>
      </c>
      <c r="HA8" s="72">
        <v>15020</v>
      </c>
      <c r="HB8" s="74">
        <v>131257</v>
      </c>
      <c r="HC8" s="75">
        <v>184774</v>
      </c>
      <c r="HD8" s="60">
        <v>611</v>
      </c>
      <c r="HE8" s="61">
        <v>961</v>
      </c>
      <c r="HF8" s="62">
        <v>1572</v>
      </c>
      <c r="HG8" s="231"/>
      <c r="HH8" s="61">
        <v>689</v>
      </c>
      <c r="HI8" s="61">
        <v>1170</v>
      </c>
      <c r="HJ8" s="61">
        <v>722</v>
      </c>
      <c r="HK8" s="61">
        <v>694</v>
      </c>
      <c r="HL8" s="61">
        <v>519</v>
      </c>
      <c r="HM8" s="62">
        <v>3794</v>
      </c>
      <c r="HN8" s="63">
        <v>5366</v>
      </c>
      <c r="HO8" s="60">
        <v>1626</v>
      </c>
      <c r="HP8" s="61">
        <v>2430</v>
      </c>
      <c r="HQ8" s="62">
        <v>4056</v>
      </c>
      <c r="HR8" s="231"/>
      <c r="HS8" s="61">
        <v>1688</v>
      </c>
      <c r="HT8" s="61">
        <v>2755</v>
      </c>
      <c r="HU8" s="61">
        <v>1660</v>
      </c>
      <c r="HV8" s="61">
        <v>1530</v>
      </c>
      <c r="HW8" s="61">
        <v>1188</v>
      </c>
      <c r="HX8" s="62">
        <v>8821</v>
      </c>
      <c r="HY8" s="63">
        <v>12877</v>
      </c>
      <c r="HZ8" s="60">
        <v>3497</v>
      </c>
      <c r="IA8" s="61">
        <v>4578</v>
      </c>
      <c r="IB8" s="62">
        <v>8075</v>
      </c>
      <c r="IC8" s="231"/>
      <c r="ID8" s="61">
        <v>3720</v>
      </c>
      <c r="IE8" s="61">
        <v>4641</v>
      </c>
      <c r="IF8" s="61">
        <v>2872</v>
      </c>
      <c r="IG8" s="61">
        <v>2417</v>
      </c>
      <c r="IH8" s="61">
        <v>1923</v>
      </c>
      <c r="II8" s="62">
        <v>15573</v>
      </c>
      <c r="IJ8" s="63">
        <v>23648</v>
      </c>
      <c r="IK8" s="60">
        <v>6675</v>
      </c>
      <c r="IL8" s="61">
        <v>7945</v>
      </c>
      <c r="IM8" s="62">
        <v>14620</v>
      </c>
      <c r="IN8" s="231"/>
      <c r="IO8" s="61">
        <v>7360</v>
      </c>
      <c r="IP8" s="61">
        <v>8353</v>
      </c>
      <c r="IQ8" s="61">
        <v>4952</v>
      </c>
      <c r="IR8" s="61">
        <v>4396</v>
      </c>
      <c r="IS8" s="61">
        <v>2809</v>
      </c>
      <c r="IT8" s="62">
        <v>27870</v>
      </c>
      <c r="IU8" s="63">
        <v>42490</v>
      </c>
      <c r="IV8" s="60">
        <v>6866</v>
      </c>
      <c r="IW8" s="61">
        <v>8731</v>
      </c>
      <c r="IX8" s="62">
        <v>15597</v>
      </c>
      <c r="IY8" s="231"/>
      <c r="IZ8" s="61">
        <v>9091</v>
      </c>
      <c r="JA8" s="61">
        <v>10474</v>
      </c>
      <c r="JB8" s="61">
        <v>6696</v>
      </c>
      <c r="JC8" s="61">
        <v>5870</v>
      </c>
      <c r="JD8" s="61">
        <v>3642</v>
      </c>
      <c r="JE8" s="62">
        <v>35773</v>
      </c>
      <c r="JF8" s="63">
        <v>51370</v>
      </c>
      <c r="JG8" s="60">
        <v>3727</v>
      </c>
      <c r="JH8" s="61">
        <v>5870</v>
      </c>
      <c r="JI8" s="62">
        <v>9597</v>
      </c>
      <c r="JJ8" s="231"/>
      <c r="JK8" s="61">
        <v>7157</v>
      </c>
      <c r="JL8" s="61">
        <v>10702</v>
      </c>
      <c r="JM8" s="61">
        <v>8319</v>
      </c>
      <c r="JN8" s="61">
        <v>8309</v>
      </c>
      <c r="JO8" s="61">
        <v>4939</v>
      </c>
      <c r="JP8" s="62">
        <v>39426</v>
      </c>
      <c r="JQ8" s="63">
        <v>49023</v>
      </c>
      <c r="JR8" s="60">
        <v>335</v>
      </c>
      <c r="JS8" s="61">
        <v>653</v>
      </c>
      <c r="JT8" s="62">
        <v>988</v>
      </c>
      <c r="JU8" s="231"/>
      <c r="JV8" s="61">
        <v>437</v>
      </c>
      <c r="JW8" s="61">
        <v>1109</v>
      </c>
      <c r="JX8" s="61">
        <v>632</v>
      </c>
      <c r="JY8" s="61">
        <v>563</v>
      </c>
      <c r="JZ8" s="61">
        <v>595</v>
      </c>
      <c r="KA8" s="62">
        <v>3336</v>
      </c>
      <c r="KB8" s="63">
        <v>4324</v>
      </c>
      <c r="KC8" s="60">
        <v>23337</v>
      </c>
      <c r="KD8" s="61">
        <v>31168</v>
      </c>
      <c r="KE8" s="62">
        <v>54505</v>
      </c>
      <c r="KF8" s="231"/>
      <c r="KG8" s="61">
        <v>30142</v>
      </c>
      <c r="KH8" s="61">
        <v>39204</v>
      </c>
      <c r="KI8" s="61">
        <v>25853</v>
      </c>
      <c r="KJ8" s="61">
        <v>23779</v>
      </c>
      <c r="KK8" s="61">
        <v>15615</v>
      </c>
      <c r="KL8" s="62">
        <v>134593</v>
      </c>
      <c r="KM8" s="63">
        <v>189098</v>
      </c>
    </row>
    <row r="9" spans="2:299" ht="21" customHeight="1" x14ac:dyDescent="0.2">
      <c r="B9" s="472" t="s">
        <v>6</v>
      </c>
      <c r="C9" s="293">
        <v>2695</v>
      </c>
      <c r="D9" s="72">
        <v>2426</v>
      </c>
      <c r="E9" s="73">
        <v>5121</v>
      </c>
      <c r="F9" s="228"/>
      <c r="G9" s="72">
        <v>5049</v>
      </c>
      <c r="H9" s="72">
        <v>4094</v>
      </c>
      <c r="I9" s="72">
        <v>2787</v>
      </c>
      <c r="J9" s="72">
        <v>2393</v>
      </c>
      <c r="K9" s="72">
        <v>1624</v>
      </c>
      <c r="L9" s="74">
        <v>15947</v>
      </c>
      <c r="M9" s="75">
        <v>21068</v>
      </c>
      <c r="N9" s="60">
        <v>153</v>
      </c>
      <c r="O9" s="61">
        <v>150</v>
      </c>
      <c r="P9" s="62">
        <v>303</v>
      </c>
      <c r="Q9" s="231"/>
      <c r="R9" s="61">
        <v>261</v>
      </c>
      <c r="S9" s="61">
        <v>245</v>
      </c>
      <c r="T9" s="61">
        <v>146</v>
      </c>
      <c r="U9" s="61">
        <v>135</v>
      </c>
      <c r="V9" s="61">
        <v>108</v>
      </c>
      <c r="W9" s="62">
        <v>895</v>
      </c>
      <c r="X9" s="63">
        <v>1198</v>
      </c>
      <c r="Y9" s="60">
        <v>292</v>
      </c>
      <c r="Z9" s="61">
        <v>291</v>
      </c>
      <c r="AA9" s="62">
        <v>583</v>
      </c>
      <c r="AB9" s="231"/>
      <c r="AC9" s="61">
        <v>544</v>
      </c>
      <c r="AD9" s="61">
        <v>481</v>
      </c>
      <c r="AE9" s="61">
        <v>313</v>
      </c>
      <c r="AF9" s="61">
        <v>276</v>
      </c>
      <c r="AG9" s="61">
        <v>232</v>
      </c>
      <c r="AH9" s="62">
        <v>1846</v>
      </c>
      <c r="AI9" s="63">
        <v>2429</v>
      </c>
      <c r="AJ9" s="60">
        <v>461</v>
      </c>
      <c r="AK9" s="61">
        <v>413</v>
      </c>
      <c r="AL9" s="62">
        <v>874</v>
      </c>
      <c r="AM9" s="231"/>
      <c r="AN9" s="61">
        <v>834</v>
      </c>
      <c r="AO9" s="61">
        <v>707</v>
      </c>
      <c r="AP9" s="61">
        <v>492</v>
      </c>
      <c r="AQ9" s="61">
        <v>424</v>
      </c>
      <c r="AR9" s="61">
        <v>322</v>
      </c>
      <c r="AS9" s="62">
        <v>2779</v>
      </c>
      <c r="AT9" s="63">
        <v>3653</v>
      </c>
      <c r="AU9" s="60">
        <v>678</v>
      </c>
      <c r="AV9" s="61">
        <v>567</v>
      </c>
      <c r="AW9" s="62">
        <v>1245</v>
      </c>
      <c r="AX9" s="231"/>
      <c r="AY9" s="61">
        <v>1246</v>
      </c>
      <c r="AZ9" s="61">
        <v>964</v>
      </c>
      <c r="BA9" s="61">
        <v>620</v>
      </c>
      <c r="BB9" s="61">
        <v>528</v>
      </c>
      <c r="BC9" s="61">
        <v>349</v>
      </c>
      <c r="BD9" s="62">
        <v>3707</v>
      </c>
      <c r="BE9" s="63">
        <v>4952</v>
      </c>
      <c r="BF9" s="60">
        <v>704</v>
      </c>
      <c r="BG9" s="61">
        <v>572</v>
      </c>
      <c r="BH9" s="62">
        <v>1276</v>
      </c>
      <c r="BI9" s="231"/>
      <c r="BJ9" s="61">
        <v>1260</v>
      </c>
      <c r="BK9" s="61">
        <v>965</v>
      </c>
      <c r="BL9" s="61">
        <v>674</v>
      </c>
      <c r="BM9" s="61">
        <v>537</v>
      </c>
      <c r="BN9" s="61">
        <v>342</v>
      </c>
      <c r="BO9" s="62">
        <v>3778</v>
      </c>
      <c r="BP9" s="63">
        <v>5054</v>
      </c>
      <c r="BQ9" s="60">
        <v>407</v>
      </c>
      <c r="BR9" s="61">
        <v>433</v>
      </c>
      <c r="BS9" s="62">
        <v>840</v>
      </c>
      <c r="BT9" s="231"/>
      <c r="BU9" s="61">
        <v>904</v>
      </c>
      <c r="BV9" s="61">
        <v>732</v>
      </c>
      <c r="BW9" s="61">
        <v>542</v>
      </c>
      <c r="BX9" s="61">
        <v>493</v>
      </c>
      <c r="BY9" s="61">
        <v>271</v>
      </c>
      <c r="BZ9" s="62">
        <v>2942</v>
      </c>
      <c r="CA9" s="63">
        <v>3782</v>
      </c>
      <c r="CB9" s="60">
        <v>76</v>
      </c>
      <c r="CC9" s="61">
        <v>94</v>
      </c>
      <c r="CD9" s="62">
        <v>170</v>
      </c>
      <c r="CE9" s="231"/>
      <c r="CF9" s="61">
        <v>175</v>
      </c>
      <c r="CG9" s="61">
        <v>185</v>
      </c>
      <c r="CH9" s="61">
        <v>107</v>
      </c>
      <c r="CI9" s="61">
        <v>123</v>
      </c>
      <c r="CJ9" s="61">
        <v>120</v>
      </c>
      <c r="CK9" s="62">
        <v>710</v>
      </c>
      <c r="CL9" s="63">
        <v>880</v>
      </c>
      <c r="CM9" s="60">
        <v>2771</v>
      </c>
      <c r="CN9" s="61">
        <v>2520</v>
      </c>
      <c r="CO9" s="62">
        <v>5291</v>
      </c>
      <c r="CP9" s="231"/>
      <c r="CQ9" s="61">
        <v>5224</v>
      </c>
      <c r="CR9" s="61">
        <v>4279</v>
      </c>
      <c r="CS9" s="61">
        <v>2894</v>
      </c>
      <c r="CT9" s="61">
        <v>2516</v>
      </c>
      <c r="CU9" s="61">
        <v>1744</v>
      </c>
      <c r="CV9" s="62">
        <v>16657</v>
      </c>
      <c r="CW9" s="63">
        <v>21948</v>
      </c>
      <c r="CX9" s="113">
        <v>5204</v>
      </c>
      <c r="CY9" s="72">
        <v>5417</v>
      </c>
      <c r="CZ9" s="73">
        <v>10621</v>
      </c>
      <c r="DA9" s="228"/>
      <c r="DB9" s="72">
        <v>8914</v>
      </c>
      <c r="DC9" s="72">
        <v>6763</v>
      </c>
      <c r="DD9" s="72">
        <v>5216</v>
      </c>
      <c r="DE9" s="72">
        <v>5243</v>
      </c>
      <c r="DF9" s="72">
        <v>3716</v>
      </c>
      <c r="DG9" s="74">
        <v>29852</v>
      </c>
      <c r="DH9" s="75">
        <v>40473</v>
      </c>
      <c r="DI9" s="60">
        <v>118</v>
      </c>
      <c r="DJ9" s="61">
        <v>129</v>
      </c>
      <c r="DK9" s="62">
        <v>247</v>
      </c>
      <c r="DL9" s="231"/>
      <c r="DM9" s="61">
        <v>160</v>
      </c>
      <c r="DN9" s="61">
        <v>120</v>
      </c>
      <c r="DO9" s="61">
        <v>110</v>
      </c>
      <c r="DP9" s="61">
        <v>101</v>
      </c>
      <c r="DQ9" s="61">
        <v>78</v>
      </c>
      <c r="DR9" s="62">
        <v>569</v>
      </c>
      <c r="DS9" s="63">
        <v>816</v>
      </c>
      <c r="DT9" s="60">
        <v>353</v>
      </c>
      <c r="DU9" s="61">
        <v>338</v>
      </c>
      <c r="DV9" s="62">
        <v>691</v>
      </c>
      <c r="DW9" s="231"/>
      <c r="DX9" s="61">
        <v>490</v>
      </c>
      <c r="DY9" s="61">
        <v>344</v>
      </c>
      <c r="DZ9" s="61">
        <v>235</v>
      </c>
      <c r="EA9" s="61">
        <v>245</v>
      </c>
      <c r="EB9" s="61">
        <v>189</v>
      </c>
      <c r="EC9" s="62">
        <v>1503</v>
      </c>
      <c r="ED9" s="63">
        <v>2194</v>
      </c>
      <c r="EE9" s="60">
        <v>780</v>
      </c>
      <c r="EF9" s="61">
        <v>797</v>
      </c>
      <c r="EG9" s="62">
        <v>1577</v>
      </c>
      <c r="EH9" s="231"/>
      <c r="EI9" s="61">
        <v>1082</v>
      </c>
      <c r="EJ9" s="61">
        <v>681</v>
      </c>
      <c r="EK9" s="61">
        <v>459</v>
      </c>
      <c r="EL9" s="61">
        <v>448</v>
      </c>
      <c r="EM9" s="61">
        <v>349</v>
      </c>
      <c r="EN9" s="62">
        <v>3019</v>
      </c>
      <c r="EO9" s="63">
        <v>4596</v>
      </c>
      <c r="EP9" s="60">
        <v>1619</v>
      </c>
      <c r="EQ9" s="61">
        <v>1477</v>
      </c>
      <c r="ER9" s="62">
        <v>3096</v>
      </c>
      <c r="ES9" s="231"/>
      <c r="ET9" s="61">
        <v>2132</v>
      </c>
      <c r="EU9" s="61">
        <v>1389</v>
      </c>
      <c r="EV9" s="61">
        <v>944</v>
      </c>
      <c r="EW9" s="61">
        <v>913</v>
      </c>
      <c r="EX9" s="61">
        <v>650</v>
      </c>
      <c r="EY9" s="62">
        <v>6028</v>
      </c>
      <c r="EZ9" s="63">
        <v>9124</v>
      </c>
      <c r="FA9" s="60">
        <v>1519</v>
      </c>
      <c r="FB9" s="61">
        <v>1658</v>
      </c>
      <c r="FC9" s="62">
        <v>3177</v>
      </c>
      <c r="FD9" s="231"/>
      <c r="FE9" s="61">
        <v>2711</v>
      </c>
      <c r="FF9" s="61">
        <v>2028</v>
      </c>
      <c r="FG9" s="61">
        <v>1438</v>
      </c>
      <c r="FH9" s="61">
        <v>1292</v>
      </c>
      <c r="FI9" s="61">
        <v>981</v>
      </c>
      <c r="FJ9" s="62">
        <v>8450</v>
      </c>
      <c r="FK9" s="63">
        <v>11627</v>
      </c>
      <c r="FL9" s="60">
        <v>815</v>
      </c>
      <c r="FM9" s="61">
        <v>1018</v>
      </c>
      <c r="FN9" s="62">
        <v>1833</v>
      </c>
      <c r="FO9" s="231"/>
      <c r="FP9" s="61">
        <v>2339</v>
      </c>
      <c r="FQ9" s="61">
        <v>2201</v>
      </c>
      <c r="FR9" s="61">
        <v>2030</v>
      </c>
      <c r="FS9" s="61">
        <v>2244</v>
      </c>
      <c r="FT9" s="61">
        <v>1469</v>
      </c>
      <c r="FU9" s="62">
        <v>10283</v>
      </c>
      <c r="FV9" s="63">
        <v>12116</v>
      </c>
      <c r="FW9" s="60">
        <v>68</v>
      </c>
      <c r="FX9" s="61">
        <v>89</v>
      </c>
      <c r="FY9" s="62">
        <v>157</v>
      </c>
      <c r="FZ9" s="231"/>
      <c r="GA9" s="61">
        <v>130</v>
      </c>
      <c r="GB9" s="61">
        <v>139</v>
      </c>
      <c r="GC9" s="61">
        <v>104</v>
      </c>
      <c r="GD9" s="61">
        <v>93</v>
      </c>
      <c r="GE9" s="61">
        <v>90</v>
      </c>
      <c r="GF9" s="62">
        <v>556</v>
      </c>
      <c r="GG9" s="63">
        <v>713</v>
      </c>
      <c r="GH9" s="60">
        <v>5272</v>
      </c>
      <c r="GI9" s="61">
        <v>5506</v>
      </c>
      <c r="GJ9" s="62">
        <v>10778</v>
      </c>
      <c r="GK9" s="231"/>
      <c r="GL9" s="61">
        <v>9044</v>
      </c>
      <c r="GM9" s="61">
        <v>6902</v>
      </c>
      <c r="GN9" s="61">
        <v>5320</v>
      </c>
      <c r="GO9" s="61">
        <v>5336</v>
      </c>
      <c r="GP9" s="61">
        <v>3806</v>
      </c>
      <c r="GQ9" s="62">
        <v>30408</v>
      </c>
      <c r="GR9" s="63">
        <v>41186</v>
      </c>
      <c r="GS9" s="113">
        <v>7899</v>
      </c>
      <c r="GT9" s="72">
        <v>7843</v>
      </c>
      <c r="GU9" s="73">
        <v>15742</v>
      </c>
      <c r="GV9" s="228"/>
      <c r="GW9" s="72">
        <v>13963</v>
      </c>
      <c r="GX9" s="72">
        <v>10857</v>
      </c>
      <c r="GY9" s="72">
        <v>8003</v>
      </c>
      <c r="GZ9" s="72">
        <v>7636</v>
      </c>
      <c r="HA9" s="72">
        <v>5340</v>
      </c>
      <c r="HB9" s="74">
        <v>45799</v>
      </c>
      <c r="HC9" s="75">
        <v>61541</v>
      </c>
      <c r="HD9" s="60">
        <v>271</v>
      </c>
      <c r="HE9" s="61">
        <v>279</v>
      </c>
      <c r="HF9" s="62">
        <v>550</v>
      </c>
      <c r="HG9" s="231"/>
      <c r="HH9" s="61">
        <v>421</v>
      </c>
      <c r="HI9" s="61">
        <v>365</v>
      </c>
      <c r="HJ9" s="61">
        <v>256</v>
      </c>
      <c r="HK9" s="61">
        <v>236</v>
      </c>
      <c r="HL9" s="61">
        <v>186</v>
      </c>
      <c r="HM9" s="62">
        <v>1464</v>
      </c>
      <c r="HN9" s="63">
        <v>2014</v>
      </c>
      <c r="HO9" s="60">
        <v>645</v>
      </c>
      <c r="HP9" s="61">
        <v>629</v>
      </c>
      <c r="HQ9" s="62">
        <v>1274</v>
      </c>
      <c r="HR9" s="231"/>
      <c r="HS9" s="61">
        <v>1034</v>
      </c>
      <c r="HT9" s="61">
        <v>825</v>
      </c>
      <c r="HU9" s="61">
        <v>548</v>
      </c>
      <c r="HV9" s="61">
        <v>521</v>
      </c>
      <c r="HW9" s="61">
        <v>421</v>
      </c>
      <c r="HX9" s="62">
        <v>3349</v>
      </c>
      <c r="HY9" s="63">
        <v>4623</v>
      </c>
      <c r="HZ9" s="60">
        <v>1241</v>
      </c>
      <c r="IA9" s="61">
        <v>1210</v>
      </c>
      <c r="IB9" s="62">
        <v>2451</v>
      </c>
      <c r="IC9" s="231"/>
      <c r="ID9" s="61">
        <v>1916</v>
      </c>
      <c r="IE9" s="61">
        <v>1388</v>
      </c>
      <c r="IF9" s="61">
        <v>951</v>
      </c>
      <c r="IG9" s="61">
        <v>872</v>
      </c>
      <c r="IH9" s="61">
        <v>671</v>
      </c>
      <c r="II9" s="62">
        <v>5798</v>
      </c>
      <c r="IJ9" s="63">
        <v>8249</v>
      </c>
      <c r="IK9" s="60">
        <v>2297</v>
      </c>
      <c r="IL9" s="61">
        <v>2044</v>
      </c>
      <c r="IM9" s="62">
        <v>4341</v>
      </c>
      <c r="IN9" s="231"/>
      <c r="IO9" s="61">
        <v>3378</v>
      </c>
      <c r="IP9" s="61">
        <v>2353</v>
      </c>
      <c r="IQ9" s="61">
        <v>1564</v>
      </c>
      <c r="IR9" s="61">
        <v>1441</v>
      </c>
      <c r="IS9" s="61">
        <v>999</v>
      </c>
      <c r="IT9" s="62">
        <v>9735</v>
      </c>
      <c r="IU9" s="63">
        <v>14076</v>
      </c>
      <c r="IV9" s="60">
        <v>2223</v>
      </c>
      <c r="IW9" s="61">
        <v>2230</v>
      </c>
      <c r="IX9" s="62">
        <v>4453</v>
      </c>
      <c r="IY9" s="231"/>
      <c r="IZ9" s="61">
        <v>3971</v>
      </c>
      <c r="JA9" s="61">
        <v>2993</v>
      </c>
      <c r="JB9" s="61">
        <v>2112</v>
      </c>
      <c r="JC9" s="61">
        <v>1829</v>
      </c>
      <c r="JD9" s="61">
        <v>1323</v>
      </c>
      <c r="JE9" s="62">
        <v>12228</v>
      </c>
      <c r="JF9" s="63">
        <v>16681</v>
      </c>
      <c r="JG9" s="60">
        <v>1222</v>
      </c>
      <c r="JH9" s="61">
        <v>1451</v>
      </c>
      <c r="JI9" s="62">
        <v>2673</v>
      </c>
      <c r="JJ9" s="231"/>
      <c r="JK9" s="61">
        <v>3243</v>
      </c>
      <c r="JL9" s="61">
        <v>2933</v>
      </c>
      <c r="JM9" s="61">
        <v>2572</v>
      </c>
      <c r="JN9" s="61">
        <v>2737</v>
      </c>
      <c r="JO9" s="61">
        <v>1740</v>
      </c>
      <c r="JP9" s="62">
        <v>13225</v>
      </c>
      <c r="JQ9" s="63">
        <v>15898</v>
      </c>
      <c r="JR9" s="60">
        <v>144</v>
      </c>
      <c r="JS9" s="61">
        <v>183</v>
      </c>
      <c r="JT9" s="62">
        <v>327</v>
      </c>
      <c r="JU9" s="231"/>
      <c r="JV9" s="61">
        <v>305</v>
      </c>
      <c r="JW9" s="61">
        <v>324</v>
      </c>
      <c r="JX9" s="61">
        <v>211</v>
      </c>
      <c r="JY9" s="61">
        <v>216</v>
      </c>
      <c r="JZ9" s="61">
        <v>210</v>
      </c>
      <c r="KA9" s="62">
        <v>1266</v>
      </c>
      <c r="KB9" s="63">
        <v>1593</v>
      </c>
      <c r="KC9" s="60">
        <v>8043</v>
      </c>
      <c r="KD9" s="61">
        <v>8026</v>
      </c>
      <c r="KE9" s="62">
        <v>16069</v>
      </c>
      <c r="KF9" s="231"/>
      <c r="KG9" s="61">
        <v>14268</v>
      </c>
      <c r="KH9" s="61">
        <v>11181</v>
      </c>
      <c r="KI9" s="61">
        <v>8214</v>
      </c>
      <c r="KJ9" s="61">
        <v>7852</v>
      </c>
      <c r="KK9" s="61">
        <v>5550</v>
      </c>
      <c r="KL9" s="62">
        <v>47065</v>
      </c>
      <c r="KM9" s="63">
        <v>63134</v>
      </c>
    </row>
    <row r="10" spans="2:299" ht="21" customHeight="1" x14ac:dyDescent="0.2">
      <c r="B10" s="472" t="s">
        <v>14</v>
      </c>
      <c r="C10" s="293">
        <v>1560</v>
      </c>
      <c r="D10" s="72">
        <v>1916</v>
      </c>
      <c r="E10" s="73">
        <v>3476</v>
      </c>
      <c r="F10" s="228"/>
      <c r="G10" s="72">
        <v>2307</v>
      </c>
      <c r="H10" s="72">
        <v>2577</v>
      </c>
      <c r="I10" s="72">
        <v>1819</v>
      </c>
      <c r="J10" s="72">
        <v>1529</v>
      </c>
      <c r="K10" s="72">
        <v>875</v>
      </c>
      <c r="L10" s="74">
        <v>9107</v>
      </c>
      <c r="M10" s="75">
        <v>12583</v>
      </c>
      <c r="N10" s="60">
        <v>64</v>
      </c>
      <c r="O10" s="61">
        <v>88</v>
      </c>
      <c r="P10" s="62">
        <v>152</v>
      </c>
      <c r="Q10" s="231"/>
      <c r="R10" s="61">
        <v>95</v>
      </c>
      <c r="S10" s="61">
        <v>127</v>
      </c>
      <c r="T10" s="61">
        <v>91</v>
      </c>
      <c r="U10" s="61">
        <v>102</v>
      </c>
      <c r="V10" s="61">
        <v>65</v>
      </c>
      <c r="W10" s="62">
        <v>480</v>
      </c>
      <c r="X10" s="63">
        <v>632</v>
      </c>
      <c r="Y10" s="60">
        <v>153</v>
      </c>
      <c r="Z10" s="61">
        <v>267</v>
      </c>
      <c r="AA10" s="62">
        <v>420</v>
      </c>
      <c r="AB10" s="231"/>
      <c r="AC10" s="61">
        <v>202</v>
      </c>
      <c r="AD10" s="61">
        <v>262</v>
      </c>
      <c r="AE10" s="61">
        <v>185</v>
      </c>
      <c r="AF10" s="61">
        <v>164</v>
      </c>
      <c r="AG10" s="61">
        <v>109</v>
      </c>
      <c r="AH10" s="62">
        <v>922</v>
      </c>
      <c r="AI10" s="63">
        <v>1342</v>
      </c>
      <c r="AJ10" s="60">
        <v>252</v>
      </c>
      <c r="AK10" s="61">
        <v>353</v>
      </c>
      <c r="AL10" s="62">
        <v>605</v>
      </c>
      <c r="AM10" s="231"/>
      <c r="AN10" s="61">
        <v>363</v>
      </c>
      <c r="AO10" s="61">
        <v>433</v>
      </c>
      <c r="AP10" s="61">
        <v>288</v>
      </c>
      <c r="AQ10" s="61">
        <v>263</v>
      </c>
      <c r="AR10" s="61">
        <v>170</v>
      </c>
      <c r="AS10" s="62">
        <v>1517</v>
      </c>
      <c r="AT10" s="63">
        <v>2122</v>
      </c>
      <c r="AU10" s="60">
        <v>483</v>
      </c>
      <c r="AV10" s="61">
        <v>528</v>
      </c>
      <c r="AW10" s="62">
        <v>1011</v>
      </c>
      <c r="AX10" s="231"/>
      <c r="AY10" s="61">
        <v>659</v>
      </c>
      <c r="AZ10" s="61">
        <v>661</v>
      </c>
      <c r="BA10" s="61">
        <v>461</v>
      </c>
      <c r="BB10" s="61">
        <v>372</v>
      </c>
      <c r="BC10" s="61">
        <v>208</v>
      </c>
      <c r="BD10" s="62">
        <v>2361</v>
      </c>
      <c r="BE10" s="63">
        <v>3372</v>
      </c>
      <c r="BF10" s="60">
        <v>412</v>
      </c>
      <c r="BG10" s="61">
        <v>435</v>
      </c>
      <c r="BH10" s="62">
        <v>847</v>
      </c>
      <c r="BI10" s="231"/>
      <c r="BJ10" s="61">
        <v>633</v>
      </c>
      <c r="BK10" s="61">
        <v>658</v>
      </c>
      <c r="BL10" s="61">
        <v>448</v>
      </c>
      <c r="BM10" s="61">
        <v>362</v>
      </c>
      <c r="BN10" s="61">
        <v>197</v>
      </c>
      <c r="BO10" s="62">
        <v>2298</v>
      </c>
      <c r="BP10" s="63">
        <v>3145</v>
      </c>
      <c r="BQ10" s="60">
        <v>196</v>
      </c>
      <c r="BR10" s="61">
        <v>245</v>
      </c>
      <c r="BS10" s="62">
        <v>441</v>
      </c>
      <c r="BT10" s="231"/>
      <c r="BU10" s="61">
        <v>355</v>
      </c>
      <c r="BV10" s="61">
        <v>436</v>
      </c>
      <c r="BW10" s="61">
        <v>346</v>
      </c>
      <c r="BX10" s="61">
        <v>266</v>
      </c>
      <c r="BY10" s="61">
        <v>126</v>
      </c>
      <c r="BZ10" s="62">
        <v>1529</v>
      </c>
      <c r="CA10" s="63">
        <v>1970</v>
      </c>
      <c r="CB10" s="60">
        <v>38</v>
      </c>
      <c r="CC10" s="61">
        <v>102</v>
      </c>
      <c r="CD10" s="62">
        <v>140</v>
      </c>
      <c r="CE10" s="231"/>
      <c r="CF10" s="61">
        <v>38</v>
      </c>
      <c r="CG10" s="61">
        <v>127</v>
      </c>
      <c r="CH10" s="61">
        <v>79</v>
      </c>
      <c r="CI10" s="61">
        <v>76</v>
      </c>
      <c r="CJ10" s="61">
        <v>52</v>
      </c>
      <c r="CK10" s="62">
        <v>372</v>
      </c>
      <c r="CL10" s="63">
        <v>512</v>
      </c>
      <c r="CM10" s="60">
        <v>1598</v>
      </c>
      <c r="CN10" s="61">
        <v>2018</v>
      </c>
      <c r="CO10" s="62">
        <v>3616</v>
      </c>
      <c r="CP10" s="231"/>
      <c r="CQ10" s="61">
        <v>2345</v>
      </c>
      <c r="CR10" s="61">
        <v>2704</v>
      </c>
      <c r="CS10" s="61">
        <v>1898</v>
      </c>
      <c r="CT10" s="61">
        <v>1605</v>
      </c>
      <c r="CU10" s="61">
        <v>927</v>
      </c>
      <c r="CV10" s="62">
        <v>9479</v>
      </c>
      <c r="CW10" s="63">
        <v>13095</v>
      </c>
      <c r="CX10" s="113">
        <v>2969</v>
      </c>
      <c r="CY10" s="72">
        <v>4191</v>
      </c>
      <c r="CZ10" s="73">
        <v>7160</v>
      </c>
      <c r="DA10" s="228"/>
      <c r="DB10" s="72">
        <v>3879</v>
      </c>
      <c r="DC10" s="72">
        <v>4161</v>
      </c>
      <c r="DD10" s="72">
        <v>3267</v>
      </c>
      <c r="DE10" s="72">
        <v>3093</v>
      </c>
      <c r="DF10" s="72">
        <v>1921</v>
      </c>
      <c r="DG10" s="74">
        <v>16321</v>
      </c>
      <c r="DH10" s="75">
        <v>23481</v>
      </c>
      <c r="DI10" s="60">
        <v>69</v>
      </c>
      <c r="DJ10" s="61">
        <v>95</v>
      </c>
      <c r="DK10" s="62">
        <v>164</v>
      </c>
      <c r="DL10" s="231"/>
      <c r="DM10" s="61">
        <v>65</v>
      </c>
      <c r="DN10" s="61">
        <v>91</v>
      </c>
      <c r="DO10" s="61">
        <v>73</v>
      </c>
      <c r="DP10" s="61">
        <v>60</v>
      </c>
      <c r="DQ10" s="61">
        <v>47</v>
      </c>
      <c r="DR10" s="62">
        <v>336</v>
      </c>
      <c r="DS10" s="63">
        <v>500</v>
      </c>
      <c r="DT10" s="60">
        <v>228</v>
      </c>
      <c r="DU10" s="61">
        <v>331</v>
      </c>
      <c r="DV10" s="62">
        <v>559</v>
      </c>
      <c r="DW10" s="231"/>
      <c r="DX10" s="61">
        <v>197</v>
      </c>
      <c r="DY10" s="61">
        <v>277</v>
      </c>
      <c r="DZ10" s="61">
        <v>165</v>
      </c>
      <c r="EA10" s="61">
        <v>151</v>
      </c>
      <c r="EB10" s="61">
        <v>114</v>
      </c>
      <c r="EC10" s="62">
        <v>904</v>
      </c>
      <c r="ED10" s="63">
        <v>1463</v>
      </c>
      <c r="EE10" s="60">
        <v>537</v>
      </c>
      <c r="EF10" s="61">
        <v>711</v>
      </c>
      <c r="EG10" s="62">
        <v>1248</v>
      </c>
      <c r="EH10" s="231"/>
      <c r="EI10" s="61">
        <v>515</v>
      </c>
      <c r="EJ10" s="61">
        <v>538</v>
      </c>
      <c r="EK10" s="61">
        <v>345</v>
      </c>
      <c r="EL10" s="61">
        <v>328</v>
      </c>
      <c r="EM10" s="61">
        <v>252</v>
      </c>
      <c r="EN10" s="62">
        <v>1978</v>
      </c>
      <c r="EO10" s="63">
        <v>3226</v>
      </c>
      <c r="EP10" s="60">
        <v>960</v>
      </c>
      <c r="EQ10" s="61">
        <v>1249</v>
      </c>
      <c r="ER10" s="62">
        <v>2209</v>
      </c>
      <c r="ES10" s="231"/>
      <c r="ET10" s="61">
        <v>1088</v>
      </c>
      <c r="EU10" s="61">
        <v>977</v>
      </c>
      <c r="EV10" s="61">
        <v>721</v>
      </c>
      <c r="EW10" s="61">
        <v>585</v>
      </c>
      <c r="EX10" s="61">
        <v>374</v>
      </c>
      <c r="EY10" s="62">
        <v>3745</v>
      </c>
      <c r="EZ10" s="63">
        <v>5954</v>
      </c>
      <c r="FA10" s="60">
        <v>810</v>
      </c>
      <c r="FB10" s="61">
        <v>1141</v>
      </c>
      <c r="FC10" s="62">
        <v>1951</v>
      </c>
      <c r="FD10" s="231"/>
      <c r="FE10" s="61">
        <v>1134</v>
      </c>
      <c r="FF10" s="61">
        <v>1148</v>
      </c>
      <c r="FG10" s="61">
        <v>831</v>
      </c>
      <c r="FH10" s="61">
        <v>794</v>
      </c>
      <c r="FI10" s="61">
        <v>486</v>
      </c>
      <c r="FJ10" s="62">
        <v>4393</v>
      </c>
      <c r="FK10" s="63">
        <v>6344</v>
      </c>
      <c r="FL10" s="60">
        <v>365</v>
      </c>
      <c r="FM10" s="61">
        <v>664</v>
      </c>
      <c r="FN10" s="62">
        <v>1029</v>
      </c>
      <c r="FO10" s="231"/>
      <c r="FP10" s="61">
        <v>880</v>
      </c>
      <c r="FQ10" s="61">
        <v>1130</v>
      </c>
      <c r="FR10" s="61">
        <v>1132</v>
      </c>
      <c r="FS10" s="61">
        <v>1175</v>
      </c>
      <c r="FT10" s="61">
        <v>648</v>
      </c>
      <c r="FU10" s="62">
        <v>4965</v>
      </c>
      <c r="FV10" s="63">
        <v>5994</v>
      </c>
      <c r="FW10" s="60">
        <v>20</v>
      </c>
      <c r="FX10" s="61">
        <v>82</v>
      </c>
      <c r="FY10" s="62">
        <v>102</v>
      </c>
      <c r="FZ10" s="231"/>
      <c r="GA10" s="61">
        <v>41</v>
      </c>
      <c r="GB10" s="61">
        <v>93</v>
      </c>
      <c r="GC10" s="61">
        <v>46</v>
      </c>
      <c r="GD10" s="61">
        <v>48</v>
      </c>
      <c r="GE10" s="61">
        <v>59</v>
      </c>
      <c r="GF10" s="62">
        <v>287</v>
      </c>
      <c r="GG10" s="63">
        <v>389</v>
      </c>
      <c r="GH10" s="60">
        <v>2989</v>
      </c>
      <c r="GI10" s="61">
        <v>4273</v>
      </c>
      <c r="GJ10" s="62">
        <v>7262</v>
      </c>
      <c r="GK10" s="231"/>
      <c r="GL10" s="61">
        <v>3920</v>
      </c>
      <c r="GM10" s="61">
        <v>4254</v>
      </c>
      <c r="GN10" s="61">
        <v>3313</v>
      </c>
      <c r="GO10" s="61">
        <v>3141</v>
      </c>
      <c r="GP10" s="61">
        <v>1980</v>
      </c>
      <c r="GQ10" s="62">
        <v>16608</v>
      </c>
      <c r="GR10" s="63">
        <v>23870</v>
      </c>
      <c r="GS10" s="113">
        <v>4529</v>
      </c>
      <c r="GT10" s="72">
        <v>6107</v>
      </c>
      <c r="GU10" s="73">
        <v>10636</v>
      </c>
      <c r="GV10" s="228"/>
      <c r="GW10" s="72">
        <v>6186</v>
      </c>
      <c r="GX10" s="72">
        <v>6738</v>
      </c>
      <c r="GY10" s="72">
        <v>5086</v>
      </c>
      <c r="GZ10" s="72">
        <v>4622</v>
      </c>
      <c r="HA10" s="72">
        <v>2796</v>
      </c>
      <c r="HB10" s="74">
        <v>25428</v>
      </c>
      <c r="HC10" s="75">
        <v>36064</v>
      </c>
      <c r="HD10" s="60">
        <v>133</v>
      </c>
      <c r="HE10" s="61">
        <v>183</v>
      </c>
      <c r="HF10" s="62">
        <v>316</v>
      </c>
      <c r="HG10" s="231"/>
      <c r="HH10" s="61">
        <v>160</v>
      </c>
      <c r="HI10" s="61">
        <v>218</v>
      </c>
      <c r="HJ10" s="61">
        <v>164</v>
      </c>
      <c r="HK10" s="61">
        <v>162</v>
      </c>
      <c r="HL10" s="61">
        <v>112</v>
      </c>
      <c r="HM10" s="62">
        <v>816</v>
      </c>
      <c r="HN10" s="63">
        <v>1132</v>
      </c>
      <c r="HO10" s="60">
        <v>381</v>
      </c>
      <c r="HP10" s="61">
        <v>598</v>
      </c>
      <c r="HQ10" s="62">
        <v>979</v>
      </c>
      <c r="HR10" s="231"/>
      <c r="HS10" s="61">
        <v>399</v>
      </c>
      <c r="HT10" s="61">
        <v>539</v>
      </c>
      <c r="HU10" s="61">
        <v>350</v>
      </c>
      <c r="HV10" s="61">
        <v>315</v>
      </c>
      <c r="HW10" s="61">
        <v>223</v>
      </c>
      <c r="HX10" s="62">
        <v>1826</v>
      </c>
      <c r="HY10" s="63">
        <v>2805</v>
      </c>
      <c r="HZ10" s="60">
        <v>789</v>
      </c>
      <c r="IA10" s="61">
        <v>1064</v>
      </c>
      <c r="IB10" s="62">
        <v>1853</v>
      </c>
      <c r="IC10" s="231"/>
      <c r="ID10" s="61">
        <v>878</v>
      </c>
      <c r="IE10" s="61">
        <v>971</v>
      </c>
      <c r="IF10" s="61">
        <v>633</v>
      </c>
      <c r="IG10" s="61">
        <v>591</v>
      </c>
      <c r="IH10" s="61">
        <v>422</v>
      </c>
      <c r="II10" s="62">
        <v>3495</v>
      </c>
      <c r="IJ10" s="63">
        <v>5348</v>
      </c>
      <c r="IK10" s="60">
        <v>1443</v>
      </c>
      <c r="IL10" s="61">
        <v>1777</v>
      </c>
      <c r="IM10" s="62">
        <v>3220</v>
      </c>
      <c r="IN10" s="231"/>
      <c r="IO10" s="61">
        <v>1747</v>
      </c>
      <c r="IP10" s="61">
        <v>1638</v>
      </c>
      <c r="IQ10" s="61">
        <v>1182</v>
      </c>
      <c r="IR10" s="61">
        <v>957</v>
      </c>
      <c r="IS10" s="61">
        <v>582</v>
      </c>
      <c r="IT10" s="62">
        <v>6106</v>
      </c>
      <c r="IU10" s="63">
        <v>9326</v>
      </c>
      <c r="IV10" s="60">
        <v>1222</v>
      </c>
      <c r="IW10" s="61">
        <v>1576</v>
      </c>
      <c r="IX10" s="62">
        <v>2798</v>
      </c>
      <c r="IY10" s="231"/>
      <c r="IZ10" s="61">
        <v>1767</v>
      </c>
      <c r="JA10" s="61">
        <v>1806</v>
      </c>
      <c r="JB10" s="61">
        <v>1279</v>
      </c>
      <c r="JC10" s="61">
        <v>1156</v>
      </c>
      <c r="JD10" s="61">
        <v>683</v>
      </c>
      <c r="JE10" s="62">
        <v>6691</v>
      </c>
      <c r="JF10" s="63">
        <v>9489</v>
      </c>
      <c r="JG10" s="60">
        <v>561</v>
      </c>
      <c r="JH10" s="61">
        <v>909</v>
      </c>
      <c r="JI10" s="62">
        <v>1470</v>
      </c>
      <c r="JJ10" s="231"/>
      <c r="JK10" s="61">
        <v>1235</v>
      </c>
      <c r="JL10" s="61">
        <v>1566</v>
      </c>
      <c r="JM10" s="61">
        <v>1478</v>
      </c>
      <c r="JN10" s="61">
        <v>1441</v>
      </c>
      <c r="JO10" s="61">
        <v>774</v>
      </c>
      <c r="JP10" s="62">
        <v>6494</v>
      </c>
      <c r="JQ10" s="63">
        <v>7964</v>
      </c>
      <c r="JR10" s="60">
        <v>58</v>
      </c>
      <c r="JS10" s="61">
        <v>184</v>
      </c>
      <c r="JT10" s="62">
        <v>242</v>
      </c>
      <c r="JU10" s="231"/>
      <c r="JV10" s="61">
        <v>79</v>
      </c>
      <c r="JW10" s="61">
        <v>220</v>
      </c>
      <c r="JX10" s="61">
        <v>125</v>
      </c>
      <c r="JY10" s="61">
        <v>124</v>
      </c>
      <c r="JZ10" s="61">
        <v>111</v>
      </c>
      <c r="KA10" s="62">
        <v>659</v>
      </c>
      <c r="KB10" s="63">
        <v>901</v>
      </c>
      <c r="KC10" s="60">
        <v>4587</v>
      </c>
      <c r="KD10" s="61">
        <v>6291</v>
      </c>
      <c r="KE10" s="62">
        <v>10878</v>
      </c>
      <c r="KF10" s="231"/>
      <c r="KG10" s="61">
        <v>6265</v>
      </c>
      <c r="KH10" s="61">
        <v>6958</v>
      </c>
      <c r="KI10" s="61">
        <v>5211</v>
      </c>
      <c r="KJ10" s="61">
        <v>4746</v>
      </c>
      <c r="KK10" s="61">
        <v>2907</v>
      </c>
      <c r="KL10" s="62">
        <v>26087</v>
      </c>
      <c r="KM10" s="63">
        <v>36965</v>
      </c>
    </row>
    <row r="11" spans="2:299" ht="21" customHeight="1" x14ac:dyDescent="0.2">
      <c r="B11" s="472" t="s">
        <v>7</v>
      </c>
      <c r="C11" s="293">
        <v>1035</v>
      </c>
      <c r="D11" s="72">
        <v>777</v>
      </c>
      <c r="E11" s="73">
        <v>1812</v>
      </c>
      <c r="F11" s="228"/>
      <c r="G11" s="72">
        <v>2322</v>
      </c>
      <c r="H11" s="72">
        <v>1530</v>
      </c>
      <c r="I11" s="72">
        <v>890</v>
      </c>
      <c r="J11" s="72">
        <v>811</v>
      </c>
      <c r="K11" s="72">
        <v>467</v>
      </c>
      <c r="L11" s="74">
        <v>6020</v>
      </c>
      <c r="M11" s="75">
        <v>7832</v>
      </c>
      <c r="N11" s="60">
        <v>32</v>
      </c>
      <c r="O11" s="61">
        <v>31</v>
      </c>
      <c r="P11" s="62">
        <v>63</v>
      </c>
      <c r="Q11" s="231"/>
      <c r="R11" s="61">
        <v>96</v>
      </c>
      <c r="S11" s="61">
        <v>66</v>
      </c>
      <c r="T11" s="61">
        <v>36</v>
      </c>
      <c r="U11" s="61">
        <v>43</v>
      </c>
      <c r="V11" s="61">
        <v>27</v>
      </c>
      <c r="W11" s="62">
        <v>268</v>
      </c>
      <c r="X11" s="63">
        <v>331</v>
      </c>
      <c r="Y11" s="60">
        <v>80</v>
      </c>
      <c r="Z11" s="61">
        <v>84</v>
      </c>
      <c r="AA11" s="62">
        <v>164</v>
      </c>
      <c r="AB11" s="231"/>
      <c r="AC11" s="61">
        <v>228</v>
      </c>
      <c r="AD11" s="61">
        <v>164</v>
      </c>
      <c r="AE11" s="61">
        <v>88</v>
      </c>
      <c r="AF11" s="61">
        <v>78</v>
      </c>
      <c r="AG11" s="61">
        <v>73</v>
      </c>
      <c r="AH11" s="62">
        <v>631</v>
      </c>
      <c r="AI11" s="63">
        <v>795</v>
      </c>
      <c r="AJ11" s="60">
        <v>142</v>
      </c>
      <c r="AK11" s="61">
        <v>130</v>
      </c>
      <c r="AL11" s="62">
        <v>272</v>
      </c>
      <c r="AM11" s="231"/>
      <c r="AN11" s="61">
        <v>385</v>
      </c>
      <c r="AO11" s="61">
        <v>249</v>
      </c>
      <c r="AP11" s="61">
        <v>157</v>
      </c>
      <c r="AQ11" s="61">
        <v>127</v>
      </c>
      <c r="AR11" s="61">
        <v>83</v>
      </c>
      <c r="AS11" s="62">
        <v>1001</v>
      </c>
      <c r="AT11" s="63">
        <v>1273</v>
      </c>
      <c r="AU11" s="60">
        <v>297</v>
      </c>
      <c r="AV11" s="61">
        <v>173</v>
      </c>
      <c r="AW11" s="62">
        <v>470</v>
      </c>
      <c r="AX11" s="231"/>
      <c r="AY11" s="61">
        <v>592</v>
      </c>
      <c r="AZ11" s="61">
        <v>367</v>
      </c>
      <c r="BA11" s="61">
        <v>237</v>
      </c>
      <c r="BB11" s="61">
        <v>194</v>
      </c>
      <c r="BC11" s="61">
        <v>106</v>
      </c>
      <c r="BD11" s="62">
        <v>1496</v>
      </c>
      <c r="BE11" s="63">
        <v>1966</v>
      </c>
      <c r="BF11" s="60">
        <v>305</v>
      </c>
      <c r="BG11" s="61">
        <v>234</v>
      </c>
      <c r="BH11" s="62">
        <v>539</v>
      </c>
      <c r="BI11" s="231"/>
      <c r="BJ11" s="61">
        <v>618</v>
      </c>
      <c r="BK11" s="61">
        <v>377</v>
      </c>
      <c r="BL11" s="61">
        <v>192</v>
      </c>
      <c r="BM11" s="61">
        <v>208</v>
      </c>
      <c r="BN11" s="61">
        <v>105</v>
      </c>
      <c r="BO11" s="62">
        <v>1500</v>
      </c>
      <c r="BP11" s="63">
        <v>2039</v>
      </c>
      <c r="BQ11" s="60">
        <v>179</v>
      </c>
      <c r="BR11" s="61">
        <v>125</v>
      </c>
      <c r="BS11" s="62">
        <v>304</v>
      </c>
      <c r="BT11" s="231"/>
      <c r="BU11" s="61">
        <v>403</v>
      </c>
      <c r="BV11" s="61">
        <v>307</v>
      </c>
      <c r="BW11" s="61">
        <v>180</v>
      </c>
      <c r="BX11" s="61">
        <v>161</v>
      </c>
      <c r="BY11" s="61">
        <v>73</v>
      </c>
      <c r="BZ11" s="62">
        <v>1124</v>
      </c>
      <c r="CA11" s="63">
        <v>1428</v>
      </c>
      <c r="CB11" s="60">
        <v>19</v>
      </c>
      <c r="CC11" s="61">
        <v>20</v>
      </c>
      <c r="CD11" s="62">
        <v>39</v>
      </c>
      <c r="CE11" s="231"/>
      <c r="CF11" s="61">
        <v>61</v>
      </c>
      <c r="CG11" s="61">
        <v>62</v>
      </c>
      <c r="CH11" s="61">
        <v>30</v>
      </c>
      <c r="CI11" s="61">
        <v>43</v>
      </c>
      <c r="CJ11" s="61">
        <v>27</v>
      </c>
      <c r="CK11" s="62">
        <v>223</v>
      </c>
      <c r="CL11" s="63">
        <v>262</v>
      </c>
      <c r="CM11" s="60">
        <v>1054</v>
      </c>
      <c r="CN11" s="61">
        <v>797</v>
      </c>
      <c r="CO11" s="62">
        <v>1851</v>
      </c>
      <c r="CP11" s="231"/>
      <c r="CQ11" s="61">
        <v>2383</v>
      </c>
      <c r="CR11" s="61">
        <v>1592</v>
      </c>
      <c r="CS11" s="61">
        <v>920</v>
      </c>
      <c r="CT11" s="61">
        <v>854</v>
      </c>
      <c r="CU11" s="61">
        <v>494</v>
      </c>
      <c r="CV11" s="62">
        <v>6243</v>
      </c>
      <c r="CW11" s="63">
        <v>8094</v>
      </c>
      <c r="CX11" s="113">
        <v>1966</v>
      </c>
      <c r="CY11" s="72">
        <v>2079</v>
      </c>
      <c r="CZ11" s="73">
        <v>4045</v>
      </c>
      <c r="DA11" s="228"/>
      <c r="DB11" s="72">
        <v>4299</v>
      </c>
      <c r="DC11" s="72">
        <v>2701</v>
      </c>
      <c r="DD11" s="72">
        <v>2012</v>
      </c>
      <c r="DE11" s="72">
        <v>1958</v>
      </c>
      <c r="DF11" s="72">
        <v>1193</v>
      </c>
      <c r="DG11" s="74">
        <v>12163</v>
      </c>
      <c r="DH11" s="75">
        <v>16208</v>
      </c>
      <c r="DI11" s="60">
        <v>31</v>
      </c>
      <c r="DJ11" s="61">
        <v>43</v>
      </c>
      <c r="DK11" s="62">
        <v>74</v>
      </c>
      <c r="DL11" s="231"/>
      <c r="DM11" s="61">
        <v>82</v>
      </c>
      <c r="DN11" s="61">
        <v>45</v>
      </c>
      <c r="DO11" s="61">
        <v>35</v>
      </c>
      <c r="DP11" s="61">
        <v>31</v>
      </c>
      <c r="DQ11" s="61">
        <v>40</v>
      </c>
      <c r="DR11" s="62">
        <v>233</v>
      </c>
      <c r="DS11" s="63">
        <v>307</v>
      </c>
      <c r="DT11" s="60">
        <v>137</v>
      </c>
      <c r="DU11" s="61">
        <v>118</v>
      </c>
      <c r="DV11" s="62">
        <v>255</v>
      </c>
      <c r="DW11" s="231"/>
      <c r="DX11" s="61">
        <v>227</v>
      </c>
      <c r="DY11" s="61">
        <v>153</v>
      </c>
      <c r="DZ11" s="61">
        <v>78</v>
      </c>
      <c r="EA11" s="61">
        <v>92</v>
      </c>
      <c r="EB11" s="61">
        <v>49</v>
      </c>
      <c r="EC11" s="62">
        <v>599</v>
      </c>
      <c r="ED11" s="63">
        <v>854</v>
      </c>
      <c r="EE11" s="60">
        <v>295</v>
      </c>
      <c r="EF11" s="61">
        <v>306</v>
      </c>
      <c r="EG11" s="62">
        <v>601</v>
      </c>
      <c r="EH11" s="231"/>
      <c r="EI11" s="61">
        <v>540</v>
      </c>
      <c r="EJ11" s="61">
        <v>277</v>
      </c>
      <c r="EK11" s="61">
        <v>198</v>
      </c>
      <c r="EL11" s="61">
        <v>170</v>
      </c>
      <c r="EM11" s="61">
        <v>145</v>
      </c>
      <c r="EN11" s="62">
        <v>1330</v>
      </c>
      <c r="EO11" s="63">
        <v>1931</v>
      </c>
      <c r="EP11" s="60">
        <v>607</v>
      </c>
      <c r="EQ11" s="61">
        <v>582</v>
      </c>
      <c r="ER11" s="62">
        <v>1189</v>
      </c>
      <c r="ES11" s="231"/>
      <c r="ET11" s="61">
        <v>997</v>
      </c>
      <c r="EU11" s="61">
        <v>567</v>
      </c>
      <c r="EV11" s="61">
        <v>349</v>
      </c>
      <c r="EW11" s="61">
        <v>349</v>
      </c>
      <c r="EX11" s="61">
        <v>225</v>
      </c>
      <c r="EY11" s="62">
        <v>2487</v>
      </c>
      <c r="EZ11" s="63">
        <v>3676</v>
      </c>
      <c r="FA11" s="60">
        <v>577</v>
      </c>
      <c r="FB11" s="61">
        <v>631</v>
      </c>
      <c r="FC11" s="62">
        <v>1208</v>
      </c>
      <c r="FD11" s="231"/>
      <c r="FE11" s="61">
        <v>1271</v>
      </c>
      <c r="FF11" s="61">
        <v>750</v>
      </c>
      <c r="FG11" s="61">
        <v>546</v>
      </c>
      <c r="FH11" s="61">
        <v>496</v>
      </c>
      <c r="FI11" s="61">
        <v>291</v>
      </c>
      <c r="FJ11" s="62">
        <v>3354</v>
      </c>
      <c r="FK11" s="63">
        <v>4562</v>
      </c>
      <c r="FL11" s="60">
        <v>319</v>
      </c>
      <c r="FM11" s="61">
        <v>399</v>
      </c>
      <c r="FN11" s="62">
        <v>718</v>
      </c>
      <c r="FO11" s="231"/>
      <c r="FP11" s="61">
        <v>1182</v>
      </c>
      <c r="FQ11" s="61">
        <v>909</v>
      </c>
      <c r="FR11" s="61">
        <v>806</v>
      </c>
      <c r="FS11" s="61">
        <v>820</v>
      </c>
      <c r="FT11" s="61">
        <v>443</v>
      </c>
      <c r="FU11" s="62">
        <v>4160</v>
      </c>
      <c r="FV11" s="63">
        <v>4878</v>
      </c>
      <c r="FW11" s="60">
        <v>12</v>
      </c>
      <c r="FX11" s="61">
        <v>18</v>
      </c>
      <c r="FY11" s="62">
        <v>30</v>
      </c>
      <c r="FZ11" s="231"/>
      <c r="GA11" s="61">
        <v>71</v>
      </c>
      <c r="GB11" s="61">
        <v>54</v>
      </c>
      <c r="GC11" s="61">
        <v>32</v>
      </c>
      <c r="GD11" s="61">
        <v>27</v>
      </c>
      <c r="GE11" s="61">
        <v>22</v>
      </c>
      <c r="GF11" s="62">
        <v>206</v>
      </c>
      <c r="GG11" s="63">
        <v>236</v>
      </c>
      <c r="GH11" s="60">
        <v>1978</v>
      </c>
      <c r="GI11" s="61">
        <v>2097</v>
      </c>
      <c r="GJ11" s="62">
        <v>4075</v>
      </c>
      <c r="GK11" s="231"/>
      <c r="GL11" s="61">
        <v>4370</v>
      </c>
      <c r="GM11" s="61">
        <v>2755</v>
      </c>
      <c r="GN11" s="61">
        <v>2044</v>
      </c>
      <c r="GO11" s="61">
        <v>1985</v>
      </c>
      <c r="GP11" s="61">
        <v>1215</v>
      </c>
      <c r="GQ11" s="62">
        <v>12369</v>
      </c>
      <c r="GR11" s="63">
        <v>16444</v>
      </c>
      <c r="GS11" s="113">
        <v>3001</v>
      </c>
      <c r="GT11" s="72">
        <v>2856</v>
      </c>
      <c r="GU11" s="73">
        <v>5857</v>
      </c>
      <c r="GV11" s="228"/>
      <c r="GW11" s="72">
        <v>6621</v>
      </c>
      <c r="GX11" s="72">
        <v>4231</v>
      </c>
      <c r="GY11" s="72">
        <v>2902</v>
      </c>
      <c r="GZ11" s="72">
        <v>2769</v>
      </c>
      <c r="HA11" s="72">
        <v>1660</v>
      </c>
      <c r="HB11" s="74">
        <v>18183</v>
      </c>
      <c r="HC11" s="75">
        <v>24040</v>
      </c>
      <c r="HD11" s="60">
        <v>63</v>
      </c>
      <c r="HE11" s="61">
        <v>74</v>
      </c>
      <c r="HF11" s="62">
        <v>137</v>
      </c>
      <c r="HG11" s="231"/>
      <c r="HH11" s="61">
        <v>178</v>
      </c>
      <c r="HI11" s="61">
        <v>111</v>
      </c>
      <c r="HJ11" s="61">
        <v>71</v>
      </c>
      <c r="HK11" s="61">
        <v>74</v>
      </c>
      <c r="HL11" s="61">
        <v>67</v>
      </c>
      <c r="HM11" s="62">
        <v>501</v>
      </c>
      <c r="HN11" s="63">
        <v>638</v>
      </c>
      <c r="HO11" s="60">
        <v>217</v>
      </c>
      <c r="HP11" s="61">
        <v>202</v>
      </c>
      <c r="HQ11" s="62">
        <v>419</v>
      </c>
      <c r="HR11" s="231"/>
      <c r="HS11" s="61">
        <v>455</v>
      </c>
      <c r="HT11" s="61">
        <v>317</v>
      </c>
      <c r="HU11" s="61">
        <v>166</v>
      </c>
      <c r="HV11" s="61">
        <v>170</v>
      </c>
      <c r="HW11" s="61">
        <v>122</v>
      </c>
      <c r="HX11" s="62">
        <v>1230</v>
      </c>
      <c r="HY11" s="63">
        <v>1649</v>
      </c>
      <c r="HZ11" s="60">
        <v>437</v>
      </c>
      <c r="IA11" s="61">
        <v>436</v>
      </c>
      <c r="IB11" s="62">
        <v>873</v>
      </c>
      <c r="IC11" s="231"/>
      <c r="ID11" s="61">
        <v>925</v>
      </c>
      <c r="IE11" s="61">
        <v>526</v>
      </c>
      <c r="IF11" s="61">
        <v>355</v>
      </c>
      <c r="IG11" s="61">
        <v>297</v>
      </c>
      <c r="IH11" s="61">
        <v>228</v>
      </c>
      <c r="II11" s="62">
        <v>2331</v>
      </c>
      <c r="IJ11" s="63">
        <v>3204</v>
      </c>
      <c r="IK11" s="60">
        <v>904</v>
      </c>
      <c r="IL11" s="61">
        <v>755</v>
      </c>
      <c r="IM11" s="62">
        <v>1659</v>
      </c>
      <c r="IN11" s="231"/>
      <c r="IO11" s="61">
        <v>1589</v>
      </c>
      <c r="IP11" s="61">
        <v>934</v>
      </c>
      <c r="IQ11" s="61">
        <v>586</v>
      </c>
      <c r="IR11" s="61">
        <v>543</v>
      </c>
      <c r="IS11" s="61">
        <v>331</v>
      </c>
      <c r="IT11" s="62">
        <v>3983</v>
      </c>
      <c r="IU11" s="63">
        <v>5642</v>
      </c>
      <c r="IV11" s="60">
        <v>882</v>
      </c>
      <c r="IW11" s="61">
        <v>865</v>
      </c>
      <c r="IX11" s="62">
        <v>1747</v>
      </c>
      <c r="IY11" s="231"/>
      <c r="IZ11" s="61">
        <v>1889</v>
      </c>
      <c r="JA11" s="61">
        <v>1127</v>
      </c>
      <c r="JB11" s="61">
        <v>738</v>
      </c>
      <c r="JC11" s="61">
        <v>704</v>
      </c>
      <c r="JD11" s="61">
        <v>396</v>
      </c>
      <c r="JE11" s="62">
        <v>4854</v>
      </c>
      <c r="JF11" s="63">
        <v>6601</v>
      </c>
      <c r="JG11" s="60">
        <v>498</v>
      </c>
      <c r="JH11" s="61">
        <v>524</v>
      </c>
      <c r="JI11" s="62">
        <v>1022</v>
      </c>
      <c r="JJ11" s="231"/>
      <c r="JK11" s="61">
        <v>1585</v>
      </c>
      <c r="JL11" s="61">
        <v>1216</v>
      </c>
      <c r="JM11" s="61">
        <v>986</v>
      </c>
      <c r="JN11" s="61">
        <v>981</v>
      </c>
      <c r="JO11" s="61">
        <v>516</v>
      </c>
      <c r="JP11" s="62">
        <v>5284</v>
      </c>
      <c r="JQ11" s="63">
        <v>6306</v>
      </c>
      <c r="JR11" s="60">
        <v>31</v>
      </c>
      <c r="JS11" s="61">
        <v>38</v>
      </c>
      <c r="JT11" s="62">
        <v>69</v>
      </c>
      <c r="JU11" s="231"/>
      <c r="JV11" s="61">
        <v>132</v>
      </c>
      <c r="JW11" s="61">
        <v>116</v>
      </c>
      <c r="JX11" s="61">
        <v>62</v>
      </c>
      <c r="JY11" s="61">
        <v>70</v>
      </c>
      <c r="JZ11" s="61">
        <v>49</v>
      </c>
      <c r="KA11" s="62">
        <v>429</v>
      </c>
      <c r="KB11" s="63">
        <v>498</v>
      </c>
      <c r="KC11" s="60">
        <v>3032</v>
      </c>
      <c r="KD11" s="61">
        <v>2894</v>
      </c>
      <c r="KE11" s="62">
        <v>5926</v>
      </c>
      <c r="KF11" s="231"/>
      <c r="KG11" s="61">
        <v>6753</v>
      </c>
      <c r="KH11" s="61">
        <v>4347</v>
      </c>
      <c r="KI11" s="61">
        <v>2964</v>
      </c>
      <c r="KJ11" s="61">
        <v>2839</v>
      </c>
      <c r="KK11" s="61">
        <v>1709</v>
      </c>
      <c r="KL11" s="62">
        <v>18612</v>
      </c>
      <c r="KM11" s="63">
        <v>24538</v>
      </c>
    </row>
    <row r="12" spans="2:299" ht="21" customHeight="1" x14ac:dyDescent="0.2">
      <c r="B12" s="472" t="s">
        <v>8</v>
      </c>
      <c r="C12" s="293">
        <v>584</v>
      </c>
      <c r="D12" s="72">
        <v>412</v>
      </c>
      <c r="E12" s="73">
        <v>996</v>
      </c>
      <c r="F12" s="228"/>
      <c r="G12" s="72">
        <v>1002</v>
      </c>
      <c r="H12" s="72">
        <v>875</v>
      </c>
      <c r="I12" s="72">
        <v>653</v>
      </c>
      <c r="J12" s="72">
        <v>504</v>
      </c>
      <c r="K12" s="72">
        <v>280</v>
      </c>
      <c r="L12" s="74">
        <v>3314</v>
      </c>
      <c r="M12" s="75">
        <v>4310</v>
      </c>
      <c r="N12" s="60">
        <v>21</v>
      </c>
      <c r="O12" s="61">
        <v>26</v>
      </c>
      <c r="P12" s="62">
        <v>47</v>
      </c>
      <c r="Q12" s="231"/>
      <c r="R12" s="61">
        <v>55</v>
      </c>
      <c r="S12" s="61">
        <v>41</v>
      </c>
      <c r="T12" s="61">
        <v>27</v>
      </c>
      <c r="U12" s="61">
        <v>27</v>
      </c>
      <c r="V12" s="61">
        <v>21</v>
      </c>
      <c r="W12" s="62">
        <v>171</v>
      </c>
      <c r="X12" s="63">
        <v>218</v>
      </c>
      <c r="Y12" s="60">
        <v>52</v>
      </c>
      <c r="Z12" s="61">
        <v>51</v>
      </c>
      <c r="AA12" s="62">
        <v>103</v>
      </c>
      <c r="AB12" s="231"/>
      <c r="AC12" s="61">
        <v>91</v>
      </c>
      <c r="AD12" s="61">
        <v>99</v>
      </c>
      <c r="AE12" s="61">
        <v>64</v>
      </c>
      <c r="AF12" s="61">
        <v>67</v>
      </c>
      <c r="AG12" s="61">
        <v>49</v>
      </c>
      <c r="AH12" s="62">
        <v>370</v>
      </c>
      <c r="AI12" s="63">
        <v>473</v>
      </c>
      <c r="AJ12" s="60">
        <v>89</v>
      </c>
      <c r="AK12" s="61">
        <v>66</v>
      </c>
      <c r="AL12" s="62">
        <v>155</v>
      </c>
      <c r="AM12" s="231"/>
      <c r="AN12" s="61">
        <v>169</v>
      </c>
      <c r="AO12" s="61">
        <v>152</v>
      </c>
      <c r="AP12" s="61">
        <v>102</v>
      </c>
      <c r="AQ12" s="61">
        <v>85</v>
      </c>
      <c r="AR12" s="61">
        <v>49</v>
      </c>
      <c r="AS12" s="62">
        <v>557</v>
      </c>
      <c r="AT12" s="63">
        <v>712</v>
      </c>
      <c r="AU12" s="60">
        <v>156</v>
      </c>
      <c r="AV12" s="61">
        <v>94</v>
      </c>
      <c r="AW12" s="62">
        <v>250</v>
      </c>
      <c r="AX12" s="231"/>
      <c r="AY12" s="61">
        <v>269</v>
      </c>
      <c r="AZ12" s="61">
        <v>239</v>
      </c>
      <c r="BA12" s="61">
        <v>155</v>
      </c>
      <c r="BB12" s="61">
        <v>134</v>
      </c>
      <c r="BC12" s="61">
        <v>68</v>
      </c>
      <c r="BD12" s="62">
        <v>865</v>
      </c>
      <c r="BE12" s="63">
        <v>1115</v>
      </c>
      <c r="BF12" s="60">
        <v>162</v>
      </c>
      <c r="BG12" s="61">
        <v>95</v>
      </c>
      <c r="BH12" s="62">
        <v>257</v>
      </c>
      <c r="BI12" s="231"/>
      <c r="BJ12" s="61">
        <v>243</v>
      </c>
      <c r="BK12" s="61">
        <v>197</v>
      </c>
      <c r="BL12" s="61">
        <v>166</v>
      </c>
      <c r="BM12" s="61">
        <v>93</v>
      </c>
      <c r="BN12" s="61">
        <v>52</v>
      </c>
      <c r="BO12" s="62">
        <v>751</v>
      </c>
      <c r="BP12" s="63">
        <v>1008</v>
      </c>
      <c r="BQ12" s="60">
        <v>104</v>
      </c>
      <c r="BR12" s="61">
        <v>80</v>
      </c>
      <c r="BS12" s="62">
        <v>184</v>
      </c>
      <c r="BT12" s="231"/>
      <c r="BU12" s="61">
        <v>175</v>
      </c>
      <c r="BV12" s="61">
        <v>147</v>
      </c>
      <c r="BW12" s="61">
        <v>139</v>
      </c>
      <c r="BX12" s="61">
        <v>98</v>
      </c>
      <c r="BY12" s="61">
        <v>41</v>
      </c>
      <c r="BZ12" s="62">
        <v>600</v>
      </c>
      <c r="CA12" s="63">
        <v>784</v>
      </c>
      <c r="CB12" s="60">
        <v>15</v>
      </c>
      <c r="CC12" s="61">
        <v>14</v>
      </c>
      <c r="CD12" s="62">
        <v>29</v>
      </c>
      <c r="CE12" s="231"/>
      <c r="CF12" s="61">
        <v>32</v>
      </c>
      <c r="CG12" s="61">
        <v>44</v>
      </c>
      <c r="CH12" s="61">
        <v>22</v>
      </c>
      <c r="CI12" s="61">
        <v>23</v>
      </c>
      <c r="CJ12" s="61">
        <v>15</v>
      </c>
      <c r="CK12" s="62">
        <v>136</v>
      </c>
      <c r="CL12" s="63">
        <v>165</v>
      </c>
      <c r="CM12" s="60">
        <v>599</v>
      </c>
      <c r="CN12" s="61">
        <v>426</v>
      </c>
      <c r="CO12" s="62">
        <v>1025</v>
      </c>
      <c r="CP12" s="231"/>
      <c r="CQ12" s="61">
        <v>1034</v>
      </c>
      <c r="CR12" s="61">
        <v>919</v>
      </c>
      <c r="CS12" s="61">
        <v>675</v>
      </c>
      <c r="CT12" s="61">
        <v>527</v>
      </c>
      <c r="CU12" s="61">
        <v>295</v>
      </c>
      <c r="CV12" s="62">
        <v>3450</v>
      </c>
      <c r="CW12" s="63">
        <v>4475</v>
      </c>
      <c r="CX12" s="113">
        <v>1115</v>
      </c>
      <c r="CY12" s="72">
        <v>972</v>
      </c>
      <c r="CZ12" s="73">
        <v>2087</v>
      </c>
      <c r="DA12" s="228"/>
      <c r="DB12" s="72">
        <v>1758</v>
      </c>
      <c r="DC12" s="72">
        <v>1625</v>
      </c>
      <c r="DD12" s="72">
        <v>1308</v>
      </c>
      <c r="DE12" s="72">
        <v>1118</v>
      </c>
      <c r="DF12" s="72">
        <v>666</v>
      </c>
      <c r="DG12" s="74">
        <v>6475</v>
      </c>
      <c r="DH12" s="75">
        <v>8562</v>
      </c>
      <c r="DI12" s="60">
        <v>28</v>
      </c>
      <c r="DJ12" s="61">
        <v>22</v>
      </c>
      <c r="DK12" s="62">
        <v>50</v>
      </c>
      <c r="DL12" s="231"/>
      <c r="DM12" s="61">
        <v>42</v>
      </c>
      <c r="DN12" s="61">
        <v>23</v>
      </c>
      <c r="DO12" s="61">
        <v>18</v>
      </c>
      <c r="DP12" s="61">
        <v>31</v>
      </c>
      <c r="DQ12" s="61">
        <v>15</v>
      </c>
      <c r="DR12" s="62">
        <v>129</v>
      </c>
      <c r="DS12" s="63">
        <v>179</v>
      </c>
      <c r="DT12" s="60">
        <v>91</v>
      </c>
      <c r="DU12" s="61">
        <v>63</v>
      </c>
      <c r="DV12" s="62">
        <v>154</v>
      </c>
      <c r="DW12" s="231"/>
      <c r="DX12" s="61">
        <v>96</v>
      </c>
      <c r="DY12" s="61">
        <v>81</v>
      </c>
      <c r="DZ12" s="61">
        <v>54</v>
      </c>
      <c r="EA12" s="61">
        <v>57</v>
      </c>
      <c r="EB12" s="61">
        <v>41</v>
      </c>
      <c r="EC12" s="62">
        <v>329</v>
      </c>
      <c r="ED12" s="63">
        <v>483</v>
      </c>
      <c r="EE12" s="60">
        <v>151</v>
      </c>
      <c r="EF12" s="61">
        <v>147</v>
      </c>
      <c r="EG12" s="62">
        <v>298</v>
      </c>
      <c r="EH12" s="231"/>
      <c r="EI12" s="61">
        <v>209</v>
      </c>
      <c r="EJ12" s="61">
        <v>167</v>
      </c>
      <c r="EK12" s="61">
        <v>111</v>
      </c>
      <c r="EL12" s="61">
        <v>108</v>
      </c>
      <c r="EM12" s="61">
        <v>72</v>
      </c>
      <c r="EN12" s="62">
        <v>667</v>
      </c>
      <c r="EO12" s="63">
        <v>965</v>
      </c>
      <c r="EP12" s="60">
        <v>360</v>
      </c>
      <c r="EQ12" s="61">
        <v>268</v>
      </c>
      <c r="ER12" s="62">
        <v>628</v>
      </c>
      <c r="ES12" s="231"/>
      <c r="ET12" s="61">
        <v>475</v>
      </c>
      <c r="EU12" s="61">
        <v>331</v>
      </c>
      <c r="EV12" s="61">
        <v>250</v>
      </c>
      <c r="EW12" s="61">
        <v>199</v>
      </c>
      <c r="EX12" s="61">
        <v>122</v>
      </c>
      <c r="EY12" s="62">
        <v>1377</v>
      </c>
      <c r="EZ12" s="63">
        <v>2005</v>
      </c>
      <c r="FA12" s="60">
        <v>302</v>
      </c>
      <c r="FB12" s="61">
        <v>286</v>
      </c>
      <c r="FC12" s="62">
        <v>588</v>
      </c>
      <c r="FD12" s="231"/>
      <c r="FE12" s="61">
        <v>508</v>
      </c>
      <c r="FF12" s="61">
        <v>487</v>
      </c>
      <c r="FG12" s="61">
        <v>370</v>
      </c>
      <c r="FH12" s="61">
        <v>256</v>
      </c>
      <c r="FI12" s="61">
        <v>177</v>
      </c>
      <c r="FJ12" s="62">
        <v>1798</v>
      </c>
      <c r="FK12" s="63">
        <v>2386</v>
      </c>
      <c r="FL12" s="60">
        <v>183</v>
      </c>
      <c r="FM12" s="61">
        <v>186</v>
      </c>
      <c r="FN12" s="62">
        <v>369</v>
      </c>
      <c r="FO12" s="231"/>
      <c r="FP12" s="61">
        <v>428</v>
      </c>
      <c r="FQ12" s="61">
        <v>536</v>
      </c>
      <c r="FR12" s="61">
        <v>505</v>
      </c>
      <c r="FS12" s="61">
        <v>467</v>
      </c>
      <c r="FT12" s="61">
        <v>239</v>
      </c>
      <c r="FU12" s="62">
        <v>2175</v>
      </c>
      <c r="FV12" s="63">
        <v>2544</v>
      </c>
      <c r="FW12" s="60">
        <v>8</v>
      </c>
      <c r="FX12" s="61">
        <v>18</v>
      </c>
      <c r="FY12" s="62">
        <v>26</v>
      </c>
      <c r="FZ12" s="231"/>
      <c r="GA12" s="61">
        <v>22</v>
      </c>
      <c r="GB12" s="61">
        <v>38</v>
      </c>
      <c r="GC12" s="61">
        <v>14</v>
      </c>
      <c r="GD12" s="61">
        <v>16</v>
      </c>
      <c r="GE12" s="61">
        <v>13</v>
      </c>
      <c r="GF12" s="62">
        <v>103</v>
      </c>
      <c r="GG12" s="63">
        <v>129</v>
      </c>
      <c r="GH12" s="60">
        <v>1123</v>
      </c>
      <c r="GI12" s="61">
        <v>990</v>
      </c>
      <c r="GJ12" s="62">
        <v>2113</v>
      </c>
      <c r="GK12" s="231"/>
      <c r="GL12" s="61">
        <v>1780</v>
      </c>
      <c r="GM12" s="61">
        <v>1663</v>
      </c>
      <c r="GN12" s="61">
        <v>1322</v>
      </c>
      <c r="GO12" s="61">
        <v>1134</v>
      </c>
      <c r="GP12" s="61">
        <v>679</v>
      </c>
      <c r="GQ12" s="62">
        <v>6578</v>
      </c>
      <c r="GR12" s="63">
        <v>8691</v>
      </c>
      <c r="GS12" s="113">
        <v>1699</v>
      </c>
      <c r="GT12" s="72">
        <v>1384</v>
      </c>
      <c r="GU12" s="73">
        <v>3083</v>
      </c>
      <c r="GV12" s="228"/>
      <c r="GW12" s="72">
        <v>2760</v>
      </c>
      <c r="GX12" s="72">
        <v>2500</v>
      </c>
      <c r="GY12" s="72">
        <v>1961</v>
      </c>
      <c r="GZ12" s="72">
        <v>1622</v>
      </c>
      <c r="HA12" s="72">
        <v>946</v>
      </c>
      <c r="HB12" s="74">
        <v>9789</v>
      </c>
      <c r="HC12" s="75">
        <v>12872</v>
      </c>
      <c r="HD12" s="60">
        <v>49</v>
      </c>
      <c r="HE12" s="61">
        <v>48</v>
      </c>
      <c r="HF12" s="62">
        <v>97</v>
      </c>
      <c r="HG12" s="231"/>
      <c r="HH12" s="61">
        <v>97</v>
      </c>
      <c r="HI12" s="61">
        <v>64</v>
      </c>
      <c r="HJ12" s="61">
        <v>45</v>
      </c>
      <c r="HK12" s="61">
        <v>58</v>
      </c>
      <c r="HL12" s="61">
        <v>36</v>
      </c>
      <c r="HM12" s="62">
        <v>300</v>
      </c>
      <c r="HN12" s="63">
        <v>397</v>
      </c>
      <c r="HO12" s="60">
        <v>143</v>
      </c>
      <c r="HP12" s="61">
        <v>114</v>
      </c>
      <c r="HQ12" s="62">
        <v>257</v>
      </c>
      <c r="HR12" s="231"/>
      <c r="HS12" s="61">
        <v>187</v>
      </c>
      <c r="HT12" s="61">
        <v>180</v>
      </c>
      <c r="HU12" s="61">
        <v>118</v>
      </c>
      <c r="HV12" s="61">
        <v>124</v>
      </c>
      <c r="HW12" s="61">
        <v>90</v>
      </c>
      <c r="HX12" s="62">
        <v>699</v>
      </c>
      <c r="HY12" s="63">
        <v>956</v>
      </c>
      <c r="HZ12" s="60">
        <v>240</v>
      </c>
      <c r="IA12" s="61">
        <v>213</v>
      </c>
      <c r="IB12" s="62">
        <v>453</v>
      </c>
      <c r="IC12" s="231"/>
      <c r="ID12" s="61">
        <v>378</v>
      </c>
      <c r="IE12" s="61">
        <v>319</v>
      </c>
      <c r="IF12" s="61">
        <v>213</v>
      </c>
      <c r="IG12" s="61">
        <v>193</v>
      </c>
      <c r="IH12" s="61">
        <v>121</v>
      </c>
      <c r="II12" s="62">
        <v>1224</v>
      </c>
      <c r="IJ12" s="63">
        <v>1677</v>
      </c>
      <c r="IK12" s="60">
        <v>516</v>
      </c>
      <c r="IL12" s="61">
        <v>362</v>
      </c>
      <c r="IM12" s="62">
        <v>878</v>
      </c>
      <c r="IN12" s="231"/>
      <c r="IO12" s="61">
        <v>744</v>
      </c>
      <c r="IP12" s="61">
        <v>570</v>
      </c>
      <c r="IQ12" s="61">
        <v>405</v>
      </c>
      <c r="IR12" s="61">
        <v>333</v>
      </c>
      <c r="IS12" s="61">
        <v>190</v>
      </c>
      <c r="IT12" s="62">
        <v>2242</v>
      </c>
      <c r="IU12" s="63">
        <v>3120</v>
      </c>
      <c r="IV12" s="60">
        <v>464</v>
      </c>
      <c r="IW12" s="61">
        <v>381</v>
      </c>
      <c r="IX12" s="62">
        <v>845</v>
      </c>
      <c r="IY12" s="231"/>
      <c r="IZ12" s="61">
        <v>751</v>
      </c>
      <c r="JA12" s="61">
        <v>684</v>
      </c>
      <c r="JB12" s="61">
        <v>536</v>
      </c>
      <c r="JC12" s="61">
        <v>349</v>
      </c>
      <c r="JD12" s="61">
        <v>229</v>
      </c>
      <c r="JE12" s="62">
        <v>2549</v>
      </c>
      <c r="JF12" s="63">
        <v>3394</v>
      </c>
      <c r="JG12" s="60">
        <v>287</v>
      </c>
      <c r="JH12" s="61">
        <v>266</v>
      </c>
      <c r="JI12" s="62">
        <v>553</v>
      </c>
      <c r="JJ12" s="231"/>
      <c r="JK12" s="61">
        <v>603</v>
      </c>
      <c r="JL12" s="61">
        <v>683</v>
      </c>
      <c r="JM12" s="61">
        <v>644</v>
      </c>
      <c r="JN12" s="61">
        <v>565</v>
      </c>
      <c r="JO12" s="61">
        <v>280</v>
      </c>
      <c r="JP12" s="62">
        <v>2775</v>
      </c>
      <c r="JQ12" s="63">
        <v>3328</v>
      </c>
      <c r="JR12" s="60">
        <v>23</v>
      </c>
      <c r="JS12" s="61">
        <v>32</v>
      </c>
      <c r="JT12" s="62">
        <v>55</v>
      </c>
      <c r="JU12" s="231"/>
      <c r="JV12" s="61">
        <v>54</v>
      </c>
      <c r="JW12" s="61">
        <v>82</v>
      </c>
      <c r="JX12" s="61">
        <v>36</v>
      </c>
      <c r="JY12" s="61">
        <v>39</v>
      </c>
      <c r="JZ12" s="61">
        <v>28</v>
      </c>
      <c r="KA12" s="62">
        <v>239</v>
      </c>
      <c r="KB12" s="63">
        <v>294</v>
      </c>
      <c r="KC12" s="60">
        <v>1722</v>
      </c>
      <c r="KD12" s="61">
        <v>1416</v>
      </c>
      <c r="KE12" s="62">
        <v>3138</v>
      </c>
      <c r="KF12" s="231"/>
      <c r="KG12" s="61">
        <v>2814</v>
      </c>
      <c r="KH12" s="61">
        <v>2582</v>
      </c>
      <c r="KI12" s="61">
        <v>1997</v>
      </c>
      <c r="KJ12" s="61">
        <v>1661</v>
      </c>
      <c r="KK12" s="61">
        <v>974</v>
      </c>
      <c r="KL12" s="62">
        <v>10028</v>
      </c>
      <c r="KM12" s="63">
        <v>13166</v>
      </c>
    </row>
    <row r="13" spans="2:299" ht="21" customHeight="1" x14ac:dyDescent="0.2">
      <c r="B13" s="472" t="s">
        <v>9</v>
      </c>
      <c r="C13" s="293">
        <v>714</v>
      </c>
      <c r="D13" s="72">
        <v>390</v>
      </c>
      <c r="E13" s="73">
        <v>1104</v>
      </c>
      <c r="F13" s="228"/>
      <c r="G13" s="72">
        <v>856</v>
      </c>
      <c r="H13" s="72">
        <v>571</v>
      </c>
      <c r="I13" s="72">
        <v>457</v>
      </c>
      <c r="J13" s="72">
        <v>371</v>
      </c>
      <c r="K13" s="72">
        <v>231</v>
      </c>
      <c r="L13" s="74">
        <v>2486</v>
      </c>
      <c r="M13" s="75">
        <v>3590</v>
      </c>
      <c r="N13" s="60">
        <v>23</v>
      </c>
      <c r="O13" s="61">
        <v>15</v>
      </c>
      <c r="P13" s="62">
        <v>38</v>
      </c>
      <c r="Q13" s="231"/>
      <c r="R13" s="61">
        <v>25</v>
      </c>
      <c r="S13" s="61">
        <v>21</v>
      </c>
      <c r="T13" s="61">
        <v>17</v>
      </c>
      <c r="U13" s="61">
        <v>13</v>
      </c>
      <c r="V13" s="61">
        <v>14</v>
      </c>
      <c r="W13" s="62">
        <v>90</v>
      </c>
      <c r="X13" s="63">
        <v>128</v>
      </c>
      <c r="Y13" s="60">
        <v>41</v>
      </c>
      <c r="Z13" s="61">
        <v>27</v>
      </c>
      <c r="AA13" s="62">
        <v>68</v>
      </c>
      <c r="AB13" s="231"/>
      <c r="AC13" s="61">
        <v>55</v>
      </c>
      <c r="AD13" s="61">
        <v>41</v>
      </c>
      <c r="AE13" s="61">
        <v>31</v>
      </c>
      <c r="AF13" s="61">
        <v>20</v>
      </c>
      <c r="AG13" s="61">
        <v>30</v>
      </c>
      <c r="AH13" s="62">
        <v>177</v>
      </c>
      <c r="AI13" s="63">
        <v>245</v>
      </c>
      <c r="AJ13" s="60">
        <v>72</v>
      </c>
      <c r="AK13" s="61">
        <v>53</v>
      </c>
      <c r="AL13" s="62">
        <v>125</v>
      </c>
      <c r="AM13" s="231"/>
      <c r="AN13" s="61">
        <v>99</v>
      </c>
      <c r="AO13" s="61">
        <v>69</v>
      </c>
      <c r="AP13" s="61">
        <v>68</v>
      </c>
      <c r="AQ13" s="61">
        <v>56</v>
      </c>
      <c r="AR13" s="61">
        <v>36</v>
      </c>
      <c r="AS13" s="62">
        <v>328</v>
      </c>
      <c r="AT13" s="63">
        <v>453</v>
      </c>
      <c r="AU13" s="60">
        <v>185</v>
      </c>
      <c r="AV13" s="61">
        <v>85</v>
      </c>
      <c r="AW13" s="62">
        <v>270</v>
      </c>
      <c r="AX13" s="231"/>
      <c r="AY13" s="61">
        <v>207</v>
      </c>
      <c r="AZ13" s="61">
        <v>123</v>
      </c>
      <c r="BA13" s="61">
        <v>84</v>
      </c>
      <c r="BB13" s="61">
        <v>62</v>
      </c>
      <c r="BC13" s="61">
        <v>46</v>
      </c>
      <c r="BD13" s="62">
        <v>522</v>
      </c>
      <c r="BE13" s="63">
        <v>792</v>
      </c>
      <c r="BF13" s="60">
        <v>223</v>
      </c>
      <c r="BG13" s="61">
        <v>124</v>
      </c>
      <c r="BH13" s="62">
        <v>347</v>
      </c>
      <c r="BI13" s="231"/>
      <c r="BJ13" s="61">
        <v>249</v>
      </c>
      <c r="BK13" s="61">
        <v>146</v>
      </c>
      <c r="BL13" s="61">
        <v>118</v>
      </c>
      <c r="BM13" s="61">
        <v>107</v>
      </c>
      <c r="BN13" s="61">
        <v>51</v>
      </c>
      <c r="BO13" s="62">
        <v>671</v>
      </c>
      <c r="BP13" s="63">
        <v>1018</v>
      </c>
      <c r="BQ13" s="60">
        <v>170</v>
      </c>
      <c r="BR13" s="61">
        <v>86</v>
      </c>
      <c r="BS13" s="62">
        <v>256</v>
      </c>
      <c r="BT13" s="231"/>
      <c r="BU13" s="61">
        <v>221</v>
      </c>
      <c r="BV13" s="61">
        <v>171</v>
      </c>
      <c r="BW13" s="61">
        <v>139</v>
      </c>
      <c r="BX13" s="61">
        <v>113</v>
      </c>
      <c r="BY13" s="61">
        <v>54</v>
      </c>
      <c r="BZ13" s="62">
        <v>698</v>
      </c>
      <c r="CA13" s="63">
        <v>954</v>
      </c>
      <c r="CB13" s="60">
        <v>6</v>
      </c>
      <c r="CC13" s="61">
        <v>13</v>
      </c>
      <c r="CD13" s="62">
        <v>19</v>
      </c>
      <c r="CE13" s="231"/>
      <c r="CF13" s="61">
        <v>26</v>
      </c>
      <c r="CG13" s="61">
        <v>25</v>
      </c>
      <c r="CH13" s="61">
        <v>16</v>
      </c>
      <c r="CI13" s="61">
        <v>16</v>
      </c>
      <c r="CJ13" s="61">
        <v>7</v>
      </c>
      <c r="CK13" s="62">
        <v>90</v>
      </c>
      <c r="CL13" s="63">
        <v>109</v>
      </c>
      <c r="CM13" s="60">
        <v>720</v>
      </c>
      <c r="CN13" s="61">
        <v>403</v>
      </c>
      <c r="CO13" s="62">
        <v>1123</v>
      </c>
      <c r="CP13" s="231"/>
      <c r="CQ13" s="61">
        <v>882</v>
      </c>
      <c r="CR13" s="61">
        <v>596</v>
      </c>
      <c r="CS13" s="61">
        <v>473</v>
      </c>
      <c r="CT13" s="61">
        <v>387</v>
      </c>
      <c r="CU13" s="61">
        <v>238</v>
      </c>
      <c r="CV13" s="62">
        <v>2576</v>
      </c>
      <c r="CW13" s="63">
        <v>3699</v>
      </c>
      <c r="CX13" s="113">
        <v>1419</v>
      </c>
      <c r="CY13" s="72">
        <v>1030</v>
      </c>
      <c r="CZ13" s="73">
        <v>2449</v>
      </c>
      <c r="DA13" s="228"/>
      <c r="DB13" s="72">
        <v>1696</v>
      </c>
      <c r="DC13" s="72">
        <v>1125</v>
      </c>
      <c r="DD13" s="72">
        <v>956</v>
      </c>
      <c r="DE13" s="72">
        <v>1034</v>
      </c>
      <c r="DF13" s="72">
        <v>755</v>
      </c>
      <c r="DG13" s="74">
        <v>5566</v>
      </c>
      <c r="DH13" s="75">
        <v>8015</v>
      </c>
      <c r="DI13" s="60">
        <v>23</v>
      </c>
      <c r="DJ13" s="61">
        <v>22</v>
      </c>
      <c r="DK13" s="62">
        <v>45</v>
      </c>
      <c r="DL13" s="231"/>
      <c r="DM13" s="61">
        <v>12</v>
      </c>
      <c r="DN13" s="61">
        <v>16</v>
      </c>
      <c r="DO13" s="61">
        <v>15</v>
      </c>
      <c r="DP13" s="61">
        <v>6</v>
      </c>
      <c r="DQ13" s="61">
        <v>15</v>
      </c>
      <c r="DR13" s="62">
        <v>64</v>
      </c>
      <c r="DS13" s="63">
        <v>109</v>
      </c>
      <c r="DT13" s="60">
        <v>63</v>
      </c>
      <c r="DU13" s="61">
        <v>54</v>
      </c>
      <c r="DV13" s="62">
        <v>117</v>
      </c>
      <c r="DW13" s="231"/>
      <c r="DX13" s="61">
        <v>62</v>
      </c>
      <c r="DY13" s="61">
        <v>26</v>
      </c>
      <c r="DZ13" s="61">
        <v>26</v>
      </c>
      <c r="EA13" s="61">
        <v>28</v>
      </c>
      <c r="EB13" s="61">
        <v>21</v>
      </c>
      <c r="EC13" s="62">
        <v>163</v>
      </c>
      <c r="ED13" s="63">
        <v>280</v>
      </c>
      <c r="EE13" s="60">
        <v>197</v>
      </c>
      <c r="EF13" s="61">
        <v>139</v>
      </c>
      <c r="EG13" s="62">
        <v>336</v>
      </c>
      <c r="EH13" s="231"/>
      <c r="EI13" s="61">
        <v>167</v>
      </c>
      <c r="EJ13" s="61">
        <v>101</v>
      </c>
      <c r="EK13" s="61">
        <v>71</v>
      </c>
      <c r="EL13" s="61">
        <v>63</v>
      </c>
      <c r="EM13" s="61">
        <v>71</v>
      </c>
      <c r="EN13" s="62">
        <v>473</v>
      </c>
      <c r="EO13" s="63">
        <v>809</v>
      </c>
      <c r="EP13" s="60">
        <v>387</v>
      </c>
      <c r="EQ13" s="61">
        <v>267</v>
      </c>
      <c r="ER13" s="62">
        <v>654</v>
      </c>
      <c r="ES13" s="231"/>
      <c r="ET13" s="61">
        <v>356</v>
      </c>
      <c r="EU13" s="61">
        <v>208</v>
      </c>
      <c r="EV13" s="61">
        <v>144</v>
      </c>
      <c r="EW13" s="61">
        <v>164</v>
      </c>
      <c r="EX13" s="61">
        <v>112</v>
      </c>
      <c r="EY13" s="62">
        <v>984</v>
      </c>
      <c r="EZ13" s="63">
        <v>1638</v>
      </c>
      <c r="FA13" s="60">
        <v>478</v>
      </c>
      <c r="FB13" s="61">
        <v>308</v>
      </c>
      <c r="FC13" s="62">
        <v>786</v>
      </c>
      <c r="FD13" s="231"/>
      <c r="FE13" s="61">
        <v>491</v>
      </c>
      <c r="FF13" s="61">
        <v>339</v>
      </c>
      <c r="FG13" s="61">
        <v>242</v>
      </c>
      <c r="FH13" s="61">
        <v>245</v>
      </c>
      <c r="FI13" s="61">
        <v>178</v>
      </c>
      <c r="FJ13" s="62">
        <v>1495</v>
      </c>
      <c r="FK13" s="63">
        <v>2281</v>
      </c>
      <c r="FL13" s="60">
        <v>271</v>
      </c>
      <c r="FM13" s="61">
        <v>240</v>
      </c>
      <c r="FN13" s="62">
        <v>511</v>
      </c>
      <c r="FO13" s="231"/>
      <c r="FP13" s="61">
        <v>608</v>
      </c>
      <c r="FQ13" s="61">
        <v>435</v>
      </c>
      <c r="FR13" s="61">
        <v>458</v>
      </c>
      <c r="FS13" s="61">
        <v>528</v>
      </c>
      <c r="FT13" s="61">
        <v>358</v>
      </c>
      <c r="FU13" s="62">
        <v>2387</v>
      </c>
      <c r="FV13" s="63">
        <v>2898</v>
      </c>
      <c r="FW13" s="60">
        <v>6</v>
      </c>
      <c r="FX13" s="61">
        <v>18</v>
      </c>
      <c r="FY13" s="62">
        <v>24</v>
      </c>
      <c r="FZ13" s="231"/>
      <c r="GA13" s="61">
        <v>10</v>
      </c>
      <c r="GB13" s="61">
        <v>19</v>
      </c>
      <c r="GC13" s="61">
        <v>10</v>
      </c>
      <c r="GD13" s="61">
        <v>16</v>
      </c>
      <c r="GE13" s="61">
        <v>11</v>
      </c>
      <c r="GF13" s="62">
        <v>66</v>
      </c>
      <c r="GG13" s="63">
        <v>90</v>
      </c>
      <c r="GH13" s="60">
        <v>1425</v>
      </c>
      <c r="GI13" s="61">
        <v>1048</v>
      </c>
      <c r="GJ13" s="62">
        <v>2473</v>
      </c>
      <c r="GK13" s="231"/>
      <c r="GL13" s="61">
        <v>1706</v>
      </c>
      <c r="GM13" s="61">
        <v>1144</v>
      </c>
      <c r="GN13" s="61">
        <v>966</v>
      </c>
      <c r="GO13" s="61">
        <v>1050</v>
      </c>
      <c r="GP13" s="61">
        <v>766</v>
      </c>
      <c r="GQ13" s="62">
        <v>5632</v>
      </c>
      <c r="GR13" s="63">
        <v>8105</v>
      </c>
      <c r="GS13" s="113">
        <v>2133</v>
      </c>
      <c r="GT13" s="72">
        <v>1420</v>
      </c>
      <c r="GU13" s="73">
        <v>3553</v>
      </c>
      <c r="GV13" s="228"/>
      <c r="GW13" s="72">
        <v>2552</v>
      </c>
      <c r="GX13" s="72">
        <v>1696</v>
      </c>
      <c r="GY13" s="72">
        <v>1413</v>
      </c>
      <c r="GZ13" s="72">
        <v>1405</v>
      </c>
      <c r="HA13" s="72">
        <v>986</v>
      </c>
      <c r="HB13" s="74">
        <v>8052</v>
      </c>
      <c r="HC13" s="75">
        <v>11605</v>
      </c>
      <c r="HD13" s="60">
        <v>46</v>
      </c>
      <c r="HE13" s="61">
        <v>37</v>
      </c>
      <c r="HF13" s="62">
        <v>83</v>
      </c>
      <c r="HG13" s="231"/>
      <c r="HH13" s="61">
        <v>37</v>
      </c>
      <c r="HI13" s="61">
        <v>37</v>
      </c>
      <c r="HJ13" s="61">
        <v>32</v>
      </c>
      <c r="HK13" s="61">
        <v>19</v>
      </c>
      <c r="HL13" s="61">
        <v>29</v>
      </c>
      <c r="HM13" s="62">
        <v>154</v>
      </c>
      <c r="HN13" s="63">
        <v>237</v>
      </c>
      <c r="HO13" s="60">
        <v>104</v>
      </c>
      <c r="HP13" s="61">
        <v>81</v>
      </c>
      <c r="HQ13" s="62">
        <v>185</v>
      </c>
      <c r="HR13" s="231"/>
      <c r="HS13" s="61">
        <v>117</v>
      </c>
      <c r="HT13" s="61">
        <v>67</v>
      </c>
      <c r="HU13" s="61">
        <v>57</v>
      </c>
      <c r="HV13" s="61">
        <v>48</v>
      </c>
      <c r="HW13" s="61">
        <v>51</v>
      </c>
      <c r="HX13" s="62">
        <v>340</v>
      </c>
      <c r="HY13" s="63">
        <v>525</v>
      </c>
      <c r="HZ13" s="60">
        <v>269</v>
      </c>
      <c r="IA13" s="61">
        <v>192</v>
      </c>
      <c r="IB13" s="62">
        <v>461</v>
      </c>
      <c r="IC13" s="231"/>
      <c r="ID13" s="61">
        <v>266</v>
      </c>
      <c r="IE13" s="61">
        <v>170</v>
      </c>
      <c r="IF13" s="61">
        <v>139</v>
      </c>
      <c r="IG13" s="61">
        <v>119</v>
      </c>
      <c r="IH13" s="61">
        <v>107</v>
      </c>
      <c r="II13" s="62">
        <v>801</v>
      </c>
      <c r="IJ13" s="63">
        <v>1262</v>
      </c>
      <c r="IK13" s="60">
        <v>572</v>
      </c>
      <c r="IL13" s="61">
        <v>352</v>
      </c>
      <c r="IM13" s="62">
        <v>924</v>
      </c>
      <c r="IN13" s="231"/>
      <c r="IO13" s="61">
        <v>563</v>
      </c>
      <c r="IP13" s="61">
        <v>331</v>
      </c>
      <c r="IQ13" s="61">
        <v>228</v>
      </c>
      <c r="IR13" s="61">
        <v>226</v>
      </c>
      <c r="IS13" s="61">
        <v>158</v>
      </c>
      <c r="IT13" s="62">
        <v>1506</v>
      </c>
      <c r="IU13" s="63">
        <v>2430</v>
      </c>
      <c r="IV13" s="60">
        <v>701</v>
      </c>
      <c r="IW13" s="61">
        <v>432</v>
      </c>
      <c r="IX13" s="62">
        <v>1133</v>
      </c>
      <c r="IY13" s="231"/>
      <c r="IZ13" s="61">
        <v>740</v>
      </c>
      <c r="JA13" s="61">
        <v>485</v>
      </c>
      <c r="JB13" s="61">
        <v>360</v>
      </c>
      <c r="JC13" s="61">
        <v>352</v>
      </c>
      <c r="JD13" s="61">
        <v>229</v>
      </c>
      <c r="JE13" s="62">
        <v>2166</v>
      </c>
      <c r="JF13" s="63">
        <v>3299</v>
      </c>
      <c r="JG13" s="60">
        <v>441</v>
      </c>
      <c r="JH13" s="61">
        <v>326</v>
      </c>
      <c r="JI13" s="62">
        <v>767</v>
      </c>
      <c r="JJ13" s="231"/>
      <c r="JK13" s="61">
        <v>829</v>
      </c>
      <c r="JL13" s="61">
        <v>606</v>
      </c>
      <c r="JM13" s="61">
        <v>597</v>
      </c>
      <c r="JN13" s="61">
        <v>641</v>
      </c>
      <c r="JO13" s="61">
        <v>412</v>
      </c>
      <c r="JP13" s="62">
        <v>3085</v>
      </c>
      <c r="JQ13" s="63">
        <v>3852</v>
      </c>
      <c r="JR13" s="60">
        <v>12</v>
      </c>
      <c r="JS13" s="61">
        <v>31</v>
      </c>
      <c r="JT13" s="62">
        <v>43</v>
      </c>
      <c r="JU13" s="231"/>
      <c r="JV13" s="61">
        <v>36</v>
      </c>
      <c r="JW13" s="61">
        <v>44</v>
      </c>
      <c r="JX13" s="61">
        <v>26</v>
      </c>
      <c r="JY13" s="61">
        <v>32</v>
      </c>
      <c r="JZ13" s="61">
        <v>18</v>
      </c>
      <c r="KA13" s="62">
        <v>156</v>
      </c>
      <c r="KB13" s="63">
        <v>199</v>
      </c>
      <c r="KC13" s="60">
        <v>2145</v>
      </c>
      <c r="KD13" s="61">
        <v>1451</v>
      </c>
      <c r="KE13" s="62">
        <v>3596</v>
      </c>
      <c r="KF13" s="231"/>
      <c r="KG13" s="61">
        <v>2588</v>
      </c>
      <c r="KH13" s="61">
        <v>1740</v>
      </c>
      <c r="KI13" s="61">
        <v>1439</v>
      </c>
      <c r="KJ13" s="61">
        <v>1437</v>
      </c>
      <c r="KK13" s="61">
        <v>1004</v>
      </c>
      <c r="KL13" s="62">
        <v>8208</v>
      </c>
      <c r="KM13" s="63">
        <v>11804</v>
      </c>
    </row>
    <row r="14" spans="2:299" ht="21" customHeight="1" x14ac:dyDescent="0.2">
      <c r="B14" s="472" t="s">
        <v>10</v>
      </c>
      <c r="C14" s="293">
        <v>1546</v>
      </c>
      <c r="D14" s="72">
        <v>994</v>
      </c>
      <c r="E14" s="73">
        <v>2540</v>
      </c>
      <c r="F14" s="228"/>
      <c r="G14" s="72">
        <v>1753</v>
      </c>
      <c r="H14" s="72">
        <v>1045</v>
      </c>
      <c r="I14" s="72">
        <v>697</v>
      </c>
      <c r="J14" s="72">
        <v>628</v>
      </c>
      <c r="K14" s="72">
        <v>466</v>
      </c>
      <c r="L14" s="74">
        <v>4589</v>
      </c>
      <c r="M14" s="75">
        <v>7129</v>
      </c>
      <c r="N14" s="60">
        <v>61</v>
      </c>
      <c r="O14" s="61">
        <v>64</v>
      </c>
      <c r="P14" s="62">
        <v>125</v>
      </c>
      <c r="Q14" s="231"/>
      <c r="R14" s="61">
        <v>74</v>
      </c>
      <c r="S14" s="61">
        <v>52</v>
      </c>
      <c r="T14" s="61">
        <v>28</v>
      </c>
      <c r="U14" s="61">
        <v>40</v>
      </c>
      <c r="V14" s="61">
        <v>31</v>
      </c>
      <c r="W14" s="62">
        <v>225</v>
      </c>
      <c r="X14" s="63">
        <v>350</v>
      </c>
      <c r="Y14" s="60">
        <v>146</v>
      </c>
      <c r="Z14" s="61">
        <v>98</v>
      </c>
      <c r="AA14" s="62">
        <v>244</v>
      </c>
      <c r="AB14" s="231"/>
      <c r="AC14" s="61">
        <v>165</v>
      </c>
      <c r="AD14" s="61">
        <v>110</v>
      </c>
      <c r="AE14" s="61">
        <v>77</v>
      </c>
      <c r="AF14" s="61">
        <v>52</v>
      </c>
      <c r="AG14" s="61">
        <v>71</v>
      </c>
      <c r="AH14" s="62">
        <v>475</v>
      </c>
      <c r="AI14" s="63">
        <v>719</v>
      </c>
      <c r="AJ14" s="60">
        <v>227</v>
      </c>
      <c r="AK14" s="61">
        <v>168</v>
      </c>
      <c r="AL14" s="62">
        <v>395</v>
      </c>
      <c r="AM14" s="231"/>
      <c r="AN14" s="61">
        <v>291</v>
      </c>
      <c r="AO14" s="61">
        <v>171</v>
      </c>
      <c r="AP14" s="61">
        <v>101</v>
      </c>
      <c r="AQ14" s="61">
        <v>113</v>
      </c>
      <c r="AR14" s="61">
        <v>76</v>
      </c>
      <c r="AS14" s="62">
        <v>752</v>
      </c>
      <c r="AT14" s="63">
        <v>1147</v>
      </c>
      <c r="AU14" s="60">
        <v>390</v>
      </c>
      <c r="AV14" s="61">
        <v>234</v>
      </c>
      <c r="AW14" s="62">
        <v>624</v>
      </c>
      <c r="AX14" s="231"/>
      <c r="AY14" s="61">
        <v>435</v>
      </c>
      <c r="AZ14" s="61">
        <v>253</v>
      </c>
      <c r="BA14" s="61">
        <v>147</v>
      </c>
      <c r="BB14" s="61">
        <v>129</v>
      </c>
      <c r="BC14" s="61">
        <v>111</v>
      </c>
      <c r="BD14" s="62">
        <v>1075</v>
      </c>
      <c r="BE14" s="63">
        <v>1699</v>
      </c>
      <c r="BF14" s="60">
        <v>453</v>
      </c>
      <c r="BG14" s="61">
        <v>263</v>
      </c>
      <c r="BH14" s="62">
        <v>716</v>
      </c>
      <c r="BI14" s="231"/>
      <c r="BJ14" s="61">
        <v>467</v>
      </c>
      <c r="BK14" s="61">
        <v>262</v>
      </c>
      <c r="BL14" s="61">
        <v>167</v>
      </c>
      <c r="BM14" s="61">
        <v>146</v>
      </c>
      <c r="BN14" s="61">
        <v>91</v>
      </c>
      <c r="BO14" s="62">
        <v>1133</v>
      </c>
      <c r="BP14" s="63">
        <v>1849</v>
      </c>
      <c r="BQ14" s="60">
        <v>269</v>
      </c>
      <c r="BR14" s="61">
        <v>167</v>
      </c>
      <c r="BS14" s="62">
        <v>436</v>
      </c>
      <c r="BT14" s="231"/>
      <c r="BU14" s="61">
        <v>321</v>
      </c>
      <c r="BV14" s="61">
        <v>197</v>
      </c>
      <c r="BW14" s="61">
        <v>177</v>
      </c>
      <c r="BX14" s="61">
        <v>148</v>
      </c>
      <c r="BY14" s="61">
        <v>86</v>
      </c>
      <c r="BZ14" s="62">
        <v>929</v>
      </c>
      <c r="CA14" s="63">
        <v>1365</v>
      </c>
      <c r="CB14" s="60">
        <v>57</v>
      </c>
      <c r="CC14" s="61">
        <v>30</v>
      </c>
      <c r="CD14" s="62">
        <v>87</v>
      </c>
      <c r="CE14" s="231"/>
      <c r="CF14" s="61">
        <v>71</v>
      </c>
      <c r="CG14" s="61">
        <v>54</v>
      </c>
      <c r="CH14" s="61">
        <v>33</v>
      </c>
      <c r="CI14" s="61">
        <v>32</v>
      </c>
      <c r="CJ14" s="61">
        <v>36</v>
      </c>
      <c r="CK14" s="62">
        <v>226</v>
      </c>
      <c r="CL14" s="63">
        <v>313</v>
      </c>
      <c r="CM14" s="60">
        <v>1603</v>
      </c>
      <c r="CN14" s="61">
        <v>1024</v>
      </c>
      <c r="CO14" s="62">
        <v>2627</v>
      </c>
      <c r="CP14" s="231"/>
      <c r="CQ14" s="61">
        <v>1824</v>
      </c>
      <c r="CR14" s="61">
        <v>1099</v>
      </c>
      <c r="CS14" s="61">
        <v>730</v>
      </c>
      <c r="CT14" s="61">
        <v>660</v>
      </c>
      <c r="CU14" s="61">
        <v>502</v>
      </c>
      <c r="CV14" s="62">
        <v>4815</v>
      </c>
      <c r="CW14" s="63">
        <v>7442</v>
      </c>
      <c r="CX14" s="113">
        <v>3117</v>
      </c>
      <c r="CY14" s="72">
        <v>2223</v>
      </c>
      <c r="CZ14" s="73">
        <v>5340</v>
      </c>
      <c r="DA14" s="228"/>
      <c r="DB14" s="72">
        <v>3315</v>
      </c>
      <c r="DC14" s="72">
        <v>1816</v>
      </c>
      <c r="DD14" s="72">
        <v>1479</v>
      </c>
      <c r="DE14" s="72">
        <v>1545</v>
      </c>
      <c r="DF14" s="72">
        <v>1226</v>
      </c>
      <c r="DG14" s="74">
        <v>9381</v>
      </c>
      <c r="DH14" s="75">
        <v>14721</v>
      </c>
      <c r="DI14" s="60">
        <v>56</v>
      </c>
      <c r="DJ14" s="61">
        <v>54</v>
      </c>
      <c r="DK14" s="62">
        <v>110</v>
      </c>
      <c r="DL14" s="231"/>
      <c r="DM14" s="61">
        <v>75</v>
      </c>
      <c r="DN14" s="61">
        <v>30</v>
      </c>
      <c r="DO14" s="61">
        <v>17</v>
      </c>
      <c r="DP14" s="61">
        <v>29</v>
      </c>
      <c r="DQ14" s="61">
        <v>21</v>
      </c>
      <c r="DR14" s="62">
        <v>172</v>
      </c>
      <c r="DS14" s="63">
        <v>282</v>
      </c>
      <c r="DT14" s="60">
        <v>193</v>
      </c>
      <c r="DU14" s="61">
        <v>127</v>
      </c>
      <c r="DV14" s="62">
        <v>320</v>
      </c>
      <c r="DW14" s="231"/>
      <c r="DX14" s="61">
        <v>191</v>
      </c>
      <c r="DY14" s="61">
        <v>88</v>
      </c>
      <c r="DZ14" s="61">
        <v>55</v>
      </c>
      <c r="EA14" s="61">
        <v>53</v>
      </c>
      <c r="EB14" s="61">
        <v>56</v>
      </c>
      <c r="EC14" s="62">
        <v>443</v>
      </c>
      <c r="ED14" s="63">
        <v>763</v>
      </c>
      <c r="EE14" s="60">
        <v>467</v>
      </c>
      <c r="EF14" s="61">
        <v>284</v>
      </c>
      <c r="EG14" s="62">
        <v>751</v>
      </c>
      <c r="EH14" s="231"/>
      <c r="EI14" s="61">
        <v>389</v>
      </c>
      <c r="EJ14" s="61">
        <v>187</v>
      </c>
      <c r="EK14" s="61">
        <v>134</v>
      </c>
      <c r="EL14" s="61">
        <v>123</v>
      </c>
      <c r="EM14" s="61">
        <v>110</v>
      </c>
      <c r="EN14" s="62">
        <v>943</v>
      </c>
      <c r="EO14" s="63">
        <v>1694</v>
      </c>
      <c r="EP14" s="60">
        <v>912</v>
      </c>
      <c r="EQ14" s="61">
        <v>608</v>
      </c>
      <c r="ER14" s="62">
        <v>1520</v>
      </c>
      <c r="ES14" s="231"/>
      <c r="ET14" s="61">
        <v>724</v>
      </c>
      <c r="EU14" s="61">
        <v>358</v>
      </c>
      <c r="EV14" s="61">
        <v>248</v>
      </c>
      <c r="EW14" s="61">
        <v>256</v>
      </c>
      <c r="EX14" s="61">
        <v>215</v>
      </c>
      <c r="EY14" s="62">
        <v>1801</v>
      </c>
      <c r="EZ14" s="63">
        <v>3321</v>
      </c>
      <c r="FA14" s="60">
        <v>977</v>
      </c>
      <c r="FB14" s="61">
        <v>662</v>
      </c>
      <c r="FC14" s="62">
        <v>1639</v>
      </c>
      <c r="FD14" s="231"/>
      <c r="FE14" s="61">
        <v>994</v>
      </c>
      <c r="FF14" s="61">
        <v>499</v>
      </c>
      <c r="FG14" s="61">
        <v>423</v>
      </c>
      <c r="FH14" s="61">
        <v>356</v>
      </c>
      <c r="FI14" s="61">
        <v>320</v>
      </c>
      <c r="FJ14" s="62">
        <v>2592</v>
      </c>
      <c r="FK14" s="63">
        <v>4231</v>
      </c>
      <c r="FL14" s="60">
        <v>512</v>
      </c>
      <c r="FM14" s="61">
        <v>488</v>
      </c>
      <c r="FN14" s="62">
        <v>1000</v>
      </c>
      <c r="FO14" s="231"/>
      <c r="FP14" s="61">
        <v>942</v>
      </c>
      <c r="FQ14" s="61">
        <v>654</v>
      </c>
      <c r="FR14" s="61">
        <v>602</v>
      </c>
      <c r="FS14" s="61">
        <v>728</v>
      </c>
      <c r="FT14" s="61">
        <v>504</v>
      </c>
      <c r="FU14" s="62">
        <v>3430</v>
      </c>
      <c r="FV14" s="63">
        <v>4430</v>
      </c>
      <c r="FW14" s="60">
        <v>30</v>
      </c>
      <c r="FX14" s="61">
        <v>42</v>
      </c>
      <c r="FY14" s="62">
        <v>72</v>
      </c>
      <c r="FZ14" s="231"/>
      <c r="GA14" s="61">
        <v>60</v>
      </c>
      <c r="GB14" s="61">
        <v>40</v>
      </c>
      <c r="GC14" s="61">
        <v>24</v>
      </c>
      <c r="GD14" s="61">
        <v>22</v>
      </c>
      <c r="GE14" s="61">
        <v>23</v>
      </c>
      <c r="GF14" s="62">
        <v>169</v>
      </c>
      <c r="GG14" s="63">
        <v>241</v>
      </c>
      <c r="GH14" s="60">
        <v>3147</v>
      </c>
      <c r="GI14" s="61">
        <v>2265</v>
      </c>
      <c r="GJ14" s="62">
        <v>5412</v>
      </c>
      <c r="GK14" s="231"/>
      <c r="GL14" s="61">
        <v>3375</v>
      </c>
      <c r="GM14" s="61">
        <v>1856</v>
      </c>
      <c r="GN14" s="61">
        <v>1503</v>
      </c>
      <c r="GO14" s="61">
        <v>1567</v>
      </c>
      <c r="GP14" s="61">
        <v>1249</v>
      </c>
      <c r="GQ14" s="62">
        <v>9550</v>
      </c>
      <c r="GR14" s="63">
        <v>14962</v>
      </c>
      <c r="GS14" s="113">
        <v>4663</v>
      </c>
      <c r="GT14" s="72">
        <v>3217</v>
      </c>
      <c r="GU14" s="73">
        <v>7880</v>
      </c>
      <c r="GV14" s="228"/>
      <c r="GW14" s="72">
        <v>5068</v>
      </c>
      <c r="GX14" s="72">
        <v>2861</v>
      </c>
      <c r="GY14" s="72">
        <v>2176</v>
      </c>
      <c r="GZ14" s="72">
        <v>2173</v>
      </c>
      <c r="HA14" s="72">
        <v>1692</v>
      </c>
      <c r="HB14" s="74">
        <v>13970</v>
      </c>
      <c r="HC14" s="75">
        <v>21850</v>
      </c>
      <c r="HD14" s="60">
        <v>117</v>
      </c>
      <c r="HE14" s="61">
        <v>118</v>
      </c>
      <c r="HF14" s="62">
        <v>235</v>
      </c>
      <c r="HG14" s="231"/>
      <c r="HH14" s="61">
        <v>149</v>
      </c>
      <c r="HI14" s="61">
        <v>82</v>
      </c>
      <c r="HJ14" s="61">
        <v>45</v>
      </c>
      <c r="HK14" s="61">
        <v>69</v>
      </c>
      <c r="HL14" s="61">
        <v>52</v>
      </c>
      <c r="HM14" s="62">
        <v>397</v>
      </c>
      <c r="HN14" s="63">
        <v>632</v>
      </c>
      <c r="HO14" s="60">
        <v>339</v>
      </c>
      <c r="HP14" s="61">
        <v>225</v>
      </c>
      <c r="HQ14" s="62">
        <v>564</v>
      </c>
      <c r="HR14" s="231"/>
      <c r="HS14" s="61">
        <v>356</v>
      </c>
      <c r="HT14" s="61">
        <v>198</v>
      </c>
      <c r="HU14" s="61">
        <v>132</v>
      </c>
      <c r="HV14" s="61">
        <v>105</v>
      </c>
      <c r="HW14" s="61">
        <v>127</v>
      </c>
      <c r="HX14" s="62">
        <v>918</v>
      </c>
      <c r="HY14" s="63">
        <v>1482</v>
      </c>
      <c r="HZ14" s="60">
        <v>694</v>
      </c>
      <c r="IA14" s="61">
        <v>452</v>
      </c>
      <c r="IB14" s="62">
        <v>1146</v>
      </c>
      <c r="IC14" s="231"/>
      <c r="ID14" s="61">
        <v>680</v>
      </c>
      <c r="IE14" s="61">
        <v>358</v>
      </c>
      <c r="IF14" s="61">
        <v>235</v>
      </c>
      <c r="IG14" s="61">
        <v>236</v>
      </c>
      <c r="IH14" s="61">
        <v>186</v>
      </c>
      <c r="II14" s="62">
        <v>1695</v>
      </c>
      <c r="IJ14" s="63">
        <v>2841</v>
      </c>
      <c r="IK14" s="60">
        <v>1302</v>
      </c>
      <c r="IL14" s="61">
        <v>842</v>
      </c>
      <c r="IM14" s="62">
        <v>2144</v>
      </c>
      <c r="IN14" s="231"/>
      <c r="IO14" s="61">
        <v>1159</v>
      </c>
      <c r="IP14" s="61">
        <v>611</v>
      </c>
      <c r="IQ14" s="61">
        <v>395</v>
      </c>
      <c r="IR14" s="61">
        <v>385</v>
      </c>
      <c r="IS14" s="61">
        <v>326</v>
      </c>
      <c r="IT14" s="62">
        <v>2876</v>
      </c>
      <c r="IU14" s="63">
        <v>5020</v>
      </c>
      <c r="IV14" s="60">
        <v>1430</v>
      </c>
      <c r="IW14" s="61">
        <v>925</v>
      </c>
      <c r="IX14" s="62">
        <v>2355</v>
      </c>
      <c r="IY14" s="231"/>
      <c r="IZ14" s="61">
        <v>1461</v>
      </c>
      <c r="JA14" s="61">
        <v>761</v>
      </c>
      <c r="JB14" s="61">
        <v>590</v>
      </c>
      <c r="JC14" s="61">
        <v>502</v>
      </c>
      <c r="JD14" s="61">
        <v>411</v>
      </c>
      <c r="JE14" s="62">
        <v>3725</v>
      </c>
      <c r="JF14" s="63">
        <v>6080</v>
      </c>
      <c r="JG14" s="60">
        <v>781</v>
      </c>
      <c r="JH14" s="61">
        <v>655</v>
      </c>
      <c r="JI14" s="62">
        <v>1436</v>
      </c>
      <c r="JJ14" s="231"/>
      <c r="JK14" s="61">
        <v>1263</v>
      </c>
      <c r="JL14" s="61">
        <v>851</v>
      </c>
      <c r="JM14" s="61">
        <v>779</v>
      </c>
      <c r="JN14" s="61">
        <v>876</v>
      </c>
      <c r="JO14" s="61">
        <v>590</v>
      </c>
      <c r="JP14" s="62">
        <v>4359</v>
      </c>
      <c r="JQ14" s="63">
        <v>5795</v>
      </c>
      <c r="JR14" s="60">
        <v>87</v>
      </c>
      <c r="JS14" s="61">
        <v>72</v>
      </c>
      <c r="JT14" s="62">
        <v>159</v>
      </c>
      <c r="JU14" s="231"/>
      <c r="JV14" s="61">
        <v>131</v>
      </c>
      <c r="JW14" s="61">
        <v>94</v>
      </c>
      <c r="JX14" s="61">
        <v>57</v>
      </c>
      <c r="JY14" s="61">
        <v>54</v>
      </c>
      <c r="JZ14" s="61">
        <v>59</v>
      </c>
      <c r="KA14" s="62">
        <v>395</v>
      </c>
      <c r="KB14" s="63">
        <v>554</v>
      </c>
      <c r="KC14" s="60">
        <v>4750</v>
      </c>
      <c r="KD14" s="61">
        <v>3289</v>
      </c>
      <c r="KE14" s="62">
        <v>8039</v>
      </c>
      <c r="KF14" s="231"/>
      <c r="KG14" s="61">
        <v>5199</v>
      </c>
      <c r="KH14" s="61">
        <v>2955</v>
      </c>
      <c r="KI14" s="61">
        <v>2233</v>
      </c>
      <c r="KJ14" s="61">
        <v>2227</v>
      </c>
      <c r="KK14" s="61">
        <v>1751</v>
      </c>
      <c r="KL14" s="62">
        <v>14365</v>
      </c>
      <c r="KM14" s="63">
        <v>22404</v>
      </c>
    </row>
    <row r="15" spans="2:299" ht="21" customHeight="1" x14ac:dyDescent="0.2">
      <c r="B15" s="472" t="s">
        <v>11</v>
      </c>
      <c r="C15" s="293">
        <v>463</v>
      </c>
      <c r="D15" s="72">
        <v>349</v>
      </c>
      <c r="E15" s="73">
        <v>812</v>
      </c>
      <c r="F15" s="228"/>
      <c r="G15" s="72">
        <v>880</v>
      </c>
      <c r="H15" s="72">
        <v>573</v>
      </c>
      <c r="I15" s="72">
        <v>454</v>
      </c>
      <c r="J15" s="72">
        <v>454</v>
      </c>
      <c r="K15" s="72">
        <v>225</v>
      </c>
      <c r="L15" s="74">
        <v>2586</v>
      </c>
      <c r="M15" s="75">
        <v>3398</v>
      </c>
      <c r="N15" s="60">
        <v>17</v>
      </c>
      <c r="O15" s="61">
        <v>14</v>
      </c>
      <c r="P15" s="62">
        <v>31</v>
      </c>
      <c r="Q15" s="231"/>
      <c r="R15" s="61">
        <v>49</v>
      </c>
      <c r="S15" s="61">
        <v>17</v>
      </c>
      <c r="T15" s="61">
        <v>20</v>
      </c>
      <c r="U15" s="61">
        <v>24</v>
      </c>
      <c r="V15" s="61">
        <v>13</v>
      </c>
      <c r="W15" s="62">
        <v>123</v>
      </c>
      <c r="X15" s="63">
        <v>154</v>
      </c>
      <c r="Y15" s="60">
        <v>45</v>
      </c>
      <c r="Z15" s="61">
        <v>35</v>
      </c>
      <c r="AA15" s="62">
        <v>80</v>
      </c>
      <c r="AB15" s="231"/>
      <c r="AC15" s="61">
        <v>93</v>
      </c>
      <c r="AD15" s="61">
        <v>60</v>
      </c>
      <c r="AE15" s="61">
        <v>55</v>
      </c>
      <c r="AF15" s="61">
        <v>48</v>
      </c>
      <c r="AG15" s="61">
        <v>27</v>
      </c>
      <c r="AH15" s="62">
        <v>283</v>
      </c>
      <c r="AI15" s="63">
        <v>363</v>
      </c>
      <c r="AJ15" s="60">
        <v>64</v>
      </c>
      <c r="AK15" s="61">
        <v>72</v>
      </c>
      <c r="AL15" s="62">
        <v>136</v>
      </c>
      <c r="AM15" s="231"/>
      <c r="AN15" s="61">
        <v>144</v>
      </c>
      <c r="AO15" s="61">
        <v>98</v>
      </c>
      <c r="AP15" s="61">
        <v>73</v>
      </c>
      <c r="AQ15" s="61">
        <v>76</v>
      </c>
      <c r="AR15" s="61">
        <v>34</v>
      </c>
      <c r="AS15" s="62">
        <v>425</v>
      </c>
      <c r="AT15" s="63">
        <v>561</v>
      </c>
      <c r="AU15" s="60">
        <v>115</v>
      </c>
      <c r="AV15" s="61">
        <v>88</v>
      </c>
      <c r="AW15" s="62">
        <v>203</v>
      </c>
      <c r="AX15" s="231"/>
      <c r="AY15" s="61">
        <v>231</v>
      </c>
      <c r="AZ15" s="61">
        <v>143</v>
      </c>
      <c r="BA15" s="61">
        <v>113</v>
      </c>
      <c r="BB15" s="61">
        <v>106</v>
      </c>
      <c r="BC15" s="61">
        <v>55</v>
      </c>
      <c r="BD15" s="62">
        <v>648</v>
      </c>
      <c r="BE15" s="63">
        <v>851</v>
      </c>
      <c r="BF15" s="60">
        <v>132</v>
      </c>
      <c r="BG15" s="61">
        <v>85</v>
      </c>
      <c r="BH15" s="62">
        <v>217</v>
      </c>
      <c r="BI15" s="231"/>
      <c r="BJ15" s="61">
        <v>203</v>
      </c>
      <c r="BK15" s="61">
        <v>143</v>
      </c>
      <c r="BL15" s="61">
        <v>114</v>
      </c>
      <c r="BM15" s="61">
        <v>113</v>
      </c>
      <c r="BN15" s="61">
        <v>53</v>
      </c>
      <c r="BO15" s="62">
        <v>626</v>
      </c>
      <c r="BP15" s="63">
        <v>843</v>
      </c>
      <c r="BQ15" s="60">
        <v>90</v>
      </c>
      <c r="BR15" s="61">
        <v>55</v>
      </c>
      <c r="BS15" s="62">
        <v>145</v>
      </c>
      <c r="BT15" s="231"/>
      <c r="BU15" s="61">
        <v>160</v>
      </c>
      <c r="BV15" s="61">
        <v>112</v>
      </c>
      <c r="BW15" s="61">
        <v>79</v>
      </c>
      <c r="BX15" s="61">
        <v>87</v>
      </c>
      <c r="BY15" s="61">
        <v>43</v>
      </c>
      <c r="BZ15" s="62">
        <v>481</v>
      </c>
      <c r="CA15" s="63">
        <v>626</v>
      </c>
      <c r="CB15" s="60">
        <v>9</v>
      </c>
      <c r="CC15" s="61">
        <v>10</v>
      </c>
      <c r="CD15" s="62">
        <v>19</v>
      </c>
      <c r="CE15" s="231"/>
      <c r="CF15" s="61">
        <v>34</v>
      </c>
      <c r="CG15" s="61">
        <v>19</v>
      </c>
      <c r="CH15" s="61">
        <v>17</v>
      </c>
      <c r="CI15" s="61">
        <v>19</v>
      </c>
      <c r="CJ15" s="61">
        <v>12</v>
      </c>
      <c r="CK15" s="62">
        <v>101</v>
      </c>
      <c r="CL15" s="63">
        <v>120</v>
      </c>
      <c r="CM15" s="60">
        <v>472</v>
      </c>
      <c r="CN15" s="61">
        <v>359</v>
      </c>
      <c r="CO15" s="62">
        <v>831</v>
      </c>
      <c r="CP15" s="231"/>
      <c r="CQ15" s="61">
        <v>914</v>
      </c>
      <c r="CR15" s="61">
        <v>592</v>
      </c>
      <c r="CS15" s="61">
        <v>471</v>
      </c>
      <c r="CT15" s="61">
        <v>473</v>
      </c>
      <c r="CU15" s="61">
        <v>237</v>
      </c>
      <c r="CV15" s="62">
        <v>2687</v>
      </c>
      <c r="CW15" s="63">
        <v>3518</v>
      </c>
      <c r="CX15" s="113">
        <v>968</v>
      </c>
      <c r="CY15" s="72">
        <v>811</v>
      </c>
      <c r="CZ15" s="73">
        <v>1779</v>
      </c>
      <c r="DA15" s="228"/>
      <c r="DB15" s="72">
        <v>1753</v>
      </c>
      <c r="DC15" s="72">
        <v>1071</v>
      </c>
      <c r="DD15" s="72">
        <v>962</v>
      </c>
      <c r="DE15" s="72">
        <v>985</v>
      </c>
      <c r="DF15" s="72">
        <v>574</v>
      </c>
      <c r="DG15" s="74">
        <v>5345</v>
      </c>
      <c r="DH15" s="75">
        <v>7124</v>
      </c>
      <c r="DI15" s="60">
        <v>24</v>
      </c>
      <c r="DJ15" s="61">
        <v>15</v>
      </c>
      <c r="DK15" s="62">
        <v>39</v>
      </c>
      <c r="DL15" s="231"/>
      <c r="DM15" s="61">
        <v>38</v>
      </c>
      <c r="DN15" s="61">
        <v>21</v>
      </c>
      <c r="DO15" s="61">
        <v>11</v>
      </c>
      <c r="DP15" s="61">
        <v>20</v>
      </c>
      <c r="DQ15" s="61">
        <v>20</v>
      </c>
      <c r="DR15" s="62">
        <v>110</v>
      </c>
      <c r="DS15" s="63">
        <v>149</v>
      </c>
      <c r="DT15" s="60">
        <v>66</v>
      </c>
      <c r="DU15" s="61">
        <v>58</v>
      </c>
      <c r="DV15" s="62">
        <v>124</v>
      </c>
      <c r="DW15" s="231"/>
      <c r="DX15" s="61">
        <v>95</v>
      </c>
      <c r="DY15" s="61">
        <v>49</v>
      </c>
      <c r="DZ15" s="61">
        <v>52</v>
      </c>
      <c r="EA15" s="61">
        <v>48</v>
      </c>
      <c r="EB15" s="61">
        <v>26</v>
      </c>
      <c r="EC15" s="62">
        <v>270</v>
      </c>
      <c r="ED15" s="63">
        <v>394</v>
      </c>
      <c r="EE15" s="60">
        <v>133</v>
      </c>
      <c r="EF15" s="61">
        <v>107</v>
      </c>
      <c r="EG15" s="62">
        <v>240</v>
      </c>
      <c r="EH15" s="231"/>
      <c r="EI15" s="61">
        <v>174</v>
      </c>
      <c r="EJ15" s="61">
        <v>111</v>
      </c>
      <c r="EK15" s="61">
        <v>85</v>
      </c>
      <c r="EL15" s="61">
        <v>80</v>
      </c>
      <c r="EM15" s="61">
        <v>53</v>
      </c>
      <c r="EN15" s="62">
        <v>503</v>
      </c>
      <c r="EO15" s="63">
        <v>743</v>
      </c>
      <c r="EP15" s="60">
        <v>269</v>
      </c>
      <c r="EQ15" s="61">
        <v>235</v>
      </c>
      <c r="ER15" s="62">
        <v>504</v>
      </c>
      <c r="ES15" s="231"/>
      <c r="ET15" s="61">
        <v>415</v>
      </c>
      <c r="EU15" s="61">
        <v>222</v>
      </c>
      <c r="EV15" s="61">
        <v>176</v>
      </c>
      <c r="EW15" s="61">
        <v>159</v>
      </c>
      <c r="EX15" s="61">
        <v>114</v>
      </c>
      <c r="EY15" s="62">
        <v>1086</v>
      </c>
      <c r="EZ15" s="63">
        <v>1590</v>
      </c>
      <c r="FA15" s="60">
        <v>289</v>
      </c>
      <c r="FB15" s="61">
        <v>232</v>
      </c>
      <c r="FC15" s="62">
        <v>521</v>
      </c>
      <c r="FD15" s="231"/>
      <c r="FE15" s="61">
        <v>541</v>
      </c>
      <c r="FF15" s="61">
        <v>298</v>
      </c>
      <c r="FG15" s="61">
        <v>254</v>
      </c>
      <c r="FH15" s="61">
        <v>228</v>
      </c>
      <c r="FI15" s="61">
        <v>136</v>
      </c>
      <c r="FJ15" s="62">
        <v>1457</v>
      </c>
      <c r="FK15" s="63">
        <v>1978</v>
      </c>
      <c r="FL15" s="60">
        <v>187</v>
      </c>
      <c r="FM15" s="61">
        <v>164</v>
      </c>
      <c r="FN15" s="62">
        <v>351</v>
      </c>
      <c r="FO15" s="231"/>
      <c r="FP15" s="61">
        <v>490</v>
      </c>
      <c r="FQ15" s="61">
        <v>370</v>
      </c>
      <c r="FR15" s="61">
        <v>384</v>
      </c>
      <c r="FS15" s="61">
        <v>450</v>
      </c>
      <c r="FT15" s="61">
        <v>225</v>
      </c>
      <c r="FU15" s="62">
        <v>1919</v>
      </c>
      <c r="FV15" s="63">
        <v>2270</v>
      </c>
      <c r="FW15" s="60">
        <v>13</v>
      </c>
      <c r="FX15" s="61">
        <v>9</v>
      </c>
      <c r="FY15" s="62">
        <v>22</v>
      </c>
      <c r="FZ15" s="231"/>
      <c r="GA15" s="61">
        <v>26</v>
      </c>
      <c r="GB15" s="61">
        <v>16</v>
      </c>
      <c r="GC15" s="61">
        <v>19</v>
      </c>
      <c r="GD15" s="61">
        <v>8</v>
      </c>
      <c r="GE15" s="61">
        <v>10</v>
      </c>
      <c r="GF15" s="62">
        <v>79</v>
      </c>
      <c r="GG15" s="63">
        <v>101</v>
      </c>
      <c r="GH15" s="60">
        <v>981</v>
      </c>
      <c r="GI15" s="61">
        <v>820</v>
      </c>
      <c r="GJ15" s="62">
        <v>1801</v>
      </c>
      <c r="GK15" s="231"/>
      <c r="GL15" s="61">
        <v>1779</v>
      </c>
      <c r="GM15" s="61">
        <v>1087</v>
      </c>
      <c r="GN15" s="61">
        <v>981</v>
      </c>
      <c r="GO15" s="61">
        <v>993</v>
      </c>
      <c r="GP15" s="61">
        <v>584</v>
      </c>
      <c r="GQ15" s="62">
        <v>5424</v>
      </c>
      <c r="GR15" s="63">
        <v>7225</v>
      </c>
      <c r="GS15" s="113">
        <v>1431</v>
      </c>
      <c r="GT15" s="72">
        <v>1160</v>
      </c>
      <c r="GU15" s="73">
        <v>2591</v>
      </c>
      <c r="GV15" s="228"/>
      <c r="GW15" s="72">
        <v>2633</v>
      </c>
      <c r="GX15" s="72">
        <v>1644</v>
      </c>
      <c r="GY15" s="72">
        <v>1416</v>
      </c>
      <c r="GZ15" s="72">
        <v>1439</v>
      </c>
      <c r="HA15" s="72">
        <v>799</v>
      </c>
      <c r="HB15" s="74">
        <v>7931</v>
      </c>
      <c r="HC15" s="75">
        <v>10522</v>
      </c>
      <c r="HD15" s="60">
        <v>41</v>
      </c>
      <c r="HE15" s="61">
        <v>29</v>
      </c>
      <c r="HF15" s="62">
        <v>70</v>
      </c>
      <c r="HG15" s="231"/>
      <c r="HH15" s="61">
        <v>87</v>
      </c>
      <c r="HI15" s="61">
        <v>38</v>
      </c>
      <c r="HJ15" s="61">
        <v>31</v>
      </c>
      <c r="HK15" s="61">
        <v>44</v>
      </c>
      <c r="HL15" s="61">
        <v>33</v>
      </c>
      <c r="HM15" s="62">
        <v>233</v>
      </c>
      <c r="HN15" s="63">
        <v>303</v>
      </c>
      <c r="HO15" s="60">
        <v>111</v>
      </c>
      <c r="HP15" s="61">
        <v>93</v>
      </c>
      <c r="HQ15" s="62">
        <v>204</v>
      </c>
      <c r="HR15" s="231"/>
      <c r="HS15" s="61">
        <v>188</v>
      </c>
      <c r="HT15" s="61">
        <v>109</v>
      </c>
      <c r="HU15" s="61">
        <v>107</v>
      </c>
      <c r="HV15" s="61">
        <v>96</v>
      </c>
      <c r="HW15" s="61">
        <v>53</v>
      </c>
      <c r="HX15" s="62">
        <v>553</v>
      </c>
      <c r="HY15" s="63">
        <v>757</v>
      </c>
      <c r="HZ15" s="60">
        <v>197</v>
      </c>
      <c r="IA15" s="61">
        <v>179</v>
      </c>
      <c r="IB15" s="62">
        <v>376</v>
      </c>
      <c r="IC15" s="231"/>
      <c r="ID15" s="61">
        <v>318</v>
      </c>
      <c r="IE15" s="61">
        <v>209</v>
      </c>
      <c r="IF15" s="61">
        <v>158</v>
      </c>
      <c r="IG15" s="61">
        <v>156</v>
      </c>
      <c r="IH15" s="61">
        <v>87</v>
      </c>
      <c r="II15" s="62">
        <v>928</v>
      </c>
      <c r="IJ15" s="63">
        <v>1304</v>
      </c>
      <c r="IK15" s="60">
        <v>384</v>
      </c>
      <c r="IL15" s="61">
        <v>323</v>
      </c>
      <c r="IM15" s="62">
        <v>707</v>
      </c>
      <c r="IN15" s="231"/>
      <c r="IO15" s="61">
        <v>646</v>
      </c>
      <c r="IP15" s="61">
        <v>365</v>
      </c>
      <c r="IQ15" s="61">
        <v>289</v>
      </c>
      <c r="IR15" s="61">
        <v>265</v>
      </c>
      <c r="IS15" s="61">
        <v>169</v>
      </c>
      <c r="IT15" s="62">
        <v>1734</v>
      </c>
      <c r="IU15" s="63">
        <v>2441</v>
      </c>
      <c r="IV15" s="60">
        <v>421</v>
      </c>
      <c r="IW15" s="61">
        <v>317</v>
      </c>
      <c r="IX15" s="62">
        <v>738</v>
      </c>
      <c r="IY15" s="231"/>
      <c r="IZ15" s="61">
        <v>744</v>
      </c>
      <c r="JA15" s="61">
        <v>441</v>
      </c>
      <c r="JB15" s="61">
        <v>368</v>
      </c>
      <c r="JC15" s="61">
        <v>341</v>
      </c>
      <c r="JD15" s="61">
        <v>189</v>
      </c>
      <c r="JE15" s="62">
        <v>2083</v>
      </c>
      <c r="JF15" s="63">
        <v>2821</v>
      </c>
      <c r="JG15" s="60">
        <v>277</v>
      </c>
      <c r="JH15" s="61">
        <v>219</v>
      </c>
      <c r="JI15" s="62">
        <v>496</v>
      </c>
      <c r="JJ15" s="231"/>
      <c r="JK15" s="61">
        <v>650</v>
      </c>
      <c r="JL15" s="61">
        <v>482</v>
      </c>
      <c r="JM15" s="61">
        <v>463</v>
      </c>
      <c r="JN15" s="61">
        <v>537</v>
      </c>
      <c r="JO15" s="61">
        <v>268</v>
      </c>
      <c r="JP15" s="62">
        <v>2400</v>
      </c>
      <c r="JQ15" s="63">
        <v>2896</v>
      </c>
      <c r="JR15" s="60">
        <v>22</v>
      </c>
      <c r="JS15" s="61">
        <v>19</v>
      </c>
      <c r="JT15" s="62">
        <v>41</v>
      </c>
      <c r="JU15" s="231"/>
      <c r="JV15" s="61">
        <v>60</v>
      </c>
      <c r="JW15" s="61">
        <v>35</v>
      </c>
      <c r="JX15" s="61">
        <v>36</v>
      </c>
      <c r="JY15" s="61">
        <v>27</v>
      </c>
      <c r="JZ15" s="61">
        <v>22</v>
      </c>
      <c r="KA15" s="62">
        <v>180</v>
      </c>
      <c r="KB15" s="63">
        <v>221</v>
      </c>
      <c r="KC15" s="60">
        <v>1453</v>
      </c>
      <c r="KD15" s="61">
        <v>1179</v>
      </c>
      <c r="KE15" s="62">
        <v>2632</v>
      </c>
      <c r="KF15" s="231"/>
      <c r="KG15" s="61">
        <v>2693</v>
      </c>
      <c r="KH15" s="61">
        <v>1679</v>
      </c>
      <c r="KI15" s="61">
        <v>1452</v>
      </c>
      <c r="KJ15" s="61">
        <v>1466</v>
      </c>
      <c r="KK15" s="61">
        <v>821</v>
      </c>
      <c r="KL15" s="62">
        <v>8111</v>
      </c>
      <c r="KM15" s="63">
        <v>10743</v>
      </c>
    </row>
    <row r="16" spans="2:299" ht="21" customHeight="1" x14ac:dyDescent="0.2">
      <c r="B16" s="472" t="s">
        <v>12</v>
      </c>
      <c r="C16" s="293">
        <v>718</v>
      </c>
      <c r="D16" s="72">
        <v>627</v>
      </c>
      <c r="E16" s="73">
        <v>1345</v>
      </c>
      <c r="F16" s="228"/>
      <c r="G16" s="72">
        <v>725</v>
      </c>
      <c r="H16" s="72">
        <v>648</v>
      </c>
      <c r="I16" s="72">
        <v>476</v>
      </c>
      <c r="J16" s="72">
        <v>453</v>
      </c>
      <c r="K16" s="72">
        <v>223</v>
      </c>
      <c r="L16" s="74">
        <v>2525</v>
      </c>
      <c r="M16" s="75">
        <v>3870</v>
      </c>
      <c r="N16" s="76">
        <v>23</v>
      </c>
      <c r="O16" s="61">
        <v>29</v>
      </c>
      <c r="P16" s="62">
        <v>52</v>
      </c>
      <c r="Q16" s="231"/>
      <c r="R16" s="61">
        <v>18</v>
      </c>
      <c r="S16" s="61">
        <v>28</v>
      </c>
      <c r="T16" s="61">
        <v>20</v>
      </c>
      <c r="U16" s="61">
        <v>22</v>
      </c>
      <c r="V16" s="61">
        <v>10</v>
      </c>
      <c r="W16" s="62">
        <v>98</v>
      </c>
      <c r="X16" s="63">
        <v>150</v>
      </c>
      <c r="Y16" s="60">
        <v>56</v>
      </c>
      <c r="Z16" s="61">
        <v>60</v>
      </c>
      <c r="AA16" s="62">
        <v>116</v>
      </c>
      <c r="AB16" s="231"/>
      <c r="AC16" s="61">
        <v>47</v>
      </c>
      <c r="AD16" s="61">
        <v>50</v>
      </c>
      <c r="AE16" s="61">
        <v>36</v>
      </c>
      <c r="AF16" s="61">
        <v>52</v>
      </c>
      <c r="AG16" s="61">
        <v>22</v>
      </c>
      <c r="AH16" s="62">
        <v>207</v>
      </c>
      <c r="AI16" s="63">
        <v>323</v>
      </c>
      <c r="AJ16" s="76">
        <v>101</v>
      </c>
      <c r="AK16" s="61">
        <v>99</v>
      </c>
      <c r="AL16" s="62">
        <v>200</v>
      </c>
      <c r="AM16" s="231"/>
      <c r="AN16" s="61">
        <v>97</v>
      </c>
      <c r="AO16" s="61">
        <v>89</v>
      </c>
      <c r="AP16" s="61">
        <v>71</v>
      </c>
      <c r="AQ16" s="61">
        <v>59</v>
      </c>
      <c r="AR16" s="61">
        <v>43</v>
      </c>
      <c r="AS16" s="62">
        <v>359</v>
      </c>
      <c r="AT16" s="63">
        <v>559</v>
      </c>
      <c r="AU16" s="60">
        <v>187</v>
      </c>
      <c r="AV16" s="61">
        <v>161</v>
      </c>
      <c r="AW16" s="62">
        <v>348</v>
      </c>
      <c r="AX16" s="231"/>
      <c r="AY16" s="61">
        <v>176</v>
      </c>
      <c r="AZ16" s="61">
        <v>164</v>
      </c>
      <c r="BA16" s="61">
        <v>120</v>
      </c>
      <c r="BB16" s="61">
        <v>94</v>
      </c>
      <c r="BC16" s="61">
        <v>53</v>
      </c>
      <c r="BD16" s="62">
        <v>607</v>
      </c>
      <c r="BE16" s="63">
        <v>955</v>
      </c>
      <c r="BF16" s="76">
        <v>215</v>
      </c>
      <c r="BG16" s="61">
        <v>156</v>
      </c>
      <c r="BH16" s="62">
        <v>371</v>
      </c>
      <c r="BI16" s="231"/>
      <c r="BJ16" s="61">
        <v>220</v>
      </c>
      <c r="BK16" s="61">
        <v>175</v>
      </c>
      <c r="BL16" s="61">
        <v>136</v>
      </c>
      <c r="BM16" s="61">
        <v>123</v>
      </c>
      <c r="BN16" s="61">
        <v>60</v>
      </c>
      <c r="BO16" s="62">
        <v>714</v>
      </c>
      <c r="BP16" s="63">
        <v>1085</v>
      </c>
      <c r="BQ16" s="60">
        <v>136</v>
      </c>
      <c r="BR16" s="61">
        <v>122</v>
      </c>
      <c r="BS16" s="62">
        <v>258</v>
      </c>
      <c r="BT16" s="231"/>
      <c r="BU16" s="61">
        <v>167</v>
      </c>
      <c r="BV16" s="61">
        <v>142</v>
      </c>
      <c r="BW16" s="61">
        <v>93</v>
      </c>
      <c r="BX16" s="61">
        <v>103</v>
      </c>
      <c r="BY16" s="61">
        <v>35</v>
      </c>
      <c r="BZ16" s="62">
        <v>540</v>
      </c>
      <c r="CA16" s="63">
        <v>798</v>
      </c>
      <c r="CB16" s="60">
        <v>18</v>
      </c>
      <c r="CC16" s="61">
        <v>39</v>
      </c>
      <c r="CD16" s="62">
        <v>57</v>
      </c>
      <c r="CE16" s="231"/>
      <c r="CF16" s="61">
        <v>15</v>
      </c>
      <c r="CG16" s="61">
        <v>26</v>
      </c>
      <c r="CH16" s="61">
        <v>17</v>
      </c>
      <c r="CI16" s="61">
        <v>9</v>
      </c>
      <c r="CJ16" s="61">
        <v>17</v>
      </c>
      <c r="CK16" s="62">
        <v>84</v>
      </c>
      <c r="CL16" s="63">
        <v>141</v>
      </c>
      <c r="CM16" s="60">
        <v>736</v>
      </c>
      <c r="CN16" s="61">
        <v>666</v>
      </c>
      <c r="CO16" s="62">
        <v>1402</v>
      </c>
      <c r="CP16" s="231"/>
      <c r="CQ16" s="61">
        <v>740</v>
      </c>
      <c r="CR16" s="61">
        <v>674</v>
      </c>
      <c r="CS16" s="61">
        <v>493</v>
      </c>
      <c r="CT16" s="61">
        <v>462</v>
      </c>
      <c r="CU16" s="61">
        <v>240</v>
      </c>
      <c r="CV16" s="62">
        <v>2609</v>
      </c>
      <c r="CW16" s="63">
        <v>4011</v>
      </c>
      <c r="CX16" s="113">
        <v>1351</v>
      </c>
      <c r="CY16" s="72">
        <v>1417</v>
      </c>
      <c r="CZ16" s="73">
        <v>2768</v>
      </c>
      <c r="DA16" s="228"/>
      <c r="DB16" s="72">
        <v>1496</v>
      </c>
      <c r="DC16" s="72">
        <v>1151</v>
      </c>
      <c r="DD16" s="72">
        <v>976</v>
      </c>
      <c r="DE16" s="72">
        <v>1048</v>
      </c>
      <c r="DF16" s="72">
        <v>672</v>
      </c>
      <c r="DG16" s="74">
        <v>5343</v>
      </c>
      <c r="DH16" s="75">
        <v>8111</v>
      </c>
      <c r="DI16" s="76">
        <v>30</v>
      </c>
      <c r="DJ16" s="61">
        <v>33</v>
      </c>
      <c r="DK16" s="62">
        <v>63</v>
      </c>
      <c r="DL16" s="231"/>
      <c r="DM16" s="61">
        <v>25</v>
      </c>
      <c r="DN16" s="61">
        <v>20</v>
      </c>
      <c r="DO16" s="61">
        <v>13</v>
      </c>
      <c r="DP16" s="61">
        <v>14</v>
      </c>
      <c r="DQ16" s="61">
        <v>12</v>
      </c>
      <c r="DR16" s="62">
        <v>84</v>
      </c>
      <c r="DS16" s="63">
        <v>147</v>
      </c>
      <c r="DT16" s="60">
        <v>88</v>
      </c>
      <c r="DU16" s="61">
        <v>74</v>
      </c>
      <c r="DV16" s="62">
        <v>162</v>
      </c>
      <c r="DW16" s="231"/>
      <c r="DX16" s="61">
        <v>47</v>
      </c>
      <c r="DY16" s="61">
        <v>56</v>
      </c>
      <c r="DZ16" s="61">
        <v>39</v>
      </c>
      <c r="EA16" s="61">
        <v>41</v>
      </c>
      <c r="EB16" s="61">
        <v>33</v>
      </c>
      <c r="EC16" s="62">
        <v>216</v>
      </c>
      <c r="ED16" s="63">
        <v>378</v>
      </c>
      <c r="EE16" s="76">
        <v>179</v>
      </c>
      <c r="EF16" s="61">
        <v>213</v>
      </c>
      <c r="EG16" s="62">
        <v>392</v>
      </c>
      <c r="EH16" s="231"/>
      <c r="EI16" s="61">
        <v>147</v>
      </c>
      <c r="EJ16" s="61">
        <v>108</v>
      </c>
      <c r="EK16" s="61">
        <v>79</v>
      </c>
      <c r="EL16" s="61">
        <v>93</v>
      </c>
      <c r="EM16" s="61">
        <v>75</v>
      </c>
      <c r="EN16" s="62">
        <v>502</v>
      </c>
      <c r="EO16" s="63">
        <v>894</v>
      </c>
      <c r="EP16" s="60">
        <v>414</v>
      </c>
      <c r="EQ16" s="61">
        <v>391</v>
      </c>
      <c r="ER16" s="62">
        <v>805</v>
      </c>
      <c r="ES16" s="231"/>
      <c r="ET16" s="61">
        <v>352</v>
      </c>
      <c r="EU16" s="61">
        <v>235</v>
      </c>
      <c r="EV16" s="61">
        <v>179</v>
      </c>
      <c r="EW16" s="61">
        <v>147</v>
      </c>
      <c r="EX16" s="61">
        <v>132</v>
      </c>
      <c r="EY16" s="62">
        <v>1045</v>
      </c>
      <c r="EZ16" s="63">
        <v>1850</v>
      </c>
      <c r="FA16" s="76">
        <v>398</v>
      </c>
      <c r="FB16" s="61">
        <v>385</v>
      </c>
      <c r="FC16" s="62">
        <v>783</v>
      </c>
      <c r="FD16" s="231"/>
      <c r="FE16" s="61">
        <v>485</v>
      </c>
      <c r="FF16" s="61">
        <v>323</v>
      </c>
      <c r="FG16" s="61">
        <v>274</v>
      </c>
      <c r="FH16" s="61">
        <v>280</v>
      </c>
      <c r="FI16" s="61">
        <v>144</v>
      </c>
      <c r="FJ16" s="62">
        <v>1506</v>
      </c>
      <c r="FK16" s="63">
        <v>2289</v>
      </c>
      <c r="FL16" s="60">
        <v>242</v>
      </c>
      <c r="FM16" s="61">
        <v>321</v>
      </c>
      <c r="FN16" s="62">
        <v>563</v>
      </c>
      <c r="FO16" s="231"/>
      <c r="FP16" s="61">
        <v>440</v>
      </c>
      <c r="FQ16" s="61">
        <v>409</v>
      </c>
      <c r="FR16" s="61">
        <v>392</v>
      </c>
      <c r="FS16" s="61">
        <v>473</v>
      </c>
      <c r="FT16" s="61">
        <v>276</v>
      </c>
      <c r="FU16" s="62">
        <v>1990</v>
      </c>
      <c r="FV16" s="63">
        <v>2553</v>
      </c>
      <c r="FW16" s="60">
        <v>11</v>
      </c>
      <c r="FX16" s="61">
        <v>23</v>
      </c>
      <c r="FY16" s="62">
        <v>34</v>
      </c>
      <c r="FZ16" s="231"/>
      <c r="GA16" s="61">
        <v>16</v>
      </c>
      <c r="GB16" s="61">
        <v>17</v>
      </c>
      <c r="GC16" s="61">
        <v>13</v>
      </c>
      <c r="GD16" s="61">
        <v>15</v>
      </c>
      <c r="GE16" s="61">
        <v>9</v>
      </c>
      <c r="GF16" s="62">
        <v>70</v>
      </c>
      <c r="GG16" s="63">
        <v>104</v>
      </c>
      <c r="GH16" s="60">
        <v>1362</v>
      </c>
      <c r="GI16" s="61">
        <v>1440</v>
      </c>
      <c r="GJ16" s="62">
        <v>2802</v>
      </c>
      <c r="GK16" s="231"/>
      <c r="GL16" s="61">
        <v>1512</v>
      </c>
      <c r="GM16" s="61">
        <v>1168</v>
      </c>
      <c r="GN16" s="61">
        <v>989</v>
      </c>
      <c r="GO16" s="61">
        <v>1063</v>
      </c>
      <c r="GP16" s="61">
        <v>681</v>
      </c>
      <c r="GQ16" s="62">
        <v>5413</v>
      </c>
      <c r="GR16" s="63">
        <v>8215</v>
      </c>
      <c r="GS16" s="113">
        <v>2069</v>
      </c>
      <c r="GT16" s="72">
        <v>2044</v>
      </c>
      <c r="GU16" s="73">
        <v>4113</v>
      </c>
      <c r="GV16" s="228"/>
      <c r="GW16" s="72">
        <v>2221</v>
      </c>
      <c r="GX16" s="72">
        <v>1799</v>
      </c>
      <c r="GY16" s="72">
        <v>1452</v>
      </c>
      <c r="GZ16" s="72">
        <v>1501</v>
      </c>
      <c r="HA16" s="72">
        <v>895</v>
      </c>
      <c r="HB16" s="74">
        <v>7868</v>
      </c>
      <c r="HC16" s="75">
        <v>11981</v>
      </c>
      <c r="HD16" s="76">
        <v>53</v>
      </c>
      <c r="HE16" s="61">
        <v>62</v>
      </c>
      <c r="HF16" s="62">
        <v>115</v>
      </c>
      <c r="HG16" s="231"/>
      <c r="HH16" s="61">
        <v>43</v>
      </c>
      <c r="HI16" s="61">
        <v>48</v>
      </c>
      <c r="HJ16" s="61">
        <v>33</v>
      </c>
      <c r="HK16" s="61">
        <v>36</v>
      </c>
      <c r="HL16" s="61">
        <v>22</v>
      </c>
      <c r="HM16" s="62">
        <v>182</v>
      </c>
      <c r="HN16" s="63">
        <v>297</v>
      </c>
      <c r="HO16" s="60">
        <v>144</v>
      </c>
      <c r="HP16" s="61">
        <v>134</v>
      </c>
      <c r="HQ16" s="62">
        <v>278</v>
      </c>
      <c r="HR16" s="231"/>
      <c r="HS16" s="61">
        <v>94</v>
      </c>
      <c r="HT16" s="61">
        <v>106</v>
      </c>
      <c r="HU16" s="61">
        <v>75</v>
      </c>
      <c r="HV16" s="61">
        <v>93</v>
      </c>
      <c r="HW16" s="61">
        <v>55</v>
      </c>
      <c r="HX16" s="62">
        <v>423</v>
      </c>
      <c r="HY16" s="63">
        <v>701</v>
      </c>
      <c r="HZ16" s="76">
        <v>280</v>
      </c>
      <c r="IA16" s="61">
        <v>312</v>
      </c>
      <c r="IB16" s="62">
        <v>592</v>
      </c>
      <c r="IC16" s="231"/>
      <c r="ID16" s="61">
        <v>244</v>
      </c>
      <c r="IE16" s="61">
        <v>197</v>
      </c>
      <c r="IF16" s="61">
        <v>150</v>
      </c>
      <c r="IG16" s="61">
        <v>152</v>
      </c>
      <c r="IH16" s="61">
        <v>118</v>
      </c>
      <c r="II16" s="62">
        <v>861</v>
      </c>
      <c r="IJ16" s="63">
        <v>1453</v>
      </c>
      <c r="IK16" s="60">
        <v>601</v>
      </c>
      <c r="IL16" s="61">
        <v>552</v>
      </c>
      <c r="IM16" s="62">
        <v>1153</v>
      </c>
      <c r="IN16" s="231"/>
      <c r="IO16" s="61">
        <v>528</v>
      </c>
      <c r="IP16" s="61">
        <v>399</v>
      </c>
      <c r="IQ16" s="61">
        <v>299</v>
      </c>
      <c r="IR16" s="61">
        <v>241</v>
      </c>
      <c r="IS16" s="61">
        <v>185</v>
      </c>
      <c r="IT16" s="62">
        <v>1652</v>
      </c>
      <c r="IU16" s="63">
        <v>2805</v>
      </c>
      <c r="IV16" s="76">
        <v>613</v>
      </c>
      <c r="IW16" s="61">
        <v>541</v>
      </c>
      <c r="IX16" s="62">
        <v>1154</v>
      </c>
      <c r="IY16" s="231"/>
      <c r="IZ16" s="61">
        <v>705</v>
      </c>
      <c r="JA16" s="61">
        <v>498</v>
      </c>
      <c r="JB16" s="61">
        <v>410</v>
      </c>
      <c r="JC16" s="61">
        <v>403</v>
      </c>
      <c r="JD16" s="61">
        <v>204</v>
      </c>
      <c r="JE16" s="62">
        <v>2220</v>
      </c>
      <c r="JF16" s="63">
        <v>3374</v>
      </c>
      <c r="JG16" s="60">
        <v>378</v>
      </c>
      <c r="JH16" s="61">
        <v>443</v>
      </c>
      <c r="JI16" s="62">
        <v>821</v>
      </c>
      <c r="JJ16" s="231"/>
      <c r="JK16" s="61">
        <v>607</v>
      </c>
      <c r="JL16" s="61">
        <v>551</v>
      </c>
      <c r="JM16" s="61">
        <v>485</v>
      </c>
      <c r="JN16" s="61">
        <v>576</v>
      </c>
      <c r="JO16" s="61">
        <v>311</v>
      </c>
      <c r="JP16" s="62">
        <v>2530</v>
      </c>
      <c r="JQ16" s="63">
        <v>3351</v>
      </c>
      <c r="JR16" s="60">
        <v>29</v>
      </c>
      <c r="JS16" s="61">
        <v>62</v>
      </c>
      <c r="JT16" s="62">
        <v>91</v>
      </c>
      <c r="JU16" s="231"/>
      <c r="JV16" s="61">
        <v>31</v>
      </c>
      <c r="JW16" s="61">
        <v>43</v>
      </c>
      <c r="JX16" s="61">
        <v>30</v>
      </c>
      <c r="JY16" s="61">
        <v>24</v>
      </c>
      <c r="JZ16" s="61">
        <v>26</v>
      </c>
      <c r="KA16" s="62">
        <v>154</v>
      </c>
      <c r="KB16" s="63">
        <v>245</v>
      </c>
      <c r="KC16" s="60">
        <v>2098</v>
      </c>
      <c r="KD16" s="61">
        <v>2106</v>
      </c>
      <c r="KE16" s="62">
        <v>4204</v>
      </c>
      <c r="KF16" s="231"/>
      <c r="KG16" s="61">
        <v>2252</v>
      </c>
      <c r="KH16" s="61">
        <v>1842</v>
      </c>
      <c r="KI16" s="61">
        <v>1482</v>
      </c>
      <c r="KJ16" s="61">
        <v>1525</v>
      </c>
      <c r="KK16" s="61">
        <v>921</v>
      </c>
      <c r="KL16" s="62">
        <v>8022</v>
      </c>
      <c r="KM16" s="63">
        <v>12226</v>
      </c>
    </row>
    <row r="17" spans="2:299" ht="21" customHeight="1" x14ac:dyDescent="0.2">
      <c r="B17" s="472" t="s">
        <v>13</v>
      </c>
      <c r="C17" s="293">
        <v>156</v>
      </c>
      <c r="D17" s="72">
        <v>181</v>
      </c>
      <c r="E17" s="73">
        <v>337</v>
      </c>
      <c r="F17" s="228"/>
      <c r="G17" s="72">
        <v>287</v>
      </c>
      <c r="H17" s="72">
        <v>284</v>
      </c>
      <c r="I17" s="72">
        <v>193</v>
      </c>
      <c r="J17" s="72">
        <v>131</v>
      </c>
      <c r="K17" s="72">
        <v>100</v>
      </c>
      <c r="L17" s="74">
        <v>995</v>
      </c>
      <c r="M17" s="75">
        <v>1332</v>
      </c>
      <c r="N17" s="60">
        <v>5</v>
      </c>
      <c r="O17" s="61">
        <v>4</v>
      </c>
      <c r="P17" s="62">
        <v>9</v>
      </c>
      <c r="Q17" s="231"/>
      <c r="R17" s="61">
        <v>11</v>
      </c>
      <c r="S17" s="61">
        <v>7</v>
      </c>
      <c r="T17" s="61">
        <v>11</v>
      </c>
      <c r="U17" s="61">
        <v>4</v>
      </c>
      <c r="V17" s="61">
        <v>4</v>
      </c>
      <c r="W17" s="62">
        <v>37</v>
      </c>
      <c r="X17" s="63">
        <v>46</v>
      </c>
      <c r="Y17" s="60">
        <v>14</v>
      </c>
      <c r="Z17" s="61">
        <v>9</v>
      </c>
      <c r="AA17" s="62">
        <v>23</v>
      </c>
      <c r="AB17" s="231"/>
      <c r="AC17" s="61">
        <v>24</v>
      </c>
      <c r="AD17" s="61">
        <v>20</v>
      </c>
      <c r="AE17" s="61">
        <v>9</v>
      </c>
      <c r="AF17" s="61">
        <v>13</v>
      </c>
      <c r="AG17" s="61">
        <v>13</v>
      </c>
      <c r="AH17" s="62">
        <v>79</v>
      </c>
      <c r="AI17" s="63">
        <v>102</v>
      </c>
      <c r="AJ17" s="60">
        <v>20</v>
      </c>
      <c r="AK17" s="61">
        <v>23</v>
      </c>
      <c r="AL17" s="62">
        <v>43</v>
      </c>
      <c r="AM17" s="231"/>
      <c r="AN17" s="61">
        <v>37</v>
      </c>
      <c r="AO17" s="61">
        <v>38</v>
      </c>
      <c r="AP17" s="61">
        <v>25</v>
      </c>
      <c r="AQ17" s="61">
        <v>9</v>
      </c>
      <c r="AR17" s="61">
        <v>15</v>
      </c>
      <c r="AS17" s="62">
        <v>124</v>
      </c>
      <c r="AT17" s="63">
        <v>167</v>
      </c>
      <c r="AU17" s="60">
        <v>31</v>
      </c>
      <c r="AV17" s="61">
        <v>41</v>
      </c>
      <c r="AW17" s="62">
        <v>72</v>
      </c>
      <c r="AX17" s="231"/>
      <c r="AY17" s="61">
        <v>74</v>
      </c>
      <c r="AZ17" s="61">
        <v>61</v>
      </c>
      <c r="BA17" s="61">
        <v>43</v>
      </c>
      <c r="BB17" s="61">
        <v>27</v>
      </c>
      <c r="BC17" s="61">
        <v>22</v>
      </c>
      <c r="BD17" s="62">
        <v>227</v>
      </c>
      <c r="BE17" s="63">
        <v>299</v>
      </c>
      <c r="BF17" s="60">
        <v>52</v>
      </c>
      <c r="BG17" s="61">
        <v>64</v>
      </c>
      <c r="BH17" s="62">
        <v>116</v>
      </c>
      <c r="BI17" s="231"/>
      <c r="BJ17" s="61">
        <v>76</v>
      </c>
      <c r="BK17" s="61">
        <v>82</v>
      </c>
      <c r="BL17" s="61">
        <v>55</v>
      </c>
      <c r="BM17" s="61">
        <v>38</v>
      </c>
      <c r="BN17" s="61">
        <v>24</v>
      </c>
      <c r="BO17" s="62">
        <v>275</v>
      </c>
      <c r="BP17" s="63">
        <v>391</v>
      </c>
      <c r="BQ17" s="60">
        <v>34</v>
      </c>
      <c r="BR17" s="61">
        <v>40</v>
      </c>
      <c r="BS17" s="62">
        <v>74</v>
      </c>
      <c r="BT17" s="231"/>
      <c r="BU17" s="61">
        <v>65</v>
      </c>
      <c r="BV17" s="61">
        <v>76</v>
      </c>
      <c r="BW17" s="61">
        <v>50</v>
      </c>
      <c r="BX17" s="61">
        <v>40</v>
      </c>
      <c r="BY17" s="61">
        <v>22</v>
      </c>
      <c r="BZ17" s="62">
        <v>253</v>
      </c>
      <c r="CA17" s="63">
        <v>327</v>
      </c>
      <c r="CB17" s="60">
        <v>5</v>
      </c>
      <c r="CC17" s="61">
        <v>2</v>
      </c>
      <c r="CD17" s="62">
        <v>7</v>
      </c>
      <c r="CE17" s="231"/>
      <c r="CF17" s="61">
        <v>9</v>
      </c>
      <c r="CG17" s="61">
        <v>9</v>
      </c>
      <c r="CH17" s="61">
        <v>4</v>
      </c>
      <c r="CI17" s="61">
        <v>4</v>
      </c>
      <c r="CJ17" s="61">
        <v>7</v>
      </c>
      <c r="CK17" s="62">
        <v>33</v>
      </c>
      <c r="CL17" s="63">
        <v>40</v>
      </c>
      <c r="CM17" s="60">
        <v>161</v>
      </c>
      <c r="CN17" s="61">
        <v>183</v>
      </c>
      <c r="CO17" s="62">
        <v>344</v>
      </c>
      <c r="CP17" s="231"/>
      <c r="CQ17" s="61">
        <v>296</v>
      </c>
      <c r="CR17" s="61">
        <v>293</v>
      </c>
      <c r="CS17" s="61">
        <v>197</v>
      </c>
      <c r="CT17" s="61">
        <v>135</v>
      </c>
      <c r="CU17" s="61">
        <v>107</v>
      </c>
      <c r="CV17" s="62">
        <v>1028</v>
      </c>
      <c r="CW17" s="63">
        <v>1372</v>
      </c>
      <c r="CX17" s="113">
        <v>390</v>
      </c>
      <c r="CY17" s="72">
        <v>410</v>
      </c>
      <c r="CZ17" s="73">
        <v>800</v>
      </c>
      <c r="DA17" s="228"/>
      <c r="DB17" s="72">
        <v>600</v>
      </c>
      <c r="DC17" s="72">
        <v>521</v>
      </c>
      <c r="DD17" s="72">
        <v>332</v>
      </c>
      <c r="DE17" s="72">
        <v>374</v>
      </c>
      <c r="DF17" s="72">
        <v>303</v>
      </c>
      <c r="DG17" s="74">
        <v>2130</v>
      </c>
      <c r="DH17" s="75">
        <v>2930</v>
      </c>
      <c r="DI17" s="60">
        <v>6</v>
      </c>
      <c r="DJ17" s="61">
        <v>5</v>
      </c>
      <c r="DK17" s="62">
        <v>11</v>
      </c>
      <c r="DL17" s="231"/>
      <c r="DM17" s="61">
        <v>7</v>
      </c>
      <c r="DN17" s="61">
        <v>6</v>
      </c>
      <c r="DO17" s="61">
        <v>2</v>
      </c>
      <c r="DP17" s="61">
        <v>5</v>
      </c>
      <c r="DQ17" s="61">
        <v>2</v>
      </c>
      <c r="DR17" s="62">
        <v>22</v>
      </c>
      <c r="DS17" s="63">
        <v>33</v>
      </c>
      <c r="DT17" s="60">
        <v>21</v>
      </c>
      <c r="DU17" s="61">
        <v>19</v>
      </c>
      <c r="DV17" s="62">
        <v>40</v>
      </c>
      <c r="DW17" s="231"/>
      <c r="DX17" s="61">
        <v>23</v>
      </c>
      <c r="DY17" s="61">
        <v>16</v>
      </c>
      <c r="DZ17" s="61">
        <v>12</v>
      </c>
      <c r="EA17" s="61">
        <v>12</v>
      </c>
      <c r="EB17" s="61">
        <v>9</v>
      </c>
      <c r="EC17" s="62">
        <v>72</v>
      </c>
      <c r="ED17" s="63">
        <v>112</v>
      </c>
      <c r="EE17" s="60">
        <v>43</v>
      </c>
      <c r="EF17" s="61">
        <v>50</v>
      </c>
      <c r="EG17" s="62">
        <v>93</v>
      </c>
      <c r="EH17" s="231"/>
      <c r="EI17" s="61">
        <v>63</v>
      </c>
      <c r="EJ17" s="61">
        <v>43</v>
      </c>
      <c r="EK17" s="61">
        <v>31</v>
      </c>
      <c r="EL17" s="61">
        <v>22</v>
      </c>
      <c r="EM17" s="61">
        <v>30</v>
      </c>
      <c r="EN17" s="62">
        <v>189</v>
      </c>
      <c r="EO17" s="63">
        <v>282</v>
      </c>
      <c r="EP17" s="60">
        <v>123</v>
      </c>
      <c r="EQ17" s="61">
        <v>115</v>
      </c>
      <c r="ER17" s="62">
        <v>238</v>
      </c>
      <c r="ES17" s="231"/>
      <c r="ET17" s="61">
        <v>160</v>
      </c>
      <c r="EU17" s="61">
        <v>98</v>
      </c>
      <c r="EV17" s="61">
        <v>44</v>
      </c>
      <c r="EW17" s="61">
        <v>52</v>
      </c>
      <c r="EX17" s="61">
        <v>52</v>
      </c>
      <c r="EY17" s="62">
        <v>406</v>
      </c>
      <c r="EZ17" s="63">
        <v>644</v>
      </c>
      <c r="FA17" s="60">
        <v>123</v>
      </c>
      <c r="FB17" s="61">
        <v>119</v>
      </c>
      <c r="FC17" s="62">
        <v>242</v>
      </c>
      <c r="FD17" s="231"/>
      <c r="FE17" s="61">
        <v>179</v>
      </c>
      <c r="FF17" s="61">
        <v>149</v>
      </c>
      <c r="FG17" s="61">
        <v>89</v>
      </c>
      <c r="FH17" s="61">
        <v>104</v>
      </c>
      <c r="FI17" s="61">
        <v>65</v>
      </c>
      <c r="FJ17" s="62">
        <v>586</v>
      </c>
      <c r="FK17" s="63">
        <v>828</v>
      </c>
      <c r="FL17" s="60">
        <v>74</v>
      </c>
      <c r="FM17" s="61">
        <v>102</v>
      </c>
      <c r="FN17" s="62">
        <v>176</v>
      </c>
      <c r="FO17" s="231"/>
      <c r="FP17" s="61">
        <v>168</v>
      </c>
      <c r="FQ17" s="61">
        <v>209</v>
      </c>
      <c r="FR17" s="61">
        <v>154</v>
      </c>
      <c r="FS17" s="61">
        <v>179</v>
      </c>
      <c r="FT17" s="61">
        <v>145</v>
      </c>
      <c r="FU17" s="62">
        <v>855</v>
      </c>
      <c r="FV17" s="63">
        <v>1031</v>
      </c>
      <c r="FW17" s="60">
        <v>0</v>
      </c>
      <c r="FX17" s="61">
        <v>1</v>
      </c>
      <c r="FY17" s="62">
        <v>1</v>
      </c>
      <c r="FZ17" s="231"/>
      <c r="GA17" s="61">
        <v>6</v>
      </c>
      <c r="GB17" s="61">
        <v>7</v>
      </c>
      <c r="GC17" s="61">
        <v>6</v>
      </c>
      <c r="GD17" s="61">
        <v>3</v>
      </c>
      <c r="GE17" s="61">
        <v>6</v>
      </c>
      <c r="GF17" s="62">
        <v>28</v>
      </c>
      <c r="GG17" s="63">
        <v>29</v>
      </c>
      <c r="GH17" s="60">
        <v>390</v>
      </c>
      <c r="GI17" s="61">
        <v>411</v>
      </c>
      <c r="GJ17" s="62">
        <v>801</v>
      </c>
      <c r="GK17" s="231"/>
      <c r="GL17" s="61">
        <v>606</v>
      </c>
      <c r="GM17" s="61">
        <v>528</v>
      </c>
      <c r="GN17" s="61">
        <v>338</v>
      </c>
      <c r="GO17" s="61">
        <v>377</v>
      </c>
      <c r="GP17" s="61">
        <v>309</v>
      </c>
      <c r="GQ17" s="62">
        <v>2158</v>
      </c>
      <c r="GR17" s="63">
        <v>2959</v>
      </c>
      <c r="GS17" s="113">
        <v>546</v>
      </c>
      <c r="GT17" s="72">
        <v>591</v>
      </c>
      <c r="GU17" s="73">
        <v>1137</v>
      </c>
      <c r="GV17" s="228"/>
      <c r="GW17" s="72">
        <v>887</v>
      </c>
      <c r="GX17" s="72">
        <v>805</v>
      </c>
      <c r="GY17" s="72">
        <v>525</v>
      </c>
      <c r="GZ17" s="72">
        <v>505</v>
      </c>
      <c r="HA17" s="72">
        <v>403</v>
      </c>
      <c r="HB17" s="74">
        <v>3125</v>
      </c>
      <c r="HC17" s="75">
        <v>4262</v>
      </c>
      <c r="HD17" s="60">
        <v>11</v>
      </c>
      <c r="HE17" s="61">
        <v>9</v>
      </c>
      <c r="HF17" s="62">
        <v>20</v>
      </c>
      <c r="HG17" s="231"/>
      <c r="HH17" s="61">
        <v>18</v>
      </c>
      <c r="HI17" s="61">
        <v>13</v>
      </c>
      <c r="HJ17" s="61">
        <v>13</v>
      </c>
      <c r="HK17" s="61">
        <v>9</v>
      </c>
      <c r="HL17" s="61">
        <v>6</v>
      </c>
      <c r="HM17" s="62">
        <v>59</v>
      </c>
      <c r="HN17" s="63">
        <v>79</v>
      </c>
      <c r="HO17" s="60">
        <v>35</v>
      </c>
      <c r="HP17" s="61">
        <v>28</v>
      </c>
      <c r="HQ17" s="62">
        <v>63</v>
      </c>
      <c r="HR17" s="231"/>
      <c r="HS17" s="61">
        <v>47</v>
      </c>
      <c r="HT17" s="61">
        <v>36</v>
      </c>
      <c r="HU17" s="61">
        <v>21</v>
      </c>
      <c r="HV17" s="61">
        <v>25</v>
      </c>
      <c r="HW17" s="61">
        <v>22</v>
      </c>
      <c r="HX17" s="62">
        <v>151</v>
      </c>
      <c r="HY17" s="63">
        <v>214</v>
      </c>
      <c r="HZ17" s="60">
        <v>63</v>
      </c>
      <c r="IA17" s="61">
        <v>73</v>
      </c>
      <c r="IB17" s="62">
        <v>136</v>
      </c>
      <c r="IC17" s="231"/>
      <c r="ID17" s="61">
        <v>100</v>
      </c>
      <c r="IE17" s="61">
        <v>81</v>
      </c>
      <c r="IF17" s="61">
        <v>56</v>
      </c>
      <c r="IG17" s="61">
        <v>31</v>
      </c>
      <c r="IH17" s="61">
        <v>45</v>
      </c>
      <c r="II17" s="62">
        <v>313</v>
      </c>
      <c r="IJ17" s="63">
        <v>449</v>
      </c>
      <c r="IK17" s="60">
        <v>154</v>
      </c>
      <c r="IL17" s="61">
        <v>156</v>
      </c>
      <c r="IM17" s="62">
        <v>310</v>
      </c>
      <c r="IN17" s="231"/>
      <c r="IO17" s="61">
        <v>234</v>
      </c>
      <c r="IP17" s="61">
        <v>159</v>
      </c>
      <c r="IQ17" s="61">
        <v>87</v>
      </c>
      <c r="IR17" s="61">
        <v>79</v>
      </c>
      <c r="IS17" s="61">
        <v>74</v>
      </c>
      <c r="IT17" s="62">
        <v>633</v>
      </c>
      <c r="IU17" s="63">
        <v>943</v>
      </c>
      <c r="IV17" s="60">
        <v>175</v>
      </c>
      <c r="IW17" s="61">
        <v>183</v>
      </c>
      <c r="IX17" s="62">
        <v>358</v>
      </c>
      <c r="IY17" s="231"/>
      <c r="IZ17" s="61">
        <v>255</v>
      </c>
      <c r="JA17" s="61">
        <v>231</v>
      </c>
      <c r="JB17" s="61">
        <v>144</v>
      </c>
      <c r="JC17" s="61">
        <v>142</v>
      </c>
      <c r="JD17" s="61">
        <v>89</v>
      </c>
      <c r="JE17" s="62">
        <v>861</v>
      </c>
      <c r="JF17" s="63">
        <v>1219</v>
      </c>
      <c r="JG17" s="60">
        <v>108</v>
      </c>
      <c r="JH17" s="61">
        <v>142</v>
      </c>
      <c r="JI17" s="62">
        <v>250</v>
      </c>
      <c r="JJ17" s="231"/>
      <c r="JK17" s="61">
        <v>233</v>
      </c>
      <c r="JL17" s="61">
        <v>285</v>
      </c>
      <c r="JM17" s="61">
        <v>204</v>
      </c>
      <c r="JN17" s="61">
        <v>219</v>
      </c>
      <c r="JO17" s="61">
        <v>167</v>
      </c>
      <c r="JP17" s="62">
        <v>1108</v>
      </c>
      <c r="JQ17" s="63">
        <v>1358</v>
      </c>
      <c r="JR17" s="60">
        <v>5</v>
      </c>
      <c r="JS17" s="61">
        <v>3</v>
      </c>
      <c r="JT17" s="62">
        <v>8</v>
      </c>
      <c r="JU17" s="231"/>
      <c r="JV17" s="61">
        <v>15</v>
      </c>
      <c r="JW17" s="61">
        <v>16</v>
      </c>
      <c r="JX17" s="61">
        <v>10</v>
      </c>
      <c r="JY17" s="61">
        <v>7</v>
      </c>
      <c r="JZ17" s="61">
        <v>13</v>
      </c>
      <c r="KA17" s="62">
        <v>61</v>
      </c>
      <c r="KB17" s="63">
        <v>69</v>
      </c>
      <c r="KC17" s="60">
        <v>551</v>
      </c>
      <c r="KD17" s="61">
        <v>594</v>
      </c>
      <c r="KE17" s="62">
        <v>1145</v>
      </c>
      <c r="KF17" s="231"/>
      <c r="KG17" s="61">
        <v>902</v>
      </c>
      <c r="KH17" s="61">
        <v>821</v>
      </c>
      <c r="KI17" s="61">
        <v>535</v>
      </c>
      <c r="KJ17" s="61">
        <v>512</v>
      </c>
      <c r="KK17" s="61">
        <v>416</v>
      </c>
      <c r="KL17" s="62">
        <v>3186</v>
      </c>
      <c r="KM17" s="63">
        <v>4331</v>
      </c>
    </row>
    <row r="18" spans="2:299" ht="21" customHeight="1" x14ac:dyDescent="0.2">
      <c r="B18" s="472" t="s">
        <v>15</v>
      </c>
      <c r="C18" s="293">
        <v>125</v>
      </c>
      <c r="D18" s="72">
        <v>146</v>
      </c>
      <c r="E18" s="73">
        <v>271</v>
      </c>
      <c r="F18" s="228"/>
      <c r="G18" s="72">
        <v>261</v>
      </c>
      <c r="H18" s="72">
        <v>235</v>
      </c>
      <c r="I18" s="72">
        <v>155</v>
      </c>
      <c r="J18" s="72">
        <v>129</v>
      </c>
      <c r="K18" s="72">
        <v>62</v>
      </c>
      <c r="L18" s="74">
        <v>842</v>
      </c>
      <c r="M18" s="75">
        <v>1113</v>
      </c>
      <c r="N18" s="60">
        <v>4</v>
      </c>
      <c r="O18" s="61">
        <v>8</v>
      </c>
      <c r="P18" s="62">
        <v>12</v>
      </c>
      <c r="Q18" s="231"/>
      <c r="R18" s="61">
        <v>12</v>
      </c>
      <c r="S18" s="61">
        <v>18</v>
      </c>
      <c r="T18" s="61">
        <v>12</v>
      </c>
      <c r="U18" s="61">
        <v>3</v>
      </c>
      <c r="V18" s="61">
        <v>6</v>
      </c>
      <c r="W18" s="62">
        <v>51</v>
      </c>
      <c r="X18" s="63">
        <v>63</v>
      </c>
      <c r="Y18" s="60">
        <v>17</v>
      </c>
      <c r="Z18" s="61">
        <v>15</v>
      </c>
      <c r="AA18" s="62">
        <v>32</v>
      </c>
      <c r="AB18" s="231"/>
      <c r="AC18" s="61">
        <v>30</v>
      </c>
      <c r="AD18" s="61">
        <v>24</v>
      </c>
      <c r="AE18" s="61">
        <v>18</v>
      </c>
      <c r="AF18" s="61">
        <v>15</v>
      </c>
      <c r="AG18" s="61">
        <v>7</v>
      </c>
      <c r="AH18" s="62">
        <v>94</v>
      </c>
      <c r="AI18" s="63">
        <v>126</v>
      </c>
      <c r="AJ18" s="60">
        <v>19</v>
      </c>
      <c r="AK18" s="61">
        <v>27</v>
      </c>
      <c r="AL18" s="62">
        <v>46</v>
      </c>
      <c r="AM18" s="231"/>
      <c r="AN18" s="61">
        <v>33</v>
      </c>
      <c r="AO18" s="61">
        <v>50</v>
      </c>
      <c r="AP18" s="61">
        <v>22</v>
      </c>
      <c r="AQ18" s="61">
        <v>23</v>
      </c>
      <c r="AR18" s="61">
        <v>14</v>
      </c>
      <c r="AS18" s="62">
        <v>142</v>
      </c>
      <c r="AT18" s="63">
        <v>188</v>
      </c>
      <c r="AU18" s="60">
        <v>34</v>
      </c>
      <c r="AV18" s="61">
        <v>32</v>
      </c>
      <c r="AW18" s="62">
        <v>66</v>
      </c>
      <c r="AX18" s="231"/>
      <c r="AY18" s="61">
        <v>80</v>
      </c>
      <c r="AZ18" s="61">
        <v>51</v>
      </c>
      <c r="BA18" s="61">
        <v>28</v>
      </c>
      <c r="BB18" s="61">
        <v>38</v>
      </c>
      <c r="BC18" s="61">
        <v>15</v>
      </c>
      <c r="BD18" s="62">
        <v>212</v>
      </c>
      <c r="BE18" s="63">
        <v>278</v>
      </c>
      <c r="BF18" s="60">
        <v>32</v>
      </c>
      <c r="BG18" s="61">
        <v>43</v>
      </c>
      <c r="BH18" s="62">
        <v>75</v>
      </c>
      <c r="BI18" s="231"/>
      <c r="BJ18" s="61">
        <v>60</v>
      </c>
      <c r="BK18" s="61">
        <v>45</v>
      </c>
      <c r="BL18" s="61">
        <v>41</v>
      </c>
      <c r="BM18" s="61">
        <v>24</v>
      </c>
      <c r="BN18" s="61">
        <v>15</v>
      </c>
      <c r="BO18" s="62">
        <v>185</v>
      </c>
      <c r="BP18" s="63">
        <v>260</v>
      </c>
      <c r="BQ18" s="60">
        <v>19</v>
      </c>
      <c r="BR18" s="61">
        <v>21</v>
      </c>
      <c r="BS18" s="62">
        <v>40</v>
      </c>
      <c r="BT18" s="231"/>
      <c r="BU18" s="61">
        <v>46</v>
      </c>
      <c r="BV18" s="61">
        <v>47</v>
      </c>
      <c r="BW18" s="61">
        <v>34</v>
      </c>
      <c r="BX18" s="61">
        <v>26</v>
      </c>
      <c r="BY18" s="61">
        <v>5</v>
      </c>
      <c r="BZ18" s="62">
        <v>158</v>
      </c>
      <c r="CA18" s="63">
        <v>198</v>
      </c>
      <c r="CB18" s="60">
        <v>0</v>
      </c>
      <c r="CC18" s="61">
        <v>4</v>
      </c>
      <c r="CD18" s="62">
        <v>4</v>
      </c>
      <c r="CE18" s="231"/>
      <c r="CF18" s="61">
        <v>8</v>
      </c>
      <c r="CG18" s="61">
        <v>7</v>
      </c>
      <c r="CH18" s="61">
        <v>3</v>
      </c>
      <c r="CI18" s="61">
        <v>4</v>
      </c>
      <c r="CJ18" s="61">
        <v>5</v>
      </c>
      <c r="CK18" s="62">
        <v>27</v>
      </c>
      <c r="CL18" s="63">
        <v>31</v>
      </c>
      <c r="CM18" s="60">
        <v>125</v>
      </c>
      <c r="CN18" s="61">
        <v>150</v>
      </c>
      <c r="CO18" s="62">
        <v>275</v>
      </c>
      <c r="CP18" s="231"/>
      <c r="CQ18" s="61">
        <v>269</v>
      </c>
      <c r="CR18" s="61">
        <v>242</v>
      </c>
      <c r="CS18" s="61">
        <v>158</v>
      </c>
      <c r="CT18" s="61">
        <v>133</v>
      </c>
      <c r="CU18" s="61">
        <v>67</v>
      </c>
      <c r="CV18" s="62">
        <v>869</v>
      </c>
      <c r="CW18" s="63">
        <v>1144</v>
      </c>
      <c r="CX18" s="113">
        <v>276</v>
      </c>
      <c r="CY18" s="72">
        <v>361</v>
      </c>
      <c r="CZ18" s="73">
        <v>637</v>
      </c>
      <c r="DA18" s="228"/>
      <c r="DB18" s="72">
        <v>465</v>
      </c>
      <c r="DC18" s="72">
        <v>451</v>
      </c>
      <c r="DD18" s="72">
        <v>318</v>
      </c>
      <c r="DE18" s="72">
        <v>312</v>
      </c>
      <c r="DF18" s="72">
        <v>169</v>
      </c>
      <c r="DG18" s="74">
        <v>1715</v>
      </c>
      <c r="DH18" s="75">
        <v>2352</v>
      </c>
      <c r="DI18" s="60">
        <v>7</v>
      </c>
      <c r="DJ18" s="61">
        <v>8</v>
      </c>
      <c r="DK18" s="62">
        <v>15</v>
      </c>
      <c r="DL18" s="231"/>
      <c r="DM18" s="61">
        <v>12</v>
      </c>
      <c r="DN18" s="61">
        <v>11</v>
      </c>
      <c r="DO18" s="61">
        <v>2</v>
      </c>
      <c r="DP18" s="61">
        <v>0</v>
      </c>
      <c r="DQ18" s="61">
        <v>4</v>
      </c>
      <c r="DR18" s="62">
        <v>29</v>
      </c>
      <c r="DS18" s="63">
        <v>44</v>
      </c>
      <c r="DT18" s="60">
        <v>15</v>
      </c>
      <c r="DU18" s="61">
        <v>17</v>
      </c>
      <c r="DV18" s="62">
        <v>32</v>
      </c>
      <c r="DW18" s="231"/>
      <c r="DX18" s="61">
        <v>26</v>
      </c>
      <c r="DY18" s="61">
        <v>34</v>
      </c>
      <c r="DZ18" s="61">
        <v>23</v>
      </c>
      <c r="EA18" s="61">
        <v>12</v>
      </c>
      <c r="EB18" s="61">
        <v>10</v>
      </c>
      <c r="EC18" s="62">
        <v>105</v>
      </c>
      <c r="ED18" s="63">
        <v>137</v>
      </c>
      <c r="EE18" s="60">
        <v>65</v>
      </c>
      <c r="EF18" s="61">
        <v>54</v>
      </c>
      <c r="EG18" s="62">
        <v>119</v>
      </c>
      <c r="EH18" s="231"/>
      <c r="EI18" s="61">
        <v>57</v>
      </c>
      <c r="EJ18" s="61">
        <v>49</v>
      </c>
      <c r="EK18" s="61">
        <v>24</v>
      </c>
      <c r="EL18" s="61">
        <v>16</v>
      </c>
      <c r="EM18" s="61">
        <v>19</v>
      </c>
      <c r="EN18" s="62">
        <v>165</v>
      </c>
      <c r="EO18" s="63">
        <v>284</v>
      </c>
      <c r="EP18" s="60">
        <v>87</v>
      </c>
      <c r="EQ18" s="61">
        <v>108</v>
      </c>
      <c r="ER18" s="62">
        <v>195</v>
      </c>
      <c r="ES18" s="231"/>
      <c r="ET18" s="61">
        <v>110</v>
      </c>
      <c r="EU18" s="61">
        <v>95</v>
      </c>
      <c r="EV18" s="61">
        <v>55</v>
      </c>
      <c r="EW18" s="61">
        <v>44</v>
      </c>
      <c r="EX18" s="61">
        <v>34</v>
      </c>
      <c r="EY18" s="62">
        <v>338</v>
      </c>
      <c r="EZ18" s="63">
        <v>533</v>
      </c>
      <c r="FA18" s="60">
        <v>63</v>
      </c>
      <c r="FB18" s="61">
        <v>103</v>
      </c>
      <c r="FC18" s="62">
        <v>166</v>
      </c>
      <c r="FD18" s="231"/>
      <c r="FE18" s="61">
        <v>138</v>
      </c>
      <c r="FF18" s="61">
        <v>122</v>
      </c>
      <c r="FG18" s="61">
        <v>89</v>
      </c>
      <c r="FH18" s="61">
        <v>90</v>
      </c>
      <c r="FI18" s="61">
        <v>38</v>
      </c>
      <c r="FJ18" s="62">
        <v>477</v>
      </c>
      <c r="FK18" s="63">
        <v>643</v>
      </c>
      <c r="FL18" s="60">
        <v>39</v>
      </c>
      <c r="FM18" s="61">
        <v>71</v>
      </c>
      <c r="FN18" s="62">
        <v>110</v>
      </c>
      <c r="FO18" s="231"/>
      <c r="FP18" s="61">
        <v>122</v>
      </c>
      <c r="FQ18" s="61">
        <v>140</v>
      </c>
      <c r="FR18" s="61">
        <v>125</v>
      </c>
      <c r="FS18" s="61">
        <v>150</v>
      </c>
      <c r="FT18" s="61">
        <v>64</v>
      </c>
      <c r="FU18" s="62">
        <v>601</v>
      </c>
      <c r="FV18" s="63">
        <v>711</v>
      </c>
      <c r="FW18" s="60">
        <v>2</v>
      </c>
      <c r="FX18" s="61">
        <v>3</v>
      </c>
      <c r="FY18" s="62">
        <v>5</v>
      </c>
      <c r="FZ18" s="231"/>
      <c r="GA18" s="61">
        <v>4</v>
      </c>
      <c r="GB18" s="61">
        <v>8</v>
      </c>
      <c r="GC18" s="61">
        <v>0</v>
      </c>
      <c r="GD18" s="61">
        <v>1</v>
      </c>
      <c r="GE18" s="61">
        <v>5</v>
      </c>
      <c r="GF18" s="62">
        <v>18</v>
      </c>
      <c r="GG18" s="63">
        <v>23</v>
      </c>
      <c r="GH18" s="60">
        <v>278</v>
      </c>
      <c r="GI18" s="61">
        <v>364</v>
      </c>
      <c r="GJ18" s="62">
        <v>642</v>
      </c>
      <c r="GK18" s="231"/>
      <c r="GL18" s="61">
        <v>469</v>
      </c>
      <c r="GM18" s="61">
        <v>459</v>
      </c>
      <c r="GN18" s="61">
        <v>318</v>
      </c>
      <c r="GO18" s="61">
        <v>313</v>
      </c>
      <c r="GP18" s="61">
        <v>174</v>
      </c>
      <c r="GQ18" s="62">
        <v>1733</v>
      </c>
      <c r="GR18" s="63">
        <v>2375</v>
      </c>
      <c r="GS18" s="113">
        <v>401</v>
      </c>
      <c r="GT18" s="72">
        <v>507</v>
      </c>
      <c r="GU18" s="73">
        <v>908</v>
      </c>
      <c r="GV18" s="228"/>
      <c r="GW18" s="72">
        <v>726</v>
      </c>
      <c r="GX18" s="72">
        <v>686</v>
      </c>
      <c r="GY18" s="72">
        <v>473</v>
      </c>
      <c r="GZ18" s="72">
        <v>441</v>
      </c>
      <c r="HA18" s="72">
        <v>231</v>
      </c>
      <c r="HB18" s="74">
        <v>2557</v>
      </c>
      <c r="HC18" s="75">
        <v>3465</v>
      </c>
      <c r="HD18" s="60">
        <v>11</v>
      </c>
      <c r="HE18" s="61">
        <v>16</v>
      </c>
      <c r="HF18" s="62">
        <v>27</v>
      </c>
      <c r="HG18" s="231"/>
      <c r="HH18" s="61">
        <v>24</v>
      </c>
      <c r="HI18" s="61">
        <v>29</v>
      </c>
      <c r="HJ18" s="61">
        <v>14</v>
      </c>
      <c r="HK18" s="61">
        <v>3</v>
      </c>
      <c r="HL18" s="61">
        <v>10</v>
      </c>
      <c r="HM18" s="62">
        <v>80</v>
      </c>
      <c r="HN18" s="63">
        <v>107</v>
      </c>
      <c r="HO18" s="60">
        <v>32</v>
      </c>
      <c r="HP18" s="61">
        <v>32</v>
      </c>
      <c r="HQ18" s="62">
        <v>64</v>
      </c>
      <c r="HR18" s="231"/>
      <c r="HS18" s="61">
        <v>56</v>
      </c>
      <c r="HT18" s="61">
        <v>58</v>
      </c>
      <c r="HU18" s="61">
        <v>41</v>
      </c>
      <c r="HV18" s="61">
        <v>27</v>
      </c>
      <c r="HW18" s="61">
        <v>17</v>
      </c>
      <c r="HX18" s="62">
        <v>199</v>
      </c>
      <c r="HY18" s="63">
        <v>263</v>
      </c>
      <c r="HZ18" s="60">
        <v>84</v>
      </c>
      <c r="IA18" s="61">
        <v>81</v>
      </c>
      <c r="IB18" s="62">
        <v>165</v>
      </c>
      <c r="IC18" s="231"/>
      <c r="ID18" s="61">
        <v>90</v>
      </c>
      <c r="IE18" s="61">
        <v>99</v>
      </c>
      <c r="IF18" s="61">
        <v>46</v>
      </c>
      <c r="IG18" s="61">
        <v>39</v>
      </c>
      <c r="IH18" s="61">
        <v>33</v>
      </c>
      <c r="II18" s="62">
        <v>307</v>
      </c>
      <c r="IJ18" s="63">
        <v>472</v>
      </c>
      <c r="IK18" s="60">
        <v>121</v>
      </c>
      <c r="IL18" s="61">
        <v>140</v>
      </c>
      <c r="IM18" s="62">
        <v>261</v>
      </c>
      <c r="IN18" s="231"/>
      <c r="IO18" s="61">
        <v>190</v>
      </c>
      <c r="IP18" s="61">
        <v>146</v>
      </c>
      <c r="IQ18" s="61">
        <v>83</v>
      </c>
      <c r="IR18" s="61">
        <v>82</v>
      </c>
      <c r="IS18" s="61">
        <v>49</v>
      </c>
      <c r="IT18" s="62">
        <v>550</v>
      </c>
      <c r="IU18" s="63">
        <v>811</v>
      </c>
      <c r="IV18" s="60">
        <v>95</v>
      </c>
      <c r="IW18" s="61">
        <v>146</v>
      </c>
      <c r="IX18" s="62">
        <v>241</v>
      </c>
      <c r="IY18" s="231"/>
      <c r="IZ18" s="61">
        <v>198</v>
      </c>
      <c r="JA18" s="61">
        <v>167</v>
      </c>
      <c r="JB18" s="61">
        <v>130</v>
      </c>
      <c r="JC18" s="61">
        <v>114</v>
      </c>
      <c r="JD18" s="61">
        <v>53</v>
      </c>
      <c r="JE18" s="62">
        <v>662</v>
      </c>
      <c r="JF18" s="63">
        <v>903</v>
      </c>
      <c r="JG18" s="60">
        <v>58</v>
      </c>
      <c r="JH18" s="61">
        <v>92</v>
      </c>
      <c r="JI18" s="62">
        <v>150</v>
      </c>
      <c r="JJ18" s="231"/>
      <c r="JK18" s="61">
        <v>168</v>
      </c>
      <c r="JL18" s="61">
        <v>187</v>
      </c>
      <c r="JM18" s="61">
        <v>159</v>
      </c>
      <c r="JN18" s="61">
        <v>176</v>
      </c>
      <c r="JO18" s="61">
        <v>69</v>
      </c>
      <c r="JP18" s="62">
        <v>759</v>
      </c>
      <c r="JQ18" s="63">
        <v>909</v>
      </c>
      <c r="JR18" s="60">
        <v>2</v>
      </c>
      <c r="JS18" s="61">
        <v>7</v>
      </c>
      <c r="JT18" s="62">
        <v>9</v>
      </c>
      <c r="JU18" s="231"/>
      <c r="JV18" s="61">
        <v>12</v>
      </c>
      <c r="JW18" s="61">
        <v>15</v>
      </c>
      <c r="JX18" s="61">
        <v>3</v>
      </c>
      <c r="JY18" s="61">
        <v>5</v>
      </c>
      <c r="JZ18" s="61">
        <v>10</v>
      </c>
      <c r="KA18" s="62">
        <v>45</v>
      </c>
      <c r="KB18" s="63">
        <v>54</v>
      </c>
      <c r="KC18" s="60">
        <v>403</v>
      </c>
      <c r="KD18" s="61">
        <v>514</v>
      </c>
      <c r="KE18" s="62">
        <v>917</v>
      </c>
      <c r="KF18" s="231"/>
      <c r="KG18" s="61">
        <v>738</v>
      </c>
      <c r="KH18" s="61">
        <v>701</v>
      </c>
      <c r="KI18" s="61">
        <v>476</v>
      </c>
      <c r="KJ18" s="61">
        <v>446</v>
      </c>
      <c r="KK18" s="61">
        <v>241</v>
      </c>
      <c r="KL18" s="62">
        <v>2602</v>
      </c>
      <c r="KM18" s="63">
        <v>3519</v>
      </c>
    </row>
    <row r="19" spans="2:299" ht="21" customHeight="1" x14ac:dyDescent="0.2">
      <c r="B19" s="472" t="s">
        <v>16</v>
      </c>
      <c r="C19" s="293">
        <v>241</v>
      </c>
      <c r="D19" s="72">
        <v>297</v>
      </c>
      <c r="E19" s="73">
        <v>538</v>
      </c>
      <c r="F19" s="228"/>
      <c r="G19" s="72">
        <v>462</v>
      </c>
      <c r="H19" s="72">
        <v>626</v>
      </c>
      <c r="I19" s="72">
        <v>407</v>
      </c>
      <c r="J19" s="72">
        <v>317</v>
      </c>
      <c r="K19" s="72">
        <v>205</v>
      </c>
      <c r="L19" s="74">
        <v>2017</v>
      </c>
      <c r="M19" s="75">
        <v>2555</v>
      </c>
      <c r="N19" s="60">
        <v>13</v>
      </c>
      <c r="O19" s="61">
        <v>10</v>
      </c>
      <c r="P19" s="62">
        <v>23</v>
      </c>
      <c r="Q19" s="231"/>
      <c r="R19" s="61">
        <v>15</v>
      </c>
      <c r="S19" s="61">
        <v>29</v>
      </c>
      <c r="T19" s="61">
        <v>24</v>
      </c>
      <c r="U19" s="61">
        <v>19</v>
      </c>
      <c r="V19" s="61">
        <v>20</v>
      </c>
      <c r="W19" s="62">
        <v>107</v>
      </c>
      <c r="X19" s="63">
        <v>130</v>
      </c>
      <c r="Y19" s="60">
        <v>27</v>
      </c>
      <c r="Z19" s="61">
        <v>54</v>
      </c>
      <c r="AA19" s="62">
        <v>81</v>
      </c>
      <c r="AB19" s="231"/>
      <c r="AC19" s="61">
        <v>46</v>
      </c>
      <c r="AD19" s="61">
        <v>81</v>
      </c>
      <c r="AE19" s="61">
        <v>45</v>
      </c>
      <c r="AF19" s="61">
        <v>34</v>
      </c>
      <c r="AG19" s="61">
        <v>35</v>
      </c>
      <c r="AH19" s="62">
        <v>241</v>
      </c>
      <c r="AI19" s="63">
        <v>322</v>
      </c>
      <c r="AJ19" s="60">
        <v>52</v>
      </c>
      <c r="AK19" s="61">
        <v>52</v>
      </c>
      <c r="AL19" s="62">
        <v>104</v>
      </c>
      <c r="AM19" s="231"/>
      <c r="AN19" s="61">
        <v>75</v>
      </c>
      <c r="AO19" s="61">
        <v>112</v>
      </c>
      <c r="AP19" s="61">
        <v>79</v>
      </c>
      <c r="AQ19" s="61">
        <v>57</v>
      </c>
      <c r="AR19" s="61">
        <v>37</v>
      </c>
      <c r="AS19" s="62">
        <v>360</v>
      </c>
      <c r="AT19" s="63">
        <v>464</v>
      </c>
      <c r="AU19" s="60">
        <v>76</v>
      </c>
      <c r="AV19" s="61">
        <v>69</v>
      </c>
      <c r="AW19" s="62">
        <v>145</v>
      </c>
      <c r="AX19" s="231"/>
      <c r="AY19" s="61">
        <v>129</v>
      </c>
      <c r="AZ19" s="61">
        <v>162</v>
      </c>
      <c r="BA19" s="61">
        <v>93</v>
      </c>
      <c r="BB19" s="61">
        <v>84</v>
      </c>
      <c r="BC19" s="61">
        <v>43</v>
      </c>
      <c r="BD19" s="62">
        <v>511</v>
      </c>
      <c r="BE19" s="63">
        <v>656</v>
      </c>
      <c r="BF19" s="60">
        <v>50</v>
      </c>
      <c r="BG19" s="61">
        <v>70</v>
      </c>
      <c r="BH19" s="62">
        <v>120</v>
      </c>
      <c r="BI19" s="231"/>
      <c r="BJ19" s="61">
        <v>131</v>
      </c>
      <c r="BK19" s="61">
        <v>146</v>
      </c>
      <c r="BL19" s="61">
        <v>88</v>
      </c>
      <c r="BM19" s="61">
        <v>56</v>
      </c>
      <c r="BN19" s="61">
        <v>36</v>
      </c>
      <c r="BO19" s="62">
        <v>457</v>
      </c>
      <c r="BP19" s="63">
        <v>577</v>
      </c>
      <c r="BQ19" s="60">
        <v>23</v>
      </c>
      <c r="BR19" s="61">
        <v>42</v>
      </c>
      <c r="BS19" s="62">
        <v>65</v>
      </c>
      <c r="BT19" s="231"/>
      <c r="BU19" s="61">
        <v>66</v>
      </c>
      <c r="BV19" s="61">
        <v>96</v>
      </c>
      <c r="BW19" s="61">
        <v>78</v>
      </c>
      <c r="BX19" s="61">
        <v>67</v>
      </c>
      <c r="BY19" s="61">
        <v>34</v>
      </c>
      <c r="BZ19" s="62">
        <v>341</v>
      </c>
      <c r="CA19" s="63">
        <v>406</v>
      </c>
      <c r="CB19" s="60">
        <v>8</v>
      </c>
      <c r="CC19" s="61">
        <v>10</v>
      </c>
      <c r="CD19" s="62">
        <v>18</v>
      </c>
      <c r="CE19" s="231"/>
      <c r="CF19" s="61">
        <v>18</v>
      </c>
      <c r="CG19" s="61">
        <v>23</v>
      </c>
      <c r="CH19" s="61">
        <v>18</v>
      </c>
      <c r="CI19" s="61">
        <v>15</v>
      </c>
      <c r="CJ19" s="61">
        <v>13</v>
      </c>
      <c r="CK19" s="62">
        <v>87</v>
      </c>
      <c r="CL19" s="63">
        <v>105</v>
      </c>
      <c r="CM19" s="60">
        <v>249</v>
      </c>
      <c r="CN19" s="61">
        <v>307</v>
      </c>
      <c r="CO19" s="62">
        <v>556</v>
      </c>
      <c r="CP19" s="231"/>
      <c r="CQ19" s="61">
        <v>480</v>
      </c>
      <c r="CR19" s="61">
        <v>649</v>
      </c>
      <c r="CS19" s="61">
        <v>425</v>
      </c>
      <c r="CT19" s="61">
        <v>332</v>
      </c>
      <c r="CU19" s="61">
        <v>218</v>
      </c>
      <c r="CV19" s="62">
        <v>2104</v>
      </c>
      <c r="CW19" s="63">
        <v>2660</v>
      </c>
      <c r="CX19" s="113">
        <v>415</v>
      </c>
      <c r="CY19" s="72">
        <v>627</v>
      </c>
      <c r="CZ19" s="73">
        <v>1042</v>
      </c>
      <c r="DA19" s="228"/>
      <c r="DB19" s="72">
        <v>821</v>
      </c>
      <c r="DC19" s="72">
        <v>996</v>
      </c>
      <c r="DD19" s="72">
        <v>768</v>
      </c>
      <c r="DE19" s="72">
        <v>787</v>
      </c>
      <c r="DF19" s="72">
        <v>503</v>
      </c>
      <c r="DG19" s="74">
        <v>3875</v>
      </c>
      <c r="DH19" s="75">
        <v>4917</v>
      </c>
      <c r="DI19" s="60">
        <v>12</v>
      </c>
      <c r="DJ19" s="61">
        <v>27</v>
      </c>
      <c r="DK19" s="62">
        <v>39</v>
      </c>
      <c r="DL19" s="231"/>
      <c r="DM19" s="61">
        <v>11</v>
      </c>
      <c r="DN19" s="61">
        <v>30</v>
      </c>
      <c r="DO19" s="61">
        <v>17</v>
      </c>
      <c r="DP19" s="61">
        <v>16</v>
      </c>
      <c r="DQ19" s="61">
        <v>11</v>
      </c>
      <c r="DR19" s="62">
        <v>85</v>
      </c>
      <c r="DS19" s="63">
        <v>124</v>
      </c>
      <c r="DT19" s="60">
        <v>32</v>
      </c>
      <c r="DU19" s="61">
        <v>53</v>
      </c>
      <c r="DV19" s="62">
        <v>85</v>
      </c>
      <c r="DW19" s="231"/>
      <c r="DX19" s="61">
        <v>59</v>
      </c>
      <c r="DY19" s="61">
        <v>66</v>
      </c>
      <c r="DZ19" s="61">
        <v>41</v>
      </c>
      <c r="EA19" s="61">
        <v>39</v>
      </c>
      <c r="EB19" s="61">
        <v>30</v>
      </c>
      <c r="EC19" s="62">
        <v>235</v>
      </c>
      <c r="ED19" s="63">
        <v>320</v>
      </c>
      <c r="EE19" s="60">
        <v>83</v>
      </c>
      <c r="EF19" s="61">
        <v>109</v>
      </c>
      <c r="EG19" s="62">
        <v>192</v>
      </c>
      <c r="EH19" s="231"/>
      <c r="EI19" s="61">
        <v>98</v>
      </c>
      <c r="EJ19" s="61">
        <v>129</v>
      </c>
      <c r="EK19" s="61">
        <v>77</v>
      </c>
      <c r="EL19" s="61">
        <v>75</v>
      </c>
      <c r="EM19" s="61">
        <v>50</v>
      </c>
      <c r="EN19" s="62">
        <v>429</v>
      </c>
      <c r="EO19" s="63">
        <v>621</v>
      </c>
      <c r="EP19" s="60">
        <v>122</v>
      </c>
      <c r="EQ19" s="61">
        <v>164</v>
      </c>
      <c r="ER19" s="62">
        <v>286</v>
      </c>
      <c r="ES19" s="231"/>
      <c r="ET19" s="61">
        <v>208</v>
      </c>
      <c r="EU19" s="61">
        <v>202</v>
      </c>
      <c r="EV19" s="61">
        <v>138</v>
      </c>
      <c r="EW19" s="61">
        <v>130</v>
      </c>
      <c r="EX19" s="61">
        <v>98</v>
      </c>
      <c r="EY19" s="62">
        <v>776</v>
      </c>
      <c r="EZ19" s="63">
        <v>1062</v>
      </c>
      <c r="FA19" s="60">
        <v>99</v>
      </c>
      <c r="FB19" s="61">
        <v>159</v>
      </c>
      <c r="FC19" s="62">
        <v>258</v>
      </c>
      <c r="FD19" s="231"/>
      <c r="FE19" s="61">
        <v>256</v>
      </c>
      <c r="FF19" s="61">
        <v>263</v>
      </c>
      <c r="FG19" s="61">
        <v>214</v>
      </c>
      <c r="FH19" s="61">
        <v>179</v>
      </c>
      <c r="FI19" s="61">
        <v>117</v>
      </c>
      <c r="FJ19" s="62">
        <v>1029</v>
      </c>
      <c r="FK19" s="63">
        <v>1287</v>
      </c>
      <c r="FL19" s="60">
        <v>67</v>
      </c>
      <c r="FM19" s="61">
        <v>115</v>
      </c>
      <c r="FN19" s="62">
        <v>182</v>
      </c>
      <c r="FO19" s="231"/>
      <c r="FP19" s="61">
        <v>189</v>
      </c>
      <c r="FQ19" s="61">
        <v>306</v>
      </c>
      <c r="FR19" s="61">
        <v>281</v>
      </c>
      <c r="FS19" s="61">
        <v>348</v>
      </c>
      <c r="FT19" s="61">
        <v>197</v>
      </c>
      <c r="FU19" s="62">
        <v>1321</v>
      </c>
      <c r="FV19" s="63">
        <v>1503</v>
      </c>
      <c r="FW19" s="60">
        <v>14</v>
      </c>
      <c r="FX19" s="61">
        <v>13</v>
      </c>
      <c r="FY19" s="62">
        <v>27</v>
      </c>
      <c r="FZ19" s="231"/>
      <c r="GA19" s="61">
        <v>6</v>
      </c>
      <c r="GB19" s="61">
        <v>21</v>
      </c>
      <c r="GC19" s="61">
        <v>9</v>
      </c>
      <c r="GD19" s="61">
        <v>11</v>
      </c>
      <c r="GE19" s="61">
        <v>13</v>
      </c>
      <c r="GF19" s="62">
        <v>60</v>
      </c>
      <c r="GG19" s="63">
        <v>87</v>
      </c>
      <c r="GH19" s="60">
        <v>429</v>
      </c>
      <c r="GI19" s="61">
        <v>640</v>
      </c>
      <c r="GJ19" s="62">
        <v>1069</v>
      </c>
      <c r="GK19" s="231"/>
      <c r="GL19" s="61">
        <v>827</v>
      </c>
      <c r="GM19" s="61">
        <v>1017</v>
      </c>
      <c r="GN19" s="61">
        <v>777</v>
      </c>
      <c r="GO19" s="61">
        <v>798</v>
      </c>
      <c r="GP19" s="61">
        <v>516</v>
      </c>
      <c r="GQ19" s="62">
        <v>3935</v>
      </c>
      <c r="GR19" s="63">
        <v>5004</v>
      </c>
      <c r="GS19" s="113">
        <v>656</v>
      </c>
      <c r="GT19" s="72">
        <v>924</v>
      </c>
      <c r="GU19" s="73">
        <v>1580</v>
      </c>
      <c r="GV19" s="228"/>
      <c r="GW19" s="72">
        <v>1283</v>
      </c>
      <c r="GX19" s="72">
        <v>1622</v>
      </c>
      <c r="GY19" s="72">
        <v>1175</v>
      </c>
      <c r="GZ19" s="72">
        <v>1104</v>
      </c>
      <c r="HA19" s="72">
        <v>708</v>
      </c>
      <c r="HB19" s="74">
        <v>5892</v>
      </c>
      <c r="HC19" s="75">
        <v>7472</v>
      </c>
      <c r="HD19" s="60">
        <v>25</v>
      </c>
      <c r="HE19" s="61">
        <v>37</v>
      </c>
      <c r="HF19" s="62">
        <v>62</v>
      </c>
      <c r="HG19" s="231"/>
      <c r="HH19" s="61">
        <v>26</v>
      </c>
      <c r="HI19" s="61">
        <v>59</v>
      </c>
      <c r="HJ19" s="61">
        <v>41</v>
      </c>
      <c r="HK19" s="61">
        <v>35</v>
      </c>
      <c r="HL19" s="61">
        <v>31</v>
      </c>
      <c r="HM19" s="62">
        <v>192</v>
      </c>
      <c r="HN19" s="63">
        <v>254</v>
      </c>
      <c r="HO19" s="60">
        <v>59</v>
      </c>
      <c r="HP19" s="61">
        <v>107</v>
      </c>
      <c r="HQ19" s="62">
        <v>166</v>
      </c>
      <c r="HR19" s="231"/>
      <c r="HS19" s="61">
        <v>105</v>
      </c>
      <c r="HT19" s="61">
        <v>147</v>
      </c>
      <c r="HU19" s="61">
        <v>86</v>
      </c>
      <c r="HV19" s="61">
        <v>73</v>
      </c>
      <c r="HW19" s="61">
        <v>65</v>
      </c>
      <c r="HX19" s="62">
        <v>476</v>
      </c>
      <c r="HY19" s="63">
        <v>642</v>
      </c>
      <c r="HZ19" s="60">
        <v>135</v>
      </c>
      <c r="IA19" s="61">
        <v>161</v>
      </c>
      <c r="IB19" s="62">
        <v>296</v>
      </c>
      <c r="IC19" s="231"/>
      <c r="ID19" s="61">
        <v>173</v>
      </c>
      <c r="IE19" s="61">
        <v>241</v>
      </c>
      <c r="IF19" s="61">
        <v>156</v>
      </c>
      <c r="IG19" s="61">
        <v>132</v>
      </c>
      <c r="IH19" s="61">
        <v>87</v>
      </c>
      <c r="II19" s="62">
        <v>789</v>
      </c>
      <c r="IJ19" s="63">
        <v>1085</v>
      </c>
      <c r="IK19" s="60">
        <v>198</v>
      </c>
      <c r="IL19" s="61">
        <v>233</v>
      </c>
      <c r="IM19" s="62">
        <v>431</v>
      </c>
      <c r="IN19" s="231"/>
      <c r="IO19" s="61">
        <v>337</v>
      </c>
      <c r="IP19" s="61">
        <v>364</v>
      </c>
      <c r="IQ19" s="61">
        <v>231</v>
      </c>
      <c r="IR19" s="61">
        <v>214</v>
      </c>
      <c r="IS19" s="61">
        <v>141</v>
      </c>
      <c r="IT19" s="62">
        <v>1287</v>
      </c>
      <c r="IU19" s="63">
        <v>1718</v>
      </c>
      <c r="IV19" s="60">
        <v>149</v>
      </c>
      <c r="IW19" s="61">
        <v>229</v>
      </c>
      <c r="IX19" s="62">
        <v>378</v>
      </c>
      <c r="IY19" s="231"/>
      <c r="IZ19" s="61">
        <v>387</v>
      </c>
      <c r="JA19" s="61">
        <v>409</v>
      </c>
      <c r="JB19" s="61">
        <v>302</v>
      </c>
      <c r="JC19" s="61">
        <v>235</v>
      </c>
      <c r="JD19" s="61">
        <v>153</v>
      </c>
      <c r="JE19" s="62">
        <v>1486</v>
      </c>
      <c r="JF19" s="63">
        <v>1864</v>
      </c>
      <c r="JG19" s="60">
        <v>90</v>
      </c>
      <c r="JH19" s="61">
        <v>157</v>
      </c>
      <c r="JI19" s="62">
        <v>247</v>
      </c>
      <c r="JJ19" s="231"/>
      <c r="JK19" s="61">
        <v>255</v>
      </c>
      <c r="JL19" s="61">
        <v>402</v>
      </c>
      <c r="JM19" s="61">
        <v>359</v>
      </c>
      <c r="JN19" s="61">
        <v>415</v>
      </c>
      <c r="JO19" s="61">
        <v>231</v>
      </c>
      <c r="JP19" s="62">
        <v>1662</v>
      </c>
      <c r="JQ19" s="63">
        <v>1909</v>
      </c>
      <c r="JR19" s="60">
        <v>22</v>
      </c>
      <c r="JS19" s="61">
        <v>23</v>
      </c>
      <c r="JT19" s="62">
        <v>45</v>
      </c>
      <c r="JU19" s="231"/>
      <c r="JV19" s="61">
        <v>24</v>
      </c>
      <c r="JW19" s="61">
        <v>44</v>
      </c>
      <c r="JX19" s="61">
        <v>27</v>
      </c>
      <c r="JY19" s="61">
        <v>26</v>
      </c>
      <c r="JZ19" s="61">
        <v>26</v>
      </c>
      <c r="KA19" s="62">
        <v>147</v>
      </c>
      <c r="KB19" s="63">
        <v>192</v>
      </c>
      <c r="KC19" s="60">
        <v>678</v>
      </c>
      <c r="KD19" s="61">
        <v>947</v>
      </c>
      <c r="KE19" s="62">
        <v>1625</v>
      </c>
      <c r="KF19" s="231"/>
      <c r="KG19" s="61">
        <v>1307</v>
      </c>
      <c r="KH19" s="61">
        <v>1666</v>
      </c>
      <c r="KI19" s="61">
        <v>1202</v>
      </c>
      <c r="KJ19" s="61">
        <v>1130</v>
      </c>
      <c r="KK19" s="61">
        <v>734</v>
      </c>
      <c r="KL19" s="62">
        <v>6039</v>
      </c>
      <c r="KM19" s="63">
        <v>7664</v>
      </c>
    </row>
    <row r="20" spans="2:299" ht="21" customHeight="1" x14ac:dyDescent="0.2">
      <c r="B20" s="472" t="s">
        <v>17</v>
      </c>
      <c r="C20" s="293">
        <v>299</v>
      </c>
      <c r="D20" s="72">
        <v>398</v>
      </c>
      <c r="E20" s="73">
        <v>697</v>
      </c>
      <c r="F20" s="228"/>
      <c r="G20" s="72">
        <v>600</v>
      </c>
      <c r="H20" s="72">
        <v>783</v>
      </c>
      <c r="I20" s="72">
        <v>555</v>
      </c>
      <c r="J20" s="72">
        <v>424</v>
      </c>
      <c r="K20" s="72">
        <v>269</v>
      </c>
      <c r="L20" s="74">
        <v>2631</v>
      </c>
      <c r="M20" s="75">
        <v>3328</v>
      </c>
      <c r="N20" s="60">
        <v>13</v>
      </c>
      <c r="O20" s="61">
        <v>19</v>
      </c>
      <c r="P20" s="62">
        <v>32</v>
      </c>
      <c r="Q20" s="231"/>
      <c r="R20" s="61">
        <v>24</v>
      </c>
      <c r="S20" s="61">
        <v>49</v>
      </c>
      <c r="T20" s="61">
        <v>30</v>
      </c>
      <c r="U20" s="61">
        <v>23</v>
      </c>
      <c r="V20" s="61">
        <v>24</v>
      </c>
      <c r="W20" s="62">
        <v>150</v>
      </c>
      <c r="X20" s="63">
        <v>182</v>
      </c>
      <c r="Y20" s="60">
        <v>22</v>
      </c>
      <c r="Z20" s="61">
        <v>60</v>
      </c>
      <c r="AA20" s="62">
        <v>82</v>
      </c>
      <c r="AB20" s="231"/>
      <c r="AC20" s="61">
        <v>55</v>
      </c>
      <c r="AD20" s="61">
        <v>92</v>
      </c>
      <c r="AE20" s="61">
        <v>71</v>
      </c>
      <c r="AF20" s="61">
        <v>58</v>
      </c>
      <c r="AG20" s="61">
        <v>40</v>
      </c>
      <c r="AH20" s="62">
        <v>316</v>
      </c>
      <c r="AI20" s="63">
        <v>398</v>
      </c>
      <c r="AJ20" s="60">
        <v>55</v>
      </c>
      <c r="AK20" s="61">
        <v>55</v>
      </c>
      <c r="AL20" s="62">
        <v>110</v>
      </c>
      <c r="AM20" s="231"/>
      <c r="AN20" s="61">
        <v>103</v>
      </c>
      <c r="AO20" s="61">
        <v>157</v>
      </c>
      <c r="AP20" s="61">
        <v>92</v>
      </c>
      <c r="AQ20" s="61">
        <v>70</v>
      </c>
      <c r="AR20" s="61">
        <v>50</v>
      </c>
      <c r="AS20" s="62">
        <v>472</v>
      </c>
      <c r="AT20" s="63">
        <v>582</v>
      </c>
      <c r="AU20" s="60">
        <v>85</v>
      </c>
      <c r="AV20" s="61">
        <v>110</v>
      </c>
      <c r="AW20" s="62">
        <v>195</v>
      </c>
      <c r="AX20" s="231"/>
      <c r="AY20" s="61">
        <v>181</v>
      </c>
      <c r="AZ20" s="61">
        <v>205</v>
      </c>
      <c r="BA20" s="61">
        <v>162</v>
      </c>
      <c r="BB20" s="61">
        <v>92</v>
      </c>
      <c r="BC20" s="61">
        <v>60</v>
      </c>
      <c r="BD20" s="62">
        <v>700</v>
      </c>
      <c r="BE20" s="63">
        <v>895</v>
      </c>
      <c r="BF20" s="60">
        <v>71</v>
      </c>
      <c r="BG20" s="61">
        <v>93</v>
      </c>
      <c r="BH20" s="62">
        <v>164</v>
      </c>
      <c r="BI20" s="231"/>
      <c r="BJ20" s="61">
        <v>148</v>
      </c>
      <c r="BK20" s="61">
        <v>159</v>
      </c>
      <c r="BL20" s="61">
        <v>123</v>
      </c>
      <c r="BM20" s="61">
        <v>115</v>
      </c>
      <c r="BN20" s="61">
        <v>52</v>
      </c>
      <c r="BO20" s="62">
        <v>597</v>
      </c>
      <c r="BP20" s="63">
        <v>761</v>
      </c>
      <c r="BQ20" s="60">
        <v>53</v>
      </c>
      <c r="BR20" s="61">
        <v>61</v>
      </c>
      <c r="BS20" s="62">
        <v>114</v>
      </c>
      <c r="BT20" s="231"/>
      <c r="BU20" s="61">
        <v>89</v>
      </c>
      <c r="BV20" s="61">
        <v>121</v>
      </c>
      <c r="BW20" s="61">
        <v>77</v>
      </c>
      <c r="BX20" s="61">
        <v>66</v>
      </c>
      <c r="BY20" s="61">
        <v>43</v>
      </c>
      <c r="BZ20" s="62">
        <v>396</v>
      </c>
      <c r="CA20" s="63">
        <v>510</v>
      </c>
      <c r="CB20" s="60">
        <v>11</v>
      </c>
      <c r="CC20" s="61">
        <v>25</v>
      </c>
      <c r="CD20" s="62">
        <v>36</v>
      </c>
      <c r="CE20" s="231"/>
      <c r="CF20" s="61">
        <v>21</v>
      </c>
      <c r="CG20" s="61">
        <v>44</v>
      </c>
      <c r="CH20" s="61">
        <v>23</v>
      </c>
      <c r="CI20" s="61">
        <v>16</v>
      </c>
      <c r="CJ20" s="61">
        <v>15</v>
      </c>
      <c r="CK20" s="62">
        <v>119</v>
      </c>
      <c r="CL20" s="63">
        <v>155</v>
      </c>
      <c r="CM20" s="60">
        <v>310</v>
      </c>
      <c r="CN20" s="61">
        <v>423</v>
      </c>
      <c r="CO20" s="62">
        <v>733</v>
      </c>
      <c r="CP20" s="231"/>
      <c r="CQ20" s="61">
        <v>621</v>
      </c>
      <c r="CR20" s="61">
        <v>827</v>
      </c>
      <c r="CS20" s="61">
        <v>578</v>
      </c>
      <c r="CT20" s="61">
        <v>440</v>
      </c>
      <c r="CU20" s="61">
        <v>284</v>
      </c>
      <c r="CV20" s="62">
        <v>2750</v>
      </c>
      <c r="CW20" s="63">
        <v>3483</v>
      </c>
      <c r="CX20" s="113">
        <v>625</v>
      </c>
      <c r="CY20" s="72">
        <v>893</v>
      </c>
      <c r="CZ20" s="73">
        <v>1518</v>
      </c>
      <c r="DA20" s="228"/>
      <c r="DB20" s="72">
        <v>957</v>
      </c>
      <c r="DC20" s="72">
        <v>1325</v>
      </c>
      <c r="DD20" s="72">
        <v>944</v>
      </c>
      <c r="DE20" s="72">
        <v>892</v>
      </c>
      <c r="DF20" s="72">
        <v>597</v>
      </c>
      <c r="DG20" s="74">
        <v>4715</v>
      </c>
      <c r="DH20" s="75">
        <v>6233</v>
      </c>
      <c r="DI20" s="60">
        <v>14</v>
      </c>
      <c r="DJ20" s="61">
        <v>35</v>
      </c>
      <c r="DK20" s="62">
        <v>49</v>
      </c>
      <c r="DL20" s="231"/>
      <c r="DM20" s="61">
        <v>17</v>
      </c>
      <c r="DN20" s="61">
        <v>34</v>
      </c>
      <c r="DO20" s="61">
        <v>28</v>
      </c>
      <c r="DP20" s="61">
        <v>17</v>
      </c>
      <c r="DQ20" s="61">
        <v>19</v>
      </c>
      <c r="DR20" s="62">
        <v>115</v>
      </c>
      <c r="DS20" s="63">
        <v>164</v>
      </c>
      <c r="DT20" s="60">
        <v>43</v>
      </c>
      <c r="DU20" s="61">
        <v>69</v>
      </c>
      <c r="DV20" s="62">
        <v>112</v>
      </c>
      <c r="DW20" s="231"/>
      <c r="DX20" s="61">
        <v>69</v>
      </c>
      <c r="DY20" s="61">
        <v>86</v>
      </c>
      <c r="DZ20" s="61">
        <v>55</v>
      </c>
      <c r="EA20" s="61">
        <v>46</v>
      </c>
      <c r="EB20" s="61">
        <v>27</v>
      </c>
      <c r="EC20" s="62">
        <v>283</v>
      </c>
      <c r="ED20" s="63">
        <v>395</v>
      </c>
      <c r="EE20" s="60">
        <v>109</v>
      </c>
      <c r="EF20" s="61">
        <v>150</v>
      </c>
      <c r="EG20" s="62">
        <v>259</v>
      </c>
      <c r="EH20" s="231"/>
      <c r="EI20" s="61">
        <v>138</v>
      </c>
      <c r="EJ20" s="61">
        <v>173</v>
      </c>
      <c r="EK20" s="61">
        <v>114</v>
      </c>
      <c r="EL20" s="61">
        <v>98</v>
      </c>
      <c r="EM20" s="61">
        <v>64</v>
      </c>
      <c r="EN20" s="62">
        <v>587</v>
      </c>
      <c r="EO20" s="63">
        <v>846</v>
      </c>
      <c r="EP20" s="60">
        <v>221</v>
      </c>
      <c r="EQ20" s="61">
        <v>262</v>
      </c>
      <c r="ER20" s="62">
        <v>483</v>
      </c>
      <c r="ES20" s="231"/>
      <c r="ET20" s="61">
        <v>250</v>
      </c>
      <c r="EU20" s="61">
        <v>325</v>
      </c>
      <c r="EV20" s="61">
        <v>216</v>
      </c>
      <c r="EW20" s="61">
        <v>187</v>
      </c>
      <c r="EX20" s="61">
        <v>115</v>
      </c>
      <c r="EY20" s="62">
        <v>1093</v>
      </c>
      <c r="EZ20" s="63">
        <v>1576</v>
      </c>
      <c r="FA20" s="60">
        <v>162</v>
      </c>
      <c r="FB20" s="61">
        <v>234</v>
      </c>
      <c r="FC20" s="62">
        <v>396</v>
      </c>
      <c r="FD20" s="231"/>
      <c r="FE20" s="61">
        <v>272</v>
      </c>
      <c r="FF20" s="61">
        <v>358</v>
      </c>
      <c r="FG20" s="61">
        <v>256</v>
      </c>
      <c r="FH20" s="61">
        <v>212</v>
      </c>
      <c r="FI20" s="61">
        <v>172</v>
      </c>
      <c r="FJ20" s="62">
        <v>1270</v>
      </c>
      <c r="FK20" s="63">
        <v>1666</v>
      </c>
      <c r="FL20" s="60">
        <v>76</v>
      </c>
      <c r="FM20" s="61">
        <v>143</v>
      </c>
      <c r="FN20" s="62">
        <v>219</v>
      </c>
      <c r="FO20" s="231"/>
      <c r="FP20" s="61">
        <v>211</v>
      </c>
      <c r="FQ20" s="61">
        <v>349</v>
      </c>
      <c r="FR20" s="61">
        <v>275</v>
      </c>
      <c r="FS20" s="61">
        <v>332</v>
      </c>
      <c r="FT20" s="61">
        <v>200</v>
      </c>
      <c r="FU20" s="62">
        <v>1367</v>
      </c>
      <c r="FV20" s="63">
        <v>1586</v>
      </c>
      <c r="FW20" s="60">
        <v>3</v>
      </c>
      <c r="FX20" s="61">
        <v>20</v>
      </c>
      <c r="FY20" s="62">
        <v>23</v>
      </c>
      <c r="FZ20" s="231"/>
      <c r="GA20" s="61">
        <v>8</v>
      </c>
      <c r="GB20" s="61">
        <v>29</v>
      </c>
      <c r="GC20" s="61">
        <v>19</v>
      </c>
      <c r="GD20" s="61">
        <v>19</v>
      </c>
      <c r="GE20" s="61">
        <v>24</v>
      </c>
      <c r="GF20" s="62">
        <v>99</v>
      </c>
      <c r="GG20" s="63">
        <v>122</v>
      </c>
      <c r="GH20" s="60">
        <v>628</v>
      </c>
      <c r="GI20" s="61">
        <v>913</v>
      </c>
      <c r="GJ20" s="62">
        <v>1541</v>
      </c>
      <c r="GK20" s="231"/>
      <c r="GL20" s="61">
        <v>965</v>
      </c>
      <c r="GM20" s="61">
        <v>1354</v>
      </c>
      <c r="GN20" s="61">
        <v>963</v>
      </c>
      <c r="GO20" s="61">
        <v>911</v>
      </c>
      <c r="GP20" s="61">
        <v>621</v>
      </c>
      <c r="GQ20" s="62">
        <v>4814</v>
      </c>
      <c r="GR20" s="63">
        <v>6355</v>
      </c>
      <c r="GS20" s="113">
        <v>924</v>
      </c>
      <c r="GT20" s="72">
        <v>1291</v>
      </c>
      <c r="GU20" s="73">
        <v>2215</v>
      </c>
      <c r="GV20" s="228"/>
      <c r="GW20" s="72">
        <v>1557</v>
      </c>
      <c r="GX20" s="72">
        <v>2108</v>
      </c>
      <c r="GY20" s="72">
        <v>1499</v>
      </c>
      <c r="GZ20" s="72">
        <v>1316</v>
      </c>
      <c r="HA20" s="72">
        <v>866</v>
      </c>
      <c r="HB20" s="74">
        <v>7346</v>
      </c>
      <c r="HC20" s="75">
        <v>9561</v>
      </c>
      <c r="HD20" s="60">
        <v>27</v>
      </c>
      <c r="HE20" s="61">
        <v>54</v>
      </c>
      <c r="HF20" s="62">
        <v>81</v>
      </c>
      <c r="HG20" s="231"/>
      <c r="HH20" s="61">
        <v>41</v>
      </c>
      <c r="HI20" s="61">
        <v>83</v>
      </c>
      <c r="HJ20" s="61">
        <v>58</v>
      </c>
      <c r="HK20" s="61">
        <v>40</v>
      </c>
      <c r="HL20" s="61">
        <v>43</v>
      </c>
      <c r="HM20" s="62">
        <v>265</v>
      </c>
      <c r="HN20" s="63">
        <v>346</v>
      </c>
      <c r="HO20" s="60">
        <v>65</v>
      </c>
      <c r="HP20" s="61">
        <v>129</v>
      </c>
      <c r="HQ20" s="62">
        <v>194</v>
      </c>
      <c r="HR20" s="231"/>
      <c r="HS20" s="61">
        <v>124</v>
      </c>
      <c r="HT20" s="61">
        <v>178</v>
      </c>
      <c r="HU20" s="61">
        <v>126</v>
      </c>
      <c r="HV20" s="61">
        <v>104</v>
      </c>
      <c r="HW20" s="61">
        <v>67</v>
      </c>
      <c r="HX20" s="62">
        <v>599</v>
      </c>
      <c r="HY20" s="63">
        <v>793</v>
      </c>
      <c r="HZ20" s="60">
        <v>164</v>
      </c>
      <c r="IA20" s="61">
        <v>205</v>
      </c>
      <c r="IB20" s="62">
        <v>369</v>
      </c>
      <c r="IC20" s="231"/>
      <c r="ID20" s="61">
        <v>241</v>
      </c>
      <c r="IE20" s="61">
        <v>330</v>
      </c>
      <c r="IF20" s="61">
        <v>206</v>
      </c>
      <c r="IG20" s="61">
        <v>168</v>
      </c>
      <c r="IH20" s="61">
        <v>114</v>
      </c>
      <c r="II20" s="62">
        <v>1059</v>
      </c>
      <c r="IJ20" s="63">
        <v>1428</v>
      </c>
      <c r="IK20" s="60">
        <v>306</v>
      </c>
      <c r="IL20" s="61">
        <v>372</v>
      </c>
      <c r="IM20" s="62">
        <v>678</v>
      </c>
      <c r="IN20" s="231"/>
      <c r="IO20" s="61">
        <v>431</v>
      </c>
      <c r="IP20" s="61">
        <v>530</v>
      </c>
      <c r="IQ20" s="61">
        <v>378</v>
      </c>
      <c r="IR20" s="61">
        <v>279</v>
      </c>
      <c r="IS20" s="61">
        <v>175</v>
      </c>
      <c r="IT20" s="62">
        <v>1793</v>
      </c>
      <c r="IU20" s="63">
        <v>2471</v>
      </c>
      <c r="IV20" s="60">
        <v>233</v>
      </c>
      <c r="IW20" s="61">
        <v>327</v>
      </c>
      <c r="IX20" s="62">
        <v>560</v>
      </c>
      <c r="IY20" s="231"/>
      <c r="IZ20" s="61">
        <v>420</v>
      </c>
      <c r="JA20" s="61">
        <v>517</v>
      </c>
      <c r="JB20" s="61">
        <v>379</v>
      </c>
      <c r="JC20" s="61">
        <v>327</v>
      </c>
      <c r="JD20" s="61">
        <v>224</v>
      </c>
      <c r="JE20" s="62">
        <v>1867</v>
      </c>
      <c r="JF20" s="63">
        <v>2427</v>
      </c>
      <c r="JG20" s="60">
        <v>129</v>
      </c>
      <c r="JH20" s="61">
        <v>204</v>
      </c>
      <c r="JI20" s="62">
        <v>333</v>
      </c>
      <c r="JJ20" s="231"/>
      <c r="JK20" s="61">
        <v>300</v>
      </c>
      <c r="JL20" s="61">
        <v>470</v>
      </c>
      <c r="JM20" s="61">
        <v>352</v>
      </c>
      <c r="JN20" s="61">
        <v>398</v>
      </c>
      <c r="JO20" s="61">
        <v>243</v>
      </c>
      <c r="JP20" s="62">
        <v>1763</v>
      </c>
      <c r="JQ20" s="63">
        <v>2096</v>
      </c>
      <c r="JR20" s="60">
        <v>14</v>
      </c>
      <c r="JS20" s="61">
        <v>45</v>
      </c>
      <c r="JT20" s="62">
        <v>59</v>
      </c>
      <c r="JU20" s="231"/>
      <c r="JV20" s="61">
        <v>29</v>
      </c>
      <c r="JW20" s="61">
        <v>73</v>
      </c>
      <c r="JX20" s="61">
        <v>42</v>
      </c>
      <c r="JY20" s="61">
        <v>35</v>
      </c>
      <c r="JZ20" s="61">
        <v>39</v>
      </c>
      <c r="KA20" s="62">
        <v>218</v>
      </c>
      <c r="KB20" s="63">
        <v>277</v>
      </c>
      <c r="KC20" s="60">
        <v>938</v>
      </c>
      <c r="KD20" s="61">
        <v>1336</v>
      </c>
      <c r="KE20" s="62">
        <v>2274</v>
      </c>
      <c r="KF20" s="231"/>
      <c r="KG20" s="61">
        <v>1586</v>
      </c>
      <c r="KH20" s="61">
        <v>2181</v>
      </c>
      <c r="KI20" s="61">
        <v>1541</v>
      </c>
      <c r="KJ20" s="61">
        <v>1351</v>
      </c>
      <c r="KK20" s="61">
        <v>905</v>
      </c>
      <c r="KL20" s="62">
        <v>7564</v>
      </c>
      <c r="KM20" s="63">
        <v>9838</v>
      </c>
    </row>
    <row r="21" spans="2:299" ht="21" customHeight="1" x14ac:dyDescent="0.2">
      <c r="B21" s="472" t="s">
        <v>18</v>
      </c>
      <c r="C21" s="293">
        <v>444</v>
      </c>
      <c r="D21" s="72">
        <v>470</v>
      </c>
      <c r="E21" s="73">
        <v>914</v>
      </c>
      <c r="F21" s="228"/>
      <c r="G21" s="72">
        <v>987</v>
      </c>
      <c r="H21" s="72">
        <v>795</v>
      </c>
      <c r="I21" s="72">
        <v>526</v>
      </c>
      <c r="J21" s="72">
        <v>446</v>
      </c>
      <c r="K21" s="72">
        <v>285</v>
      </c>
      <c r="L21" s="74">
        <v>3039</v>
      </c>
      <c r="M21" s="75">
        <v>3953</v>
      </c>
      <c r="N21" s="60">
        <v>22</v>
      </c>
      <c r="O21" s="61">
        <v>24</v>
      </c>
      <c r="P21" s="62">
        <v>46</v>
      </c>
      <c r="Q21" s="231"/>
      <c r="R21" s="61">
        <v>54</v>
      </c>
      <c r="S21" s="61">
        <v>54</v>
      </c>
      <c r="T21" s="61">
        <v>32</v>
      </c>
      <c r="U21" s="61">
        <v>29</v>
      </c>
      <c r="V21" s="61">
        <v>25</v>
      </c>
      <c r="W21" s="62">
        <v>194</v>
      </c>
      <c r="X21" s="63">
        <v>240</v>
      </c>
      <c r="Y21" s="60">
        <v>49</v>
      </c>
      <c r="Z21" s="61">
        <v>55</v>
      </c>
      <c r="AA21" s="62">
        <v>104</v>
      </c>
      <c r="AB21" s="231"/>
      <c r="AC21" s="61">
        <v>102</v>
      </c>
      <c r="AD21" s="61">
        <v>85</v>
      </c>
      <c r="AE21" s="61">
        <v>60</v>
      </c>
      <c r="AF21" s="61">
        <v>58</v>
      </c>
      <c r="AG21" s="61">
        <v>35</v>
      </c>
      <c r="AH21" s="62">
        <v>340</v>
      </c>
      <c r="AI21" s="63">
        <v>444</v>
      </c>
      <c r="AJ21" s="60">
        <v>84</v>
      </c>
      <c r="AK21" s="61">
        <v>85</v>
      </c>
      <c r="AL21" s="62">
        <v>169</v>
      </c>
      <c r="AM21" s="231"/>
      <c r="AN21" s="61">
        <v>160</v>
      </c>
      <c r="AO21" s="61">
        <v>121</v>
      </c>
      <c r="AP21" s="61">
        <v>98</v>
      </c>
      <c r="AQ21" s="61">
        <v>72</v>
      </c>
      <c r="AR21" s="61">
        <v>53</v>
      </c>
      <c r="AS21" s="62">
        <v>504</v>
      </c>
      <c r="AT21" s="63">
        <v>673</v>
      </c>
      <c r="AU21" s="60">
        <v>103</v>
      </c>
      <c r="AV21" s="61">
        <v>125</v>
      </c>
      <c r="AW21" s="62">
        <v>228</v>
      </c>
      <c r="AX21" s="231"/>
      <c r="AY21" s="61">
        <v>276</v>
      </c>
      <c r="AZ21" s="61">
        <v>228</v>
      </c>
      <c r="BA21" s="61">
        <v>120</v>
      </c>
      <c r="BB21" s="61">
        <v>110</v>
      </c>
      <c r="BC21" s="61">
        <v>83</v>
      </c>
      <c r="BD21" s="62">
        <v>817</v>
      </c>
      <c r="BE21" s="63">
        <v>1045</v>
      </c>
      <c r="BF21" s="60">
        <v>123</v>
      </c>
      <c r="BG21" s="61">
        <v>121</v>
      </c>
      <c r="BH21" s="62">
        <v>244</v>
      </c>
      <c r="BI21" s="231"/>
      <c r="BJ21" s="61">
        <v>259</v>
      </c>
      <c r="BK21" s="61">
        <v>183</v>
      </c>
      <c r="BL21" s="61">
        <v>130</v>
      </c>
      <c r="BM21" s="61">
        <v>105</v>
      </c>
      <c r="BN21" s="61">
        <v>59</v>
      </c>
      <c r="BO21" s="62">
        <v>736</v>
      </c>
      <c r="BP21" s="63">
        <v>980</v>
      </c>
      <c r="BQ21" s="60">
        <v>63</v>
      </c>
      <c r="BR21" s="61">
        <v>60</v>
      </c>
      <c r="BS21" s="62">
        <v>123</v>
      </c>
      <c r="BT21" s="231"/>
      <c r="BU21" s="61">
        <v>136</v>
      </c>
      <c r="BV21" s="61">
        <v>124</v>
      </c>
      <c r="BW21" s="61">
        <v>86</v>
      </c>
      <c r="BX21" s="61">
        <v>72</v>
      </c>
      <c r="BY21" s="61">
        <v>30</v>
      </c>
      <c r="BZ21" s="62">
        <v>448</v>
      </c>
      <c r="CA21" s="63">
        <v>571</v>
      </c>
      <c r="CB21" s="60">
        <v>11</v>
      </c>
      <c r="CC21" s="61">
        <v>27</v>
      </c>
      <c r="CD21" s="62">
        <v>38</v>
      </c>
      <c r="CE21" s="231"/>
      <c r="CF21" s="61">
        <v>27</v>
      </c>
      <c r="CG21" s="61">
        <v>35</v>
      </c>
      <c r="CH21" s="61">
        <v>28</v>
      </c>
      <c r="CI21" s="61">
        <v>30</v>
      </c>
      <c r="CJ21" s="61">
        <v>23</v>
      </c>
      <c r="CK21" s="62">
        <v>143</v>
      </c>
      <c r="CL21" s="63">
        <v>181</v>
      </c>
      <c r="CM21" s="60">
        <v>455</v>
      </c>
      <c r="CN21" s="61">
        <v>497</v>
      </c>
      <c r="CO21" s="62">
        <v>952</v>
      </c>
      <c r="CP21" s="231"/>
      <c r="CQ21" s="61">
        <v>1014</v>
      </c>
      <c r="CR21" s="61">
        <v>830</v>
      </c>
      <c r="CS21" s="61">
        <v>554</v>
      </c>
      <c r="CT21" s="61">
        <v>476</v>
      </c>
      <c r="CU21" s="61">
        <v>308</v>
      </c>
      <c r="CV21" s="62">
        <v>3182</v>
      </c>
      <c r="CW21" s="63">
        <v>4134</v>
      </c>
      <c r="CX21" s="113">
        <v>835</v>
      </c>
      <c r="CY21" s="72">
        <v>1118</v>
      </c>
      <c r="CZ21" s="73">
        <v>1953</v>
      </c>
      <c r="DA21" s="228"/>
      <c r="DB21" s="72">
        <v>1473</v>
      </c>
      <c r="DC21" s="72">
        <v>1248</v>
      </c>
      <c r="DD21" s="72">
        <v>988</v>
      </c>
      <c r="DE21" s="72">
        <v>982</v>
      </c>
      <c r="DF21" s="72">
        <v>622</v>
      </c>
      <c r="DG21" s="74">
        <v>5313</v>
      </c>
      <c r="DH21" s="75">
        <v>7266</v>
      </c>
      <c r="DI21" s="60">
        <v>21</v>
      </c>
      <c r="DJ21" s="61">
        <v>29</v>
      </c>
      <c r="DK21" s="62">
        <v>50</v>
      </c>
      <c r="DL21" s="231"/>
      <c r="DM21" s="61">
        <v>34</v>
      </c>
      <c r="DN21" s="61">
        <v>24</v>
      </c>
      <c r="DO21" s="61">
        <v>17</v>
      </c>
      <c r="DP21" s="61">
        <v>22</v>
      </c>
      <c r="DQ21" s="61">
        <v>12</v>
      </c>
      <c r="DR21" s="62">
        <v>109</v>
      </c>
      <c r="DS21" s="63">
        <v>159</v>
      </c>
      <c r="DT21" s="60">
        <v>86</v>
      </c>
      <c r="DU21" s="61">
        <v>91</v>
      </c>
      <c r="DV21" s="62">
        <v>177</v>
      </c>
      <c r="DW21" s="231"/>
      <c r="DX21" s="61">
        <v>86</v>
      </c>
      <c r="DY21" s="61">
        <v>59</v>
      </c>
      <c r="DZ21" s="61">
        <v>47</v>
      </c>
      <c r="EA21" s="61">
        <v>46</v>
      </c>
      <c r="EB21" s="61">
        <v>40</v>
      </c>
      <c r="EC21" s="62">
        <v>278</v>
      </c>
      <c r="ED21" s="63">
        <v>455</v>
      </c>
      <c r="EE21" s="60">
        <v>137</v>
      </c>
      <c r="EF21" s="61">
        <v>177</v>
      </c>
      <c r="EG21" s="62">
        <v>314</v>
      </c>
      <c r="EH21" s="231"/>
      <c r="EI21" s="61">
        <v>201</v>
      </c>
      <c r="EJ21" s="61">
        <v>162</v>
      </c>
      <c r="EK21" s="61">
        <v>107</v>
      </c>
      <c r="EL21" s="61">
        <v>97</v>
      </c>
      <c r="EM21" s="61">
        <v>72</v>
      </c>
      <c r="EN21" s="62">
        <v>639</v>
      </c>
      <c r="EO21" s="63">
        <v>953</v>
      </c>
      <c r="EP21" s="60">
        <v>273</v>
      </c>
      <c r="EQ21" s="61">
        <v>347</v>
      </c>
      <c r="ER21" s="62">
        <v>620</v>
      </c>
      <c r="ES21" s="231"/>
      <c r="ET21" s="61">
        <v>396</v>
      </c>
      <c r="EU21" s="61">
        <v>301</v>
      </c>
      <c r="EV21" s="61">
        <v>220</v>
      </c>
      <c r="EW21" s="61">
        <v>209</v>
      </c>
      <c r="EX21" s="61">
        <v>129</v>
      </c>
      <c r="EY21" s="62">
        <v>1255</v>
      </c>
      <c r="EZ21" s="63">
        <v>1875</v>
      </c>
      <c r="FA21" s="60">
        <v>211</v>
      </c>
      <c r="FB21" s="61">
        <v>303</v>
      </c>
      <c r="FC21" s="62">
        <v>514</v>
      </c>
      <c r="FD21" s="231"/>
      <c r="FE21" s="61">
        <v>439</v>
      </c>
      <c r="FF21" s="61">
        <v>378</v>
      </c>
      <c r="FG21" s="61">
        <v>285</v>
      </c>
      <c r="FH21" s="61">
        <v>242</v>
      </c>
      <c r="FI21" s="61">
        <v>175</v>
      </c>
      <c r="FJ21" s="62">
        <v>1519</v>
      </c>
      <c r="FK21" s="63">
        <v>2033</v>
      </c>
      <c r="FL21" s="60">
        <v>107</v>
      </c>
      <c r="FM21" s="61">
        <v>171</v>
      </c>
      <c r="FN21" s="62">
        <v>278</v>
      </c>
      <c r="FO21" s="231"/>
      <c r="FP21" s="61">
        <v>317</v>
      </c>
      <c r="FQ21" s="61">
        <v>324</v>
      </c>
      <c r="FR21" s="61">
        <v>312</v>
      </c>
      <c r="FS21" s="61">
        <v>366</v>
      </c>
      <c r="FT21" s="61">
        <v>194</v>
      </c>
      <c r="FU21" s="62">
        <v>1513</v>
      </c>
      <c r="FV21" s="63">
        <v>1791</v>
      </c>
      <c r="FW21" s="60">
        <v>17</v>
      </c>
      <c r="FX21" s="61">
        <v>11</v>
      </c>
      <c r="FY21" s="62">
        <v>28</v>
      </c>
      <c r="FZ21" s="231"/>
      <c r="GA21" s="61">
        <v>26</v>
      </c>
      <c r="GB21" s="61">
        <v>32</v>
      </c>
      <c r="GC21" s="61">
        <v>10</v>
      </c>
      <c r="GD21" s="61">
        <v>18</v>
      </c>
      <c r="GE21" s="61">
        <v>16</v>
      </c>
      <c r="GF21" s="62">
        <v>102</v>
      </c>
      <c r="GG21" s="63">
        <v>130</v>
      </c>
      <c r="GH21" s="60">
        <v>852</v>
      </c>
      <c r="GI21" s="61">
        <v>1129</v>
      </c>
      <c r="GJ21" s="62">
        <v>1981</v>
      </c>
      <c r="GK21" s="231"/>
      <c r="GL21" s="61">
        <v>1499</v>
      </c>
      <c r="GM21" s="61">
        <v>1280</v>
      </c>
      <c r="GN21" s="61">
        <v>998</v>
      </c>
      <c r="GO21" s="61">
        <v>1000</v>
      </c>
      <c r="GP21" s="61">
        <v>638</v>
      </c>
      <c r="GQ21" s="62">
        <v>5415</v>
      </c>
      <c r="GR21" s="63">
        <v>7396</v>
      </c>
      <c r="GS21" s="113">
        <v>1279</v>
      </c>
      <c r="GT21" s="72">
        <v>1588</v>
      </c>
      <c r="GU21" s="73">
        <v>2867</v>
      </c>
      <c r="GV21" s="228"/>
      <c r="GW21" s="72">
        <v>2460</v>
      </c>
      <c r="GX21" s="72">
        <v>2043</v>
      </c>
      <c r="GY21" s="72">
        <v>1514</v>
      </c>
      <c r="GZ21" s="72">
        <v>1428</v>
      </c>
      <c r="HA21" s="72">
        <v>907</v>
      </c>
      <c r="HB21" s="74">
        <v>8352</v>
      </c>
      <c r="HC21" s="75">
        <v>11219</v>
      </c>
      <c r="HD21" s="60">
        <v>43</v>
      </c>
      <c r="HE21" s="61">
        <v>53</v>
      </c>
      <c r="HF21" s="62">
        <v>96</v>
      </c>
      <c r="HG21" s="231"/>
      <c r="HH21" s="61">
        <v>88</v>
      </c>
      <c r="HI21" s="61">
        <v>78</v>
      </c>
      <c r="HJ21" s="61">
        <v>49</v>
      </c>
      <c r="HK21" s="61">
        <v>51</v>
      </c>
      <c r="HL21" s="61">
        <v>37</v>
      </c>
      <c r="HM21" s="62">
        <v>303</v>
      </c>
      <c r="HN21" s="63">
        <v>399</v>
      </c>
      <c r="HO21" s="60">
        <v>135</v>
      </c>
      <c r="HP21" s="61">
        <v>146</v>
      </c>
      <c r="HQ21" s="62">
        <v>281</v>
      </c>
      <c r="HR21" s="231"/>
      <c r="HS21" s="61">
        <v>188</v>
      </c>
      <c r="HT21" s="61">
        <v>144</v>
      </c>
      <c r="HU21" s="61">
        <v>107</v>
      </c>
      <c r="HV21" s="61">
        <v>104</v>
      </c>
      <c r="HW21" s="61">
        <v>75</v>
      </c>
      <c r="HX21" s="62">
        <v>618</v>
      </c>
      <c r="HY21" s="63">
        <v>899</v>
      </c>
      <c r="HZ21" s="60">
        <v>221</v>
      </c>
      <c r="IA21" s="61">
        <v>262</v>
      </c>
      <c r="IB21" s="62">
        <v>483</v>
      </c>
      <c r="IC21" s="231"/>
      <c r="ID21" s="61">
        <v>361</v>
      </c>
      <c r="IE21" s="61">
        <v>283</v>
      </c>
      <c r="IF21" s="61">
        <v>205</v>
      </c>
      <c r="IG21" s="61">
        <v>169</v>
      </c>
      <c r="IH21" s="61">
        <v>125</v>
      </c>
      <c r="II21" s="62">
        <v>1143</v>
      </c>
      <c r="IJ21" s="63">
        <v>1626</v>
      </c>
      <c r="IK21" s="60">
        <v>376</v>
      </c>
      <c r="IL21" s="61">
        <v>472</v>
      </c>
      <c r="IM21" s="62">
        <v>848</v>
      </c>
      <c r="IN21" s="231"/>
      <c r="IO21" s="61">
        <v>672</v>
      </c>
      <c r="IP21" s="61">
        <v>529</v>
      </c>
      <c r="IQ21" s="61">
        <v>340</v>
      </c>
      <c r="IR21" s="61">
        <v>319</v>
      </c>
      <c r="IS21" s="61">
        <v>212</v>
      </c>
      <c r="IT21" s="62">
        <v>2072</v>
      </c>
      <c r="IU21" s="63">
        <v>2920</v>
      </c>
      <c r="IV21" s="60">
        <v>334</v>
      </c>
      <c r="IW21" s="61">
        <v>424</v>
      </c>
      <c r="IX21" s="62">
        <v>758</v>
      </c>
      <c r="IY21" s="231"/>
      <c r="IZ21" s="61">
        <v>698</v>
      </c>
      <c r="JA21" s="61">
        <v>561</v>
      </c>
      <c r="JB21" s="61">
        <v>415</v>
      </c>
      <c r="JC21" s="61">
        <v>347</v>
      </c>
      <c r="JD21" s="61">
        <v>234</v>
      </c>
      <c r="JE21" s="62">
        <v>2255</v>
      </c>
      <c r="JF21" s="63">
        <v>3013</v>
      </c>
      <c r="JG21" s="60">
        <v>170</v>
      </c>
      <c r="JH21" s="61">
        <v>231</v>
      </c>
      <c r="JI21" s="62">
        <v>401</v>
      </c>
      <c r="JJ21" s="231"/>
      <c r="JK21" s="61">
        <v>453</v>
      </c>
      <c r="JL21" s="61">
        <v>448</v>
      </c>
      <c r="JM21" s="61">
        <v>398</v>
      </c>
      <c r="JN21" s="61">
        <v>438</v>
      </c>
      <c r="JO21" s="61">
        <v>224</v>
      </c>
      <c r="JP21" s="62">
        <v>1961</v>
      </c>
      <c r="JQ21" s="63">
        <v>2362</v>
      </c>
      <c r="JR21" s="60">
        <v>28</v>
      </c>
      <c r="JS21" s="61">
        <v>38</v>
      </c>
      <c r="JT21" s="62">
        <v>66</v>
      </c>
      <c r="JU21" s="231"/>
      <c r="JV21" s="61">
        <v>53</v>
      </c>
      <c r="JW21" s="61">
        <v>67</v>
      </c>
      <c r="JX21" s="61">
        <v>38</v>
      </c>
      <c r="JY21" s="61">
        <v>48</v>
      </c>
      <c r="JZ21" s="61">
        <v>39</v>
      </c>
      <c r="KA21" s="62">
        <v>245</v>
      </c>
      <c r="KB21" s="63">
        <v>311</v>
      </c>
      <c r="KC21" s="60">
        <v>1307</v>
      </c>
      <c r="KD21" s="61">
        <v>1626</v>
      </c>
      <c r="KE21" s="62">
        <v>2933</v>
      </c>
      <c r="KF21" s="231"/>
      <c r="KG21" s="61">
        <v>2513</v>
      </c>
      <c r="KH21" s="61">
        <v>2110</v>
      </c>
      <c r="KI21" s="61">
        <v>1552</v>
      </c>
      <c r="KJ21" s="61">
        <v>1476</v>
      </c>
      <c r="KK21" s="61">
        <v>946</v>
      </c>
      <c r="KL21" s="62">
        <v>8597</v>
      </c>
      <c r="KM21" s="63">
        <v>11530</v>
      </c>
    </row>
    <row r="22" spans="2:299" ht="21" customHeight="1" x14ac:dyDescent="0.2">
      <c r="B22" s="472" t="s">
        <v>19</v>
      </c>
      <c r="C22" s="293">
        <v>205</v>
      </c>
      <c r="D22" s="72">
        <v>175</v>
      </c>
      <c r="E22" s="73">
        <v>380</v>
      </c>
      <c r="F22" s="228"/>
      <c r="G22" s="72">
        <v>410</v>
      </c>
      <c r="H22" s="72">
        <v>335</v>
      </c>
      <c r="I22" s="72">
        <v>210</v>
      </c>
      <c r="J22" s="72">
        <v>140</v>
      </c>
      <c r="K22" s="72">
        <v>106</v>
      </c>
      <c r="L22" s="74">
        <v>1201</v>
      </c>
      <c r="M22" s="75">
        <v>1581</v>
      </c>
      <c r="N22" s="76">
        <v>6</v>
      </c>
      <c r="O22" s="61">
        <v>10</v>
      </c>
      <c r="P22" s="62">
        <v>16</v>
      </c>
      <c r="Q22" s="231"/>
      <c r="R22" s="61">
        <v>17</v>
      </c>
      <c r="S22" s="61">
        <v>15</v>
      </c>
      <c r="T22" s="61">
        <v>9</v>
      </c>
      <c r="U22" s="61">
        <v>8</v>
      </c>
      <c r="V22" s="61">
        <v>6</v>
      </c>
      <c r="W22" s="62">
        <v>55</v>
      </c>
      <c r="X22" s="63">
        <v>71</v>
      </c>
      <c r="Y22" s="60">
        <v>18</v>
      </c>
      <c r="Z22" s="61">
        <v>19</v>
      </c>
      <c r="AA22" s="62">
        <v>37</v>
      </c>
      <c r="AB22" s="231"/>
      <c r="AC22" s="61">
        <v>43</v>
      </c>
      <c r="AD22" s="61">
        <v>40</v>
      </c>
      <c r="AE22" s="61">
        <v>19</v>
      </c>
      <c r="AF22" s="61">
        <v>13</v>
      </c>
      <c r="AG22" s="61">
        <v>15</v>
      </c>
      <c r="AH22" s="62">
        <v>130</v>
      </c>
      <c r="AI22" s="63">
        <v>167</v>
      </c>
      <c r="AJ22" s="76">
        <v>34</v>
      </c>
      <c r="AK22" s="61">
        <v>28</v>
      </c>
      <c r="AL22" s="62">
        <v>62</v>
      </c>
      <c r="AM22" s="231"/>
      <c r="AN22" s="61">
        <v>70</v>
      </c>
      <c r="AO22" s="61">
        <v>58</v>
      </c>
      <c r="AP22" s="61">
        <v>36</v>
      </c>
      <c r="AQ22" s="61">
        <v>33</v>
      </c>
      <c r="AR22" s="61">
        <v>15</v>
      </c>
      <c r="AS22" s="62">
        <v>212</v>
      </c>
      <c r="AT22" s="63">
        <v>274</v>
      </c>
      <c r="AU22" s="60">
        <v>54</v>
      </c>
      <c r="AV22" s="61">
        <v>39</v>
      </c>
      <c r="AW22" s="62">
        <v>93</v>
      </c>
      <c r="AX22" s="231"/>
      <c r="AY22" s="61">
        <v>102</v>
      </c>
      <c r="AZ22" s="61">
        <v>79</v>
      </c>
      <c r="BA22" s="61">
        <v>63</v>
      </c>
      <c r="BB22" s="61">
        <v>32</v>
      </c>
      <c r="BC22" s="61">
        <v>28</v>
      </c>
      <c r="BD22" s="62">
        <v>304</v>
      </c>
      <c r="BE22" s="63">
        <v>397</v>
      </c>
      <c r="BF22" s="76">
        <v>57</v>
      </c>
      <c r="BG22" s="61">
        <v>36</v>
      </c>
      <c r="BH22" s="62">
        <v>93</v>
      </c>
      <c r="BI22" s="231"/>
      <c r="BJ22" s="61">
        <v>109</v>
      </c>
      <c r="BK22" s="61">
        <v>82</v>
      </c>
      <c r="BL22" s="61">
        <v>43</v>
      </c>
      <c r="BM22" s="61">
        <v>38</v>
      </c>
      <c r="BN22" s="61">
        <v>29</v>
      </c>
      <c r="BO22" s="62">
        <v>301</v>
      </c>
      <c r="BP22" s="63">
        <v>394</v>
      </c>
      <c r="BQ22" s="60">
        <v>36</v>
      </c>
      <c r="BR22" s="61">
        <v>43</v>
      </c>
      <c r="BS22" s="62">
        <v>79</v>
      </c>
      <c r="BT22" s="231"/>
      <c r="BU22" s="61">
        <v>69</v>
      </c>
      <c r="BV22" s="61">
        <v>61</v>
      </c>
      <c r="BW22" s="61">
        <v>40</v>
      </c>
      <c r="BX22" s="61">
        <v>16</v>
      </c>
      <c r="BY22" s="61">
        <v>13</v>
      </c>
      <c r="BZ22" s="62">
        <v>199</v>
      </c>
      <c r="CA22" s="63">
        <v>278</v>
      </c>
      <c r="CB22" s="60">
        <v>6</v>
      </c>
      <c r="CC22" s="61">
        <v>9</v>
      </c>
      <c r="CD22" s="62">
        <v>15</v>
      </c>
      <c r="CE22" s="231"/>
      <c r="CF22" s="61">
        <v>15</v>
      </c>
      <c r="CG22" s="61">
        <v>9</v>
      </c>
      <c r="CH22" s="61">
        <v>11</v>
      </c>
      <c r="CI22" s="61">
        <v>7</v>
      </c>
      <c r="CJ22" s="61">
        <v>7</v>
      </c>
      <c r="CK22" s="62">
        <v>49</v>
      </c>
      <c r="CL22" s="63">
        <v>64</v>
      </c>
      <c r="CM22" s="60">
        <v>211</v>
      </c>
      <c r="CN22" s="61">
        <v>184</v>
      </c>
      <c r="CO22" s="62">
        <v>395</v>
      </c>
      <c r="CP22" s="231"/>
      <c r="CQ22" s="61">
        <v>425</v>
      </c>
      <c r="CR22" s="61">
        <v>344</v>
      </c>
      <c r="CS22" s="61">
        <v>221</v>
      </c>
      <c r="CT22" s="61">
        <v>147</v>
      </c>
      <c r="CU22" s="61">
        <v>113</v>
      </c>
      <c r="CV22" s="62">
        <v>1250</v>
      </c>
      <c r="CW22" s="63">
        <v>1645</v>
      </c>
      <c r="CX22" s="113">
        <v>372</v>
      </c>
      <c r="CY22" s="72">
        <v>424</v>
      </c>
      <c r="CZ22" s="73">
        <v>796</v>
      </c>
      <c r="DA22" s="228"/>
      <c r="DB22" s="72">
        <v>658</v>
      </c>
      <c r="DC22" s="72">
        <v>502</v>
      </c>
      <c r="DD22" s="72">
        <v>425</v>
      </c>
      <c r="DE22" s="72">
        <v>352</v>
      </c>
      <c r="DF22" s="72">
        <v>253</v>
      </c>
      <c r="DG22" s="74">
        <v>2190</v>
      </c>
      <c r="DH22" s="75">
        <v>2986</v>
      </c>
      <c r="DI22" s="76">
        <v>8</v>
      </c>
      <c r="DJ22" s="61">
        <v>9</v>
      </c>
      <c r="DK22" s="62">
        <v>17</v>
      </c>
      <c r="DL22" s="231"/>
      <c r="DM22" s="61">
        <v>13</v>
      </c>
      <c r="DN22" s="61">
        <v>16</v>
      </c>
      <c r="DO22" s="61">
        <v>7</v>
      </c>
      <c r="DP22" s="61">
        <v>4</v>
      </c>
      <c r="DQ22" s="61">
        <v>2</v>
      </c>
      <c r="DR22" s="62">
        <v>42</v>
      </c>
      <c r="DS22" s="63">
        <v>59</v>
      </c>
      <c r="DT22" s="60">
        <v>28</v>
      </c>
      <c r="DU22" s="61">
        <v>38</v>
      </c>
      <c r="DV22" s="62">
        <v>66</v>
      </c>
      <c r="DW22" s="231"/>
      <c r="DX22" s="61">
        <v>42</v>
      </c>
      <c r="DY22" s="61">
        <v>19</v>
      </c>
      <c r="DZ22" s="61">
        <v>18</v>
      </c>
      <c r="EA22" s="61">
        <v>16</v>
      </c>
      <c r="EB22" s="61">
        <v>15</v>
      </c>
      <c r="EC22" s="62">
        <v>110</v>
      </c>
      <c r="ED22" s="63">
        <v>176</v>
      </c>
      <c r="EE22" s="76">
        <v>57</v>
      </c>
      <c r="EF22" s="61">
        <v>67</v>
      </c>
      <c r="EG22" s="62">
        <v>124</v>
      </c>
      <c r="EH22" s="231"/>
      <c r="EI22" s="61">
        <v>84</v>
      </c>
      <c r="EJ22" s="61">
        <v>59</v>
      </c>
      <c r="EK22" s="61">
        <v>39</v>
      </c>
      <c r="EL22" s="61">
        <v>37</v>
      </c>
      <c r="EM22" s="61">
        <v>27</v>
      </c>
      <c r="EN22" s="62">
        <v>246</v>
      </c>
      <c r="EO22" s="63">
        <v>370</v>
      </c>
      <c r="EP22" s="60">
        <v>120</v>
      </c>
      <c r="EQ22" s="61">
        <v>110</v>
      </c>
      <c r="ER22" s="62">
        <v>230</v>
      </c>
      <c r="ES22" s="231"/>
      <c r="ET22" s="61">
        <v>168</v>
      </c>
      <c r="EU22" s="61">
        <v>130</v>
      </c>
      <c r="EV22" s="61">
        <v>91</v>
      </c>
      <c r="EW22" s="61">
        <v>72</v>
      </c>
      <c r="EX22" s="61">
        <v>47</v>
      </c>
      <c r="EY22" s="62">
        <v>508</v>
      </c>
      <c r="EZ22" s="63">
        <v>738</v>
      </c>
      <c r="FA22" s="76">
        <v>107</v>
      </c>
      <c r="FB22" s="61">
        <v>117</v>
      </c>
      <c r="FC22" s="62">
        <v>224</v>
      </c>
      <c r="FD22" s="231"/>
      <c r="FE22" s="61">
        <v>193</v>
      </c>
      <c r="FF22" s="61">
        <v>136</v>
      </c>
      <c r="FG22" s="61">
        <v>113</v>
      </c>
      <c r="FH22" s="61">
        <v>83</v>
      </c>
      <c r="FI22" s="61">
        <v>64</v>
      </c>
      <c r="FJ22" s="62">
        <v>589</v>
      </c>
      <c r="FK22" s="63">
        <v>813</v>
      </c>
      <c r="FL22" s="60">
        <v>52</v>
      </c>
      <c r="FM22" s="61">
        <v>83</v>
      </c>
      <c r="FN22" s="62">
        <v>135</v>
      </c>
      <c r="FO22" s="231"/>
      <c r="FP22" s="61">
        <v>158</v>
      </c>
      <c r="FQ22" s="61">
        <v>142</v>
      </c>
      <c r="FR22" s="61">
        <v>157</v>
      </c>
      <c r="FS22" s="61">
        <v>140</v>
      </c>
      <c r="FT22" s="61">
        <v>98</v>
      </c>
      <c r="FU22" s="62">
        <v>695</v>
      </c>
      <c r="FV22" s="63">
        <v>830</v>
      </c>
      <c r="FW22" s="60">
        <v>4</v>
      </c>
      <c r="FX22" s="61">
        <v>6</v>
      </c>
      <c r="FY22" s="62">
        <v>10</v>
      </c>
      <c r="FZ22" s="231"/>
      <c r="GA22" s="61">
        <v>5</v>
      </c>
      <c r="GB22" s="61">
        <v>12</v>
      </c>
      <c r="GC22" s="61">
        <v>6</v>
      </c>
      <c r="GD22" s="61">
        <v>4</v>
      </c>
      <c r="GE22" s="61">
        <v>5</v>
      </c>
      <c r="GF22" s="62">
        <v>32</v>
      </c>
      <c r="GG22" s="63">
        <v>42</v>
      </c>
      <c r="GH22" s="60">
        <v>376</v>
      </c>
      <c r="GI22" s="61">
        <v>430</v>
      </c>
      <c r="GJ22" s="62">
        <v>806</v>
      </c>
      <c r="GK22" s="231"/>
      <c r="GL22" s="61">
        <v>663</v>
      </c>
      <c r="GM22" s="61">
        <v>514</v>
      </c>
      <c r="GN22" s="61">
        <v>431</v>
      </c>
      <c r="GO22" s="61">
        <v>356</v>
      </c>
      <c r="GP22" s="61">
        <v>258</v>
      </c>
      <c r="GQ22" s="62">
        <v>2222</v>
      </c>
      <c r="GR22" s="63">
        <v>3028</v>
      </c>
      <c r="GS22" s="113">
        <v>577</v>
      </c>
      <c r="GT22" s="72">
        <v>599</v>
      </c>
      <c r="GU22" s="73">
        <v>1176</v>
      </c>
      <c r="GV22" s="228"/>
      <c r="GW22" s="72">
        <v>1068</v>
      </c>
      <c r="GX22" s="72">
        <v>837</v>
      </c>
      <c r="GY22" s="72">
        <v>635</v>
      </c>
      <c r="GZ22" s="72">
        <v>492</v>
      </c>
      <c r="HA22" s="72">
        <v>359</v>
      </c>
      <c r="HB22" s="74">
        <v>3391</v>
      </c>
      <c r="HC22" s="75">
        <v>4567</v>
      </c>
      <c r="HD22" s="76">
        <v>14</v>
      </c>
      <c r="HE22" s="61">
        <v>19</v>
      </c>
      <c r="HF22" s="62">
        <v>33</v>
      </c>
      <c r="HG22" s="231"/>
      <c r="HH22" s="61">
        <v>30</v>
      </c>
      <c r="HI22" s="61">
        <v>31</v>
      </c>
      <c r="HJ22" s="61">
        <v>16</v>
      </c>
      <c r="HK22" s="61">
        <v>12</v>
      </c>
      <c r="HL22" s="61">
        <v>8</v>
      </c>
      <c r="HM22" s="62">
        <v>97</v>
      </c>
      <c r="HN22" s="63">
        <v>130</v>
      </c>
      <c r="HO22" s="60">
        <v>46</v>
      </c>
      <c r="HP22" s="61">
        <v>57</v>
      </c>
      <c r="HQ22" s="62">
        <v>103</v>
      </c>
      <c r="HR22" s="231"/>
      <c r="HS22" s="61">
        <v>85</v>
      </c>
      <c r="HT22" s="61">
        <v>59</v>
      </c>
      <c r="HU22" s="61">
        <v>37</v>
      </c>
      <c r="HV22" s="61">
        <v>29</v>
      </c>
      <c r="HW22" s="61">
        <v>30</v>
      </c>
      <c r="HX22" s="62">
        <v>240</v>
      </c>
      <c r="HY22" s="63">
        <v>343</v>
      </c>
      <c r="HZ22" s="76">
        <v>91</v>
      </c>
      <c r="IA22" s="61">
        <v>95</v>
      </c>
      <c r="IB22" s="62">
        <v>186</v>
      </c>
      <c r="IC22" s="231"/>
      <c r="ID22" s="61">
        <v>154</v>
      </c>
      <c r="IE22" s="61">
        <v>117</v>
      </c>
      <c r="IF22" s="61">
        <v>75</v>
      </c>
      <c r="IG22" s="61">
        <v>70</v>
      </c>
      <c r="IH22" s="61">
        <v>42</v>
      </c>
      <c r="II22" s="62">
        <v>458</v>
      </c>
      <c r="IJ22" s="63">
        <v>644</v>
      </c>
      <c r="IK22" s="60">
        <v>174</v>
      </c>
      <c r="IL22" s="61">
        <v>149</v>
      </c>
      <c r="IM22" s="62">
        <v>323</v>
      </c>
      <c r="IN22" s="231"/>
      <c r="IO22" s="61">
        <v>270</v>
      </c>
      <c r="IP22" s="61">
        <v>209</v>
      </c>
      <c r="IQ22" s="61">
        <v>154</v>
      </c>
      <c r="IR22" s="61">
        <v>104</v>
      </c>
      <c r="IS22" s="61">
        <v>75</v>
      </c>
      <c r="IT22" s="62">
        <v>812</v>
      </c>
      <c r="IU22" s="63">
        <v>1135</v>
      </c>
      <c r="IV22" s="76">
        <v>164</v>
      </c>
      <c r="IW22" s="61">
        <v>153</v>
      </c>
      <c r="IX22" s="62">
        <v>317</v>
      </c>
      <c r="IY22" s="231"/>
      <c r="IZ22" s="61">
        <v>302</v>
      </c>
      <c r="JA22" s="61">
        <v>218</v>
      </c>
      <c r="JB22" s="61">
        <v>156</v>
      </c>
      <c r="JC22" s="61">
        <v>121</v>
      </c>
      <c r="JD22" s="61">
        <v>93</v>
      </c>
      <c r="JE22" s="62">
        <v>890</v>
      </c>
      <c r="JF22" s="63">
        <v>1207</v>
      </c>
      <c r="JG22" s="60">
        <v>88</v>
      </c>
      <c r="JH22" s="61">
        <v>126</v>
      </c>
      <c r="JI22" s="62">
        <v>214</v>
      </c>
      <c r="JJ22" s="231"/>
      <c r="JK22" s="61">
        <v>227</v>
      </c>
      <c r="JL22" s="61">
        <v>203</v>
      </c>
      <c r="JM22" s="61">
        <v>197</v>
      </c>
      <c r="JN22" s="61">
        <v>156</v>
      </c>
      <c r="JO22" s="61">
        <v>111</v>
      </c>
      <c r="JP22" s="62">
        <v>894</v>
      </c>
      <c r="JQ22" s="63">
        <v>1108</v>
      </c>
      <c r="JR22" s="60">
        <v>10</v>
      </c>
      <c r="JS22" s="61">
        <v>15</v>
      </c>
      <c r="JT22" s="62">
        <v>25</v>
      </c>
      <c r="JU22" s="231"/>
      <c r="JV22" s="61">
        <v>20</v>
      </c>
      <c r="JW22" s="61">
        <v>21</v>
      </c>
      <c r="JX22" s="61">
        <v>17</v>
      </c>
      <c r="JY22" s="61">
        <v>11</v>
      </c>
      <c r="JZ22" s="61">
        <v>12</v>
      </c>
      <c r="KA22" s="62">
        <v>81</v>
      </c>
      <c r="KB22" s="63">
        <v>106</v>
      </c>
      <c r="KC22" s="60">
        <v>587</v>
      </c>
      <c r="KD22" s="61">
        <v>614</v>
      </c>
      <c r="KE22" s="62">
        <v>1201</v>
      </c>
      <c r="KF22" s="231"/>
      <c r="KG22" s="61">
        <v>1088</v>
      </c>
      <c r="KH22" s="61">
        <v>858</v>
      </c>
      <c r="KI22" s="61">
        <v>652</v>
      </c>
      <c r="KJ22" s="61">
        <v>503</v>
      </c>
      <c r="KK22" s="61">
        <v>371</v>
      </c>
      <c r="KL22" s="62">
        <v>3472</v>
      </c>
      <c r="KM22" s="63">
        <v>4673</v>
      </c>
    </row>
    <row r="23" spans="2:299" ht="21" customHeight="1" x14ac:dyDescent="0.2">
      <c r="B23" s="472" t="s">
        <v>20</v>
      </c>
      <c r="C23" s="293">
        <v>283</v>
      </c>
      <c r="D23" s="72">
        <v>317</v>
      </c>
      <c r="E23" s="73">
        <v>600</v>
      </c>
      <c r="F23" s="228"/>
      <c r="G23" s="72">
        <v>608</v>
      </c>
      <c r="H23" s="72">
        <v>361</v>
      </c>
      <c r="I23" s="72">
        <v>279</v>
      </c>
      <c r="J23" s="72">
        <v>228</v>
      </c>
      <c r="K23" s="72">
        <v>113</v>
      </c>
      <c r="L23" s="74">
        <v>1589</v>
      </c>
      <c r="M23" s="75">
        <v>2189</v>
      </c>
      <c r="N23" s="60">
        <v>8</v>
      </c>
      <c r="O23" s="61">
        <v>6</v>
      </c>
      <c r="P23" s="62">
        <v>14</v>
      </c>
      <c r="Q23" s="231"/>
      <c r="R23" s="61">
        <v>25</v>
      </c>
      <c r="S23" s="61">
        <v>18</v>
      </c>
      <c r="T23" s="61">
        <v>14</v>
      </c>
      <c r="U23" s="61">
        <v>10</v>
      </c>
      <c r="V23" s="61">
        <v>7</v>
      </c>
      <c r="W23" s="62">
        <v>74</v>
      </c>
      <c r="X23" s="63">
        <v>88</v>
      </c>
      <c r="Y23" s="60">
        <v>27</v>
      </c>
      <c r="Z23" s="61">
        <v>21</v>
      </c>
      <c r="AA23" s="62">
        <v>48</v>
      </c>
      <c r="AB23" s="231"/>
      <c r="AC23" s="61">
        <v>60</v>
      </c>
      <c r="AD23" s="61">
        <v>38</v>
      </c>
      <c r="AE23" s="61">
        <v>32</v>
      </c>
      <c r="AF23" s="61">
        <v>37</v>
      </c>
      <c r="AG23" s="61">
        <v>13</v>
      </c>
      <c r="AH23" s="62">
        <v>180</v>
      </c>
      <c r="AI23" s="63">
        <v>228</v>
      </c>
      <c r="AJ23" s="60">
        <v>55</v>
      </c>
      <c r="AK23" s="61">
        <v>60</v>
      </c>
      <c r="AL23" s="62">
        <v>115</v>
      </c>
      <c r="AM23" s="231"/>
      <c r="AN23" s="61">
        <v>86</v>
      </c>
      <c r="AO23" s="61">
        <v>60</v>
      </c>
      <c r="AP23" s="61">
        <v>48</v>
      </c>
      <c r="AQ23" s="61">
        <v>37</v>
      </c>
      <c r="AR23" s="61">
        <v>28</v>
      </c>
      <c r="AS23" s="62">
        <v>259</v>
      </c>
      <c r="AT23" s="63">
        <v>374</v>
      </c>
      <c r="AU23" s="60">
        <v>85</v>
      </c>
      <c r="AV23" s="61">
        <v>91</v>
      </c>
      <c r="AW23" s="62">
        <v>176</v>
      </c>
      <c r="AX23" s="231"/>
      <c r="AY23" s="61">
        <v>180</v>
      </c>
      <c r="AZ23" s="61">
        <v>100</v>
      </c>
      <c r="BA23" s="61">
        <v>83</v>
      </c>
      <c r="BB23" s="61">
        <v>60</v>
      </c>
      <c r="BC23" s="61">
        <v>27</v>
      </c>
      <c r="BD23" s="62">
        <v>450</v>
      </c>
      <c r="BE23" s="63">
        <v>626</v>
      </c>
      <c r="BF23" s="60">
        <v>74</v>
      </c>
      <c r="BG23" s="61">
        <v>95</v>
      </c>
      <c r="BH23" s="62">
        <v>169</v>
      </c>
      <c r="BI23" s="231"/>
      <c r="BJ23" s="61">
        <v>170</v>
      </c>
      <c r="BK23" s="61">
        <v>83</v>
      </c>
      <c r="BL23" s="61">
        <v>71</v>
      </c>
      <c r="BM23" s="61">
        <v>51</v>
      </c>
      <c r="BN23" s="61">
        <v>27</v>
      </c>
      <c r="BO23" s="62">
        <v>402</v>
      </c>
      <c r="BP23" s="63">
        <v>571</v>
      </c>
      <c r="BQ23" s="60">
        <v>34</v>
      </c>
      <c r="BR23" s="61">
        <v>44</v>
      </c>
      <c r="BS23" s="62">
        <v>78</v>
      </c>
      <c r="BT23" s="231"/>
      <c r="BU23" s="61">
        <v>87</v>
      </c>
      <c r="BV23" s="61">
        <v>62</v>
      </c>
      <c r="BW23" s="61">
        <v>31</v>
      </c>
      <c r="BX23" s="61">
        <v>33</v>
      </c>
      <c r="BY23" s="61">
        <v>11</v>
      </c>
      <c r="BZ23" s="62">
        <v>224</v>
      </c>
      <c r="CA23" s="63">
        <v>302</v>
      </c>
      <c r="CB23" s="60">
        <v>6</v>
      </c>
      <c r="CC23" s="61">
        <v>10</v>
      </c>
      <c r="CD23" s="62">
        <v>16</v>
      </c>
      <c r="CE23" s="231"/>
      <c r="CF23" s="61">
        <v>20</v>
      </c>
      <c r="CG23" s="61">
        <v>14</v>
      </c>
      <c r="CH23" s="61">
        <v>12</v>
      </c>
      <c r="CI23" s="61">
        <v>9</v>
      </c>
      <c r="CJ23" s="61">
        <v>10</v>
      </c>
      <c r="CK23" s="62">
        <v>65</v>
      </c>
      <c r="CL23" s="63">
        <v>81</v>
      </c>
      <c r="CM23" s="60">
        <v>289</v>
      </c>
      <c r="CN23" s="61">
        <v>327</v>
      </c>
      <c r="CO23" s="62">
        <v>616</v>
      </c>
      <c r="CP23" s="231"/>
      <c r="CQ23" s="61">
        <v>628</v>
      </c>
      <c r="CR23" s="61">
        <v>375</v>
      </c>
      <c r="CS23" s="61">
        <v>291</v>
      </c>
      <c r="CT23" s="61">
        <v>237</v>
      </c>
      <c r="CU23" s="61">
        <v>123</v>
      </c>
      <c r="CV23" s="62">
        <v>1654</v>
      </c>
      <c r="CW23" s="63">
        <v>2270</v>
      </c>
      <c r="CX23" s="113">
        <v>486</v>
      </c>
      <c r="CY23" s="72">
        <v>631</v>
      </c>
      <c r="CZ23" s="73">
        <v>1117</v>
      </c>
      <c r="DA23" s="228"/>
      <c r="DB23" s="72">
        <v>890</v>
      </c>
      <c r="DC23" s="72">
        <v>583</v>
      </c>
      <c r="DD23" s="72">
        <v>471</v>
      </c>
      <c r="DE23" s="72">
        <v>459</v>
      </c>
      <c r="DF23" s="72">
        <v>269</v>
      </c>
      <c r="DG23" s="74">
        <v>2672</v>
      </c>
      <c r="DH23" s="75">
        <v>3789</v>
      </c>
      <c r="DI23" s="60">
        <v>10</v>
      </c>
      <c r="DJ23" s="61">
        <v>13</v>
      </c>
      <c r="DK23" s="62">
        <v>23</v>
      </c>
      <c r="DL23" s="231"/>
      <c r="DM23" s="61">
        <v>22</v>
      </c>
      <c r="DN23" s="61">
        <v>16</v>
      </c>
      <c r="DO23" s="61">
        <v>6</v>
      </c>
      <c r="DP23" s="61">
        <v>10</v>
      </c>
      <c r="DQ23" s="61">
        <v>7</v>
      </c>
      <c r="DR23" s="62">
        <v>61</v>
      </c>
      <c r="DS23" s="63">
        <v>84</v>
      </c>
      <c r="DT23" s="60">
        <v>37</v>
      </c>
      <c r="DU23" s="61">
        <v>38</v>
      </c>
      <c r="DV23" s="62">
        <v>75</v>
      </c>
      <c r="DW23" s="231"/>
      <c r="DX23" s="61">
        <v>60</v>
      </c>
      <c r="DY23" s="61">
        <v>37</v>
      </c>
      <c r="DZ23" s="61">
        <v>22</v>
      </c>
      <c r="EA23" s="61">
        <v>27</v>
      </c>
      <c r="EB23" s="61">
        <v>19</v>
      </c>
      <c r="EC23" s="62">
        <v>165</v>
      </c>
      <c r="ED23" s="63">
        <v>240</v>
      </c>
      <c r="EE23" s="60">
        <v>74</v>
      </c>
      <c r="EF23" s="61">
        <v>102</v>
      </c>
      <c r="EG23" s="62">
        <v>176</v>
      </c>
      <c r="EH23" s="231"/>
      <c r="EI23" s="61">
        <v>146</v>
      </c>
      <c r="EJ23" s="61">
        <v>67</v>
      </c>
      <c r="EK23" s="61">
        <v>46</v>
      </c>
      <c r="EL23" s="61">
        <v>37</v>
      </c>
      <c r="EM23" s="61">
        <v>34</v>
      </c>
      <c r="EN23" s="62">
        <v>330</v>
      </c>
      <c r="EO23" s="63">
        <v>506</v>
      </c>
      <c r="EP23" s="60">
        <v>189</v>
      </c>
      <c r="EQ23" s="61">
        <v>183</v>
      </c>
      <c r="ER23" s="62">
        <v>372</v>
      </c>
      <c r="ES23" s="231"/>
      <c r="ET23" s="61">
        <v>203</v>
      </c>
      <c r="EU23" s="61">
        <v>132</v>
      </c>
      <c r="EV23" s="61">
        <v>110</v>
      </c>
      <c r="EW23" s="61">
        <v>79</v>
      </c>
      <c r="EX23" s="61">
        <v>60</v>
      </c>
      <c r="EY23" s="62">
        <v>584</v>
      </c>
      <c r="EZ23" s="63">
        <v>956</v>
      </c>
      <c r="FA23" s="60">
        <v>122</v>
      </c>
      <c r="FB23" s="61">
        <v>182</v>
      </c>
      <c r="FC23" s="62">
        <v>304</v>
      </c>
      <c r="FD23" s="231"/>
      <c r="FE23" s="61">
        <v>258</v>
      </c>
      <c r="FF23" s="61">
        <v>156</v>
      </c>
      <c r="FG23" s="61">
        <v>119</v>
      </c>
      <c r="FH23" s="61">
        <v>122</v>
      </c>
      <c r="FI23" s="61">
        <v>63</v>
      </c>
      <c r="FJ23" s="62">
        <v>718</v>
      </c>
      <c r="FK23" s="63">
        <v>1022</v>
      </c>
      <c r="FL23" s="60">
        <v>54</v>
      </c>
      <c r="FM23" s="61">
        <v>113</v>
      </c>
      <c r="FN23" s="62">
        <v>167</v>
      </c>
      <c r="FO23" s="231"/>
      <c r="FP23" s="61">
        <v>201</v>
      </c>
      <c r="FQ23" s="61">
        <v>175</v>
      </c>
      <c r="FR23" s="61">
        <v>168</v>
      </c>
      <c r="FS23" s="61">
        <v>184</v>
      </c>
      <c r="FT23" s="61">
        <v>86</v>
      </c>
      <c r="FU23" s="62">
        <v>814</v>
      </c>
      <c r="FV23" s="63">
        <v>981</v>
      </c>
      <c r="FW23" s="60">
        <v>6</v>
      </c>
      <c r="FX23" s="61">
        <v>15</v>
      </c>
      <c r="FY23" s="62">
        <v>21</v>
      </c>
      <c r="FZ23" s="231"/>
      <c r="GA23" s="61">
        <v>14</v>
      </c>
      <c r="GB23" s="61">
        <v>14</v>
      </c>
      <c r="GC23" s="61">
        <v>5</v>
      </c>
      <c r="GD23" s="61">
        <v>9</v>
      </c>
      <c r="GE23" s="61">
        <v>6</v>
      </c>
      <c r="GF23" s="62">
        <v>48</v>
      </c>
      <c r="GG23" s="63">
        <v>69</v>
      </c>
      <c r="GH23" s="60">
        <v>492</v>
      </c>
      <c r="GI23" s="61">
        <v>646</v>
      </c>
      <c r="GJ23" s="62">
        <v>1138</v>
      </c>
      <c r="GK23" s="231"/>
      <c r="GL23" s="61">
        <v>904</v>
      </c>
      <c r="GM23" s="61">
        <v>597</v>
      </c>
      <c r="GN23" s="61">
        <v>476</v>
      </c>
      <c r="GO23" s="61">
        <v>468</v>
      </c>
      <c r="GP23" s="61">
        <v>275</v>
      </c>
      <c r="GQ23" s="62">
        <v>2720</v>
      </c>
      <c r="GR23" s="63">
        <v>3858</v>
      </c>
      <c r="GS23" s="113">
        <v>769</v>
      </c>
      <c r="GT23" s="72">
        <v>948</v>
      </c>
      <c r="GU23" s="73">
        <v>1717</v>
      </c>
      <c r="GV23" s="228"/>
      <c r="GW23" s="72">
        <v>1498</v>
      </c>
      <c r="GX23" s="72">
        <v>944</v>
      </c>
      <c r="GY23" s="72">
        <v>750</v>
      </c>
      <c r="GZ23" s="72">
        <v>687</v>
      </c>
      <c r="HA23" s="72">
        <v>382</v>
      </c>
      <c r="HB23" s="74">
        <v>4261</v>
      </c>
      <c r="HC23" s="75">
        <v>5978</v>
      </c>
      <c r="HD23" s="60">
        <v>18</v>
      </c>
      <c r="HE23" s="61">
        <v>19</v>
      </c>
      <c r="HF23" s="62">
        <v>37</v>
      </c>
      <c r="HG23" s="231"/>
      <c r="HH23" s="61">
        <v>47</v>
      </c>
      <c r="HI23" s="61">
        <v>34</v>
      </c>
      <c r="HJ23" s="61">
        <v>20</v>
      </c>
      <c r="HK23" s="61">
        <v>20</v>
      </c>
      <c r="HL23" s="61">
        <v>14</v>
      </c>
      <c r="HM23" s="62">
        <v>135</v>
      </c>
      <c r="HN23" s="63">
        <v>172</v>
      </c>
      <c r="HO23" s="60">
        <v>64</v>
      </c>
      <c r="HP23" s="61">
        <v>59</v>
      </c>
      <c r="HQ23" s="62">
        <v>123</v>
      </c>
      <c r="HR23" s="231"/>
      <c r="HS23" s="61">
        <v>120</v>
      </c>
      <c r="HT23" s="61">
        <v>75</v>
      </c>
      <c r="HU23" s="61">
        <v>54</v>
      </c>
      <c r="HV23" s="61">
        <v>64</v>
      </c>
      <c r="HW23" s="61">
        <v>32</v>
      </c>
      <c r="HX23" s="62">
        <v>345</v>
      </c>
      <c r="HY23" s="63">
        <v>468</v>
      </c>
      <c r="HZ23" s="60">
        <v>129</v>
      </c>
      <c r="IA23" s="61">
        <v>162</v>
      </c>
      <c r="IB23" s="62">
        <v>291</v>
      </c>
      <c r="IC23" s="231"/>
      <c r="ID23" s="61">
        <v>232</v>
      </c>
      <c r="IE23" s="61">
        <v>127</v>
      </c>
      <c r="IF23" s="61">
        <v>94</v>
      </c>
      <c r="IG23" s="61">
        <v>74</v>
      </c>
      <c r="IH23" s="61">
        <v>62</v>
      </c>
      <c r="II23" s="62">
        <v>589</v>
      </c>
      <c r="IJ23" s="63">
        <v>880</v>
      </c>
      <c r="IK23" s="60">
        <v>274</v>
      </c>
      <c r="IL23" s="61">
        <v>274</v>
      </c>
      <c r="IM23" s="62">
        <v>548</v>
      </c>
      <c r="IN23" s="231"/>
      <c r="IO23" s="61">
        <v>383</v>
      </c>
      <c r="IP23" s="61">
        <v>232</v>
      </c>
      <c r="IQ23" s="61">
        <v>193</v>
      </c>
      <c r="IR23" s="61">
        <v>139</v>
      </c>
      <c r="IS23" s="61">
        <v>87</v>
      </c>
      <c r="IT23" s="62">
        <v>1034</v>
      </c>
      <c r="IU23" s="63">
        <v>1582</v>
      </c>
      <c r="IV23" s="60">
        <v>196</v>
      </c>
      <c r="IW23" s="61">
        <v>277</v>
      </c>
      <c r="IX23" s="62">
        <v>473</v>
      </c>
      <c r="IY23" s="231"/>
      <c r="IZ23" s="61">
        <v>428</v>
      </c>
      <c r="JA23" s="61">
        <v>239</v>
      </c>
      <c r="JB23" s="61">
        <v>190</v>
      </c>
      <c r="JC23" s="61">
        <v>173</v>
      </c>
      <c r="JD23" s="61">
        <v>90</v>
      </c>
      <c r="JE23" s="62">
        <v>1120</v>
      </c>
      <c r="JF23" s="63">
        <v>1593</v>
      </c>
      <c r="JG23" s="60">
        <v>88</v>
      </c>
      <c r="JH23" s="61">
        <v>157</v>
      </c>
      <c r="JI23" s="62">
        <v>245</v>
      </c>
      <c r="JJ23" s="231"/>
      <c r="JK23" s="61">
        <v>288</v>
      </c>
      <c r="JL23" s="61">
        <v>237</v>
      </c>
      <c r="JM23" s="61">
        <v>199</v>
      </c>
      <c r="JN23" s="61">
        <v>217</v>
      </c>
      <c r="JO23" s="61">
        <v>97</v>
      </c>
      <c r="JP23" s="62">
        <v>1038</v>
      </c>
      <c r="JQ23" s="63">
        <v>1283</v>
      </c>
      <c r="JR23" s="60">
        <v>12</v>
      </c>
      <c r="JS23" s="61">
        <v>25</v>
      </c>
      <c r="JT23" s="62">
        <v>37</v>
      </c>
      <c r="JU23" s="231"/>
      <c r="JV23" s="61">
        <v>34</v>
      </c>
      <c r="JW23" s="61">
        <v>28</v>
      </c>
      <c r="JX23" s="61">
        <v>17</v>
      </c>
      <c r="JY23" s="61">
        <v>18</v>
      </c>
      <c r="JZ23" s="61">
        <v>16</v>
      </c>
      <c r="KA23" s="62">
        <v>113</v>
      </c>
      <c r="KB23" s="63">
        <v>150</v>
      </c>
      <c r="KC23" s="60">
        <v>781</v>
      </c>
      <c r="KD23" s="61">
        <v>973</v>
      </c>
      <c r="KE23" s="62">
        <v>1754</v>
      </c>
      <c r="KF23" s="231"/>
      <c r="KG23" s="61">
        <v>1532</v>
      </c>
      <c r="KH23" s="61">
        <v>972</v>
      </c>
      <c r="KI23" s="61">
        <v>767</v>
      </c>
      <c r="KJ23" s="61">
        <v>705</v>
      </c>
      <c r="KK23" s="61">
        <v>398</v>
      </c>
      <c r="KL23" s="62">
        <v>4374</v>
      </c>
      <c r="KM23" s="63">
        <v>6128</v>
      </c>
    </row>
    <row r="24" spans="2:299" ht="21" customHeight="1" x14ac:dyDescent="0.2">
      <c r="B24" s="472" t="s">
        <v>21</v>
      </c>
      <c r="C24" s="293">
        <v>307</v>
      </c>
      <c r="D24" s="72">
        <v>258</v>
      </c>
      <c r="E24" s="73">
        <v>565</v>
      </c>
      <c r="F24" s="228"/>
      <c r="G24" s="72">
        <v>449</v>
      </c>
      <c r="H24" s="72">
        <v>427</v>
      </c>
      <c r="I24" s="72">
        <v>290</v>
      </c>
      <c r="J24" s="72">
        <v>233</v>
      </c>
      <c r="K24" s="72">
        <v>149</v>
      </c>
      <c r="L24" s="74">
        <v>1548</v>
      </c>
      <c r="M24" s="75">
        <v>2113</v>
      </c>
      <c r="N24" s="60">
        <v>13</v>
      </c>
      <c r="O24" s="61">
        <v>15</v>
      </c>
      <c r="P24" s="62">
        <v>28</v>
      </c>
      <c r="Q24" s="231"/>
      <c r="R24" s="61">
        <v>20</v>
      </c>
      <c r="S24" s="61">
        <v>19</v>
      </c>
      <c r="T24" s="61">
        <v>14</v>
      </c>
      <c r="U24" s="61">
        <v>15</v>
      </c>
      <c r="V24" s="61">
        <v>14</v>
      </c>
      <c r="W24" s="62">
        <v>82</v>
      </c>
      <c r="X24" s="63">
        <v>110</v>
      </c>
      <c r="Y24" s="60">
        <v>30</v>
      </c>
      <c r="Z24" s="61">
        <v>30</v>
      </c>
      <c r="AA24" s="62">
        <v>60</v>
      </c>
      <c r="AB24" s="231"/>
      <c r="AC24" s="61">
        <v>39</v>
      </c>
      <c r="AD24" s="61">
        <v>51</v>
      </c>
      <c r="AE24" s="61">
        <v>35</v>
      </c>
      <c r="AF24" s="61">
        <v>30</v>
      </c>
      <c r="AG24" s="61">
        <v>20</v>
      </c>
      <c r="AH24" s="62">
        <v>175</v>
      </c>
      <c r="AI24" s="63">
        <v>235</v>
      </c>
      <c r="AJ24" s="60">
        <v>61</v>
      </c>
      <c r="AK24" s="61">
        <v>45</v>
      </c>
      <c r="AL24" s="62">
        <v>106</v>
      </c>
      <c r="AM24" s="231"/>
      <c r="AN24" s="61">
        <v>80</v>
      </c>
      <c r="AO24" s="61">
        <v>64</v>
      </c>
      <c r="AP24" s="61">
        <v>58</v>
      </c>
      <c r="AQ24" s="61">
        <v>45</v>
      </c>
      <c r="AR24" s="61">
        <v>27</v>
      </c>
      <c r="AS24" s="62">
        <v>274</v>
      </c>
      <c r="AT24" s="63">
        <v>380</v>
      </c>
      <c r="AU24" s="60">
        <v>83</v>
      </c>
      <c r="AV24" s="61">
        <v>53</v>
      </c>
      <c r="AW24" s="62">
        <v>136</v>
      </c>
      <c r="AX24" s="231"/>
      <c r="AY24" s="61">
        <v>130</v>
      </c>
      <c r="AZ24" s="61">
        <v>135</v>
      </c>
      <c r="BA24" s="61">
        <v>75</v>
      </c>
      <c r="BB24" s="61">
        <v>61</v>
      </c>
      <c r="BC24" s="61">
        <v>35</v>
      </c>
      <c r="BD24" s="62">
        <v>436</v>
      </c>
      <c r="BE24" s="63">
        <v>572</v>
      </c>
      <c r="BF24" s="60">
        <v>82</v>
      </c>
      <c r="BG24" s="61">
        <v>75</v>
      </c>
      <c r="BH24" s="62">
        <v>157</v>
      </c>
      <c r="BI24" s="231"/>
      <c r="BJ24" s="61">
        <v>134</v>
      </c>
      <c r="BK24" s="61">
        <v>91</v>
      </c>
      <c r="BL24" s="61">
        <v>53</v>
      </c>
      <c r="BM24" s="61">
        <v>46</v>
      </c>
      <c r="BN24" s="61">
        <v>33</v>
      </c>
      <c r="BO24" s="62">
        <v>357</v>
      </c>
      <c r="BP24" s="63">
        <v>514</v>
      </c>
      <c r="BQ24" s="60">
        <v>38</v>
      </c>
      <c r="BR24" s="61">
        <v>40</v>
      </c>
      <c r="BS24" s="62">
        <v>78</v>
      </c>
      <c r="BT24" s="231"/>
      <c r="BU24" s="61">
        <v>46</v>
      </c>
      <c r="BV24" s="61">
        <v>67</v>
      </c>
      <c r="BW24" s="61">
        <v>55</v>
      </c>
      <c r="BX24" s="61">
        <v>36</v>
      </c>
      <c r="BY24" s="61">
        <v>20</v>
      </c>
      <c r="BZ24" s="62">
        <v>224</v>
      </c>
      <c r="CA24" s="63">
        <v>302</v>
      </c>
      <c r="CB24" s="60">
        <v>11</v>
      </c>
      <c r="CC24" s="61">
        <v>13</v>
      </c>
      <c r="CD24" s="62">
        <v>24</v>
      </c>
      <c r="CE24" s="231"/>
      <c r="CF24" s="61">
        <v>7</v>
      </c>
      <c r="CG24" s="61">
        <v>22</v>
      </c>
      <c r="CH24" s="61">
        <v>11</v>
      </c>
      <c r="CI24" s="61">
        <v>6</v>
      </c>
      <c r="CJ24" s="61">
        <v>11</v>
      </c>
      <c r="CK24" s="62">
        <v>57</v>
      </c>
      <c r="CL24" s="63">
        <v>81</v>
      </c>
      <c r="CM24" s="60">
        <v>318</v>
      </c>
      <c r="CN24" s="61">
        <v>271</v>
      </c>
      <c r="CO24" s="62">
        <v>589</v>
      </c>
      <c r="CP24" s="231"/>
      <c r="CQ24" s="61">
        <v>456</v>
      </c>
      <c r="CR24" s="61">
        <v>449</v>
      </c>
      <c r="CS24" s="61">
        <v>301</v>
      </c>
      <c r="CT24" s="61">
        <v>239</v>
      </c>
      <c r="CU24" s="61">
        <v>160</v>
      </c>
      <c r="CV24" s="62">
        <v>1605</v>
      </c>
      <c r="CW24" s="63">
        <v>2194</v>
      </c>
      <c r="CX24" s="113">
        <v>598</v>
      </c>
      <c r="CY24" s="72">
        <v>586</v>
      </c>
      <c r="CZ24" s="73">
        <v>1184</v>
      </c>
      <c r="DA24" s="228"/>
      <c r="DB24" s="72">
        <v>748</v>
      </c>
      <c r="DC24" s="72">
        <v>714</v>
      </c>
      <c r="DD24" s="72">
        <v>580</v>
      </c>
      <c r="DE24" s="72">
        <v>474</v>
      </c>
      <c r="DF24" s="72">
        <v>359</v>
      </c>
      <c r="DG24" s="74">
        <v>2875</v>
      </c>
      <c r="DH24" s="75">
        <v>4059</v>
      </c>
      <c r="DI24" s="60">
        <v>12</v>
      </c>
      <c r="DJ24" s="61">
        <v>17</v>
      </c>
      <c r="DK24" s="62">
        <v>29</v>
      </c>
      <c r="DL24" s="231"/>
      <c r="DM24" s="61">
        <v>18</v>
      </c>
      <c r="DN24" s="61">
        <v>22</v>
      </c>
      <c r="DO24" s="61">
        <v>9</v>
      </c>
      <c r="DP24" s="61">
        <v>5</v>
      </c>
      <c r="DQ24" s="61">
        <v>17</v>
      </c>
      <c r="DR24" s="62">
        <v>71</v>
      </c>
      <c r="DS24" s="63">
        <v>100</v>
      </c>
      <c r="DT24" s="60">
        <v>46</v>
      </c>
      <c r="DU24" s="61">
        <v>36</v>
      </c>
      <c r="DV24" s="62">
        <v>82</v>
      </c>
      <c r="DW24" s="231"/>
      <c r="DX24" s="61">
        <v>40</v>
      </c>
      <c r="DY24" s="61">
        <v>39</v>
      </c>
      <c r="DZ24" s="61">
        <v>29</v>
      </c>
      <c r="EA24" s="61">
        <v>25</v>
      </c>
      <c r="EB24" s="61">
        <v>28</v>
      </c>
      <c r="EC24" s="62">
        <v>161</v>
      </c>
      <c r="ED24" s="63">
        <v>243</v>
      </c>
      <c r="EE24" s="60">
        <v>90</v>
      </c>
      <c r="EF24" s="61">
        <v>93</v>
      </c>
      <c r="EG24" s="62">
        <v>183</v>
      </c>
      <c r="EH24" s="231"/>
      <c r="EI24" s="61">
        <v>97</v>
      </c>
      <c r="EJ24" s="61">
        <v>81</v>
      </c>
      <c r="EK24" s="61">
        <v>66</v>
      </c>
      <c r="EL24" s="61">
        <v>43</v>
      </c>
      <c r="EM24" s="61">
        <v>35</v>
      </c>
      <c r="EN24" s="62">
        <v>322</v>
      </c>
      <c r="EO24" s="63">
        <v>505</v>
      </c>
      <c r="EP24" s="60">
        <v>194</v>
      </c>
      <c r="EQ24" s="61">
        <v>190</v>
      </c>
      <c r="ER24" s="62">
        <v>384</v>
      </c>
      <c r="ES24" s="231"/>
      <c r="ET24" s="61">
        <v>207</v>
      </c>
      <c r="EU24" s="61">
        <v>151</v>
      </c>
      <c r="EV24" s="61">
        <v>119</v>
      </c>
      <c r="EW24" s="61">
        <v>114</v>
      </c>
      <c r="EX24" s="61">
        <v>79</v>
      </c>
      <c r="EY24" s="62">
        <v>670</v>
      </c>
      <c r="EZ24" s="63">
        <v>1054</v>
      </c>
      <c r="FA24" s="60">
        <v>174</v>
      </c>
      <c r="FB24" s="61">
        <v>167</v>
      </c>
      <c r="FC24" s="62">
        <v>341</v>
      </c>
      <c r="FD24" s="231"/>
      <c r="FE24" s="61">
        <v>214</v>
      </c>
      <c r="FF24" s="61">
        <v>219</v>
      </c>
      <c r="FG24" s="61">
        <v>174</v>
      </c>
      <c r="FH24" s="61">
        <v>110</v>
      </c>
      <c r="FI24" s="61">
        <v>86</v>
      </c>
      <c r="FJ24" s="62">
        <v>803</v>
      </c>
      <c r="FK24" s="63">
        <v>1144</v>
      </c>
      <c r="FL24" s="60">
        <v>82</v>
      </c>
      <c r="FM24" s="61">
        <v>83</v>
      </c>
      <c r="FN24" s="62">
        <v>165</v>
      </c>
      <c r="FO24" s="231"/>
      <c r="FP24" s="61">
        <v>172</v>
      </c>
      <c r="FQ24" s="61">
        <v>202</v>
      </c>
      <c r="FR24" s="61">
        <v>183</v>
      </c>
      <c r="FS24" s="61">
        <v>177</v>
      </c>
      <c r="FT24" s="61">
        <v>114</v>
      </c>
      <c r="FU24" s="62">
        <v>848</v>
      </c>
      <c r="FV24" s="63">
        <v>1013</v>
      </c>
      <c r="FW24" s="60">
        <v>6</v>
      </c>
      <c r="FX24" s="61">
        <v>13</v>
      </c>
      <c r="FY24" s="62">
        <v>19</v>
      </c>
      <c r="FZ24" s="231"/>
      <c r="GA24" s="61">
        <v>3</v>
      </c>
      <c r="GB24" s="61">
        <v>17</v>
      </c>
      <c r="GC24" s="61">
        <v>17</v>
      </c>
      <c r="GD24" s="61">
        <v>7</v>
      </c>
      <c r="GE24" s="61">
        <v>6</v>
      </c>
      <c r="GF24" s="62">
        <v>50</v>
      </c>
      <c r="GG24" s="63">
        <v>69</v>
      </c>
      <c r="GH24" s="60">
        <v>604</v>
      </c>
      <c r="GI24" s="61">
        <v>599</v>
      </c>
      <c r="GJ24" s="62">
        <v>1203</v>
      </c>
      <c r="GK24" s="231"/>
      <c r="GL24" s="61">
        <v>751</v>
      </c>
      <c r="GM24" s="61">
        <v>731</v>
      </c>
      <c r="GN24" s="61">
        <v>597</v>
      </c>
      <c r="GO24" s="61">
        <v>481</v>
      </c>
      <c r="GP24" s="61">
        <v>365</v>
      </c>
      <c r="GQ24" s="62">
        <v>2925</v>
      </c>
      <c r="GR24" s="63">
        <v>4128</v>
      </c>
      <c r="GS24" s="113">
        <v>905</v>
      </c>
      <c r="GT24" s="72">
        <v>844</v>
      </c>
      <c r="GU24" s="73">
        <v>1749</v>
      </c>
      <c r="GV24" s="228"/>
      <c r="GW24" s="72">
        <v>1197</v>
      </c>
      <c r="GX24" s="72">
        <v>1141</v>
      </c>
      <c r="GY24" s="72">
        <v>870</v>
      </c>
      <c r="GZ24" s="72">
        <v>707</v>
      </c>
      <c r="HA24" s="72">
        <v>508</v>
      </c>
      <c r="HB24" s="74">
        <v>4423</v>
      </c>
      <c r="HC24" s="75">
        <v>6172</v>
      </c>
      <c r="HD24" s="60">
        <v>25</v>
      </c>
      <c r="HE24" s="61">
        <v>32</v>
      </c>
      <c r="HF24" s="62">
        <v>57</v>
      </c>
      <c r="HG24" s="231"/>
      <c r="HH24" s="61">
        <v>38</v>
      </c>
      <c r="HI24" s="61">
        <v>41</v>
      </c>
      <c r="HJ24" s="61">
        <v>23</v>
      </c>
      <c r="HK24" s="61">
        <v>20</v>
      </c>
      <c r="HL24" s="61">
        <v>31</v>
      </c>
      <c r="HM24" s="62">
        <v>153</v>
      </c>
      <c r="HN24" s="63">
        <v>210</v>
      </c>
      <c r="HO24" s="60">
        <v>76</v>
      </c>
      <c r="HP24" s="61">
        <v>66</v>
      </c>
      <c r="HQ24" s="62">
        <v>142</v>
      </c>
      <c r="HR24" s="231"/>
      <c r="HS24" s="61">
        <v>79</v>
      </c>
      <c r="HT24" s="61">
        <v>90</v>
      </c>
      <c r="HU24" s="61">
        <v>64</v>
      </c>
      <c r="HV24" s="61">
        <v>55</v>
      </c>
      <c r="HW24" s="61">
        <v>48</v>
      </c>
      <c r="HX24" s="62">
        <v>336</v>
      </c>
      <c r="HY24" s="63">
        <v>478</v>
      </c>
      <c r="HZ24" s="60">
        <v>151</v>
      </c>
      <c r="IA24" s="61">
        <v>138</v>
      </c>
      <c r="IB24" s="62">
        <v>289</v>
      </c>
      <c r="IC24" s="231"/>
      <c r="ID24" s="61">
        <v>177</v>
      </c>
      <c r="IE24" s="61">
        <v>145</v>
      </c>
      <c r="IF24" s="61">
        <v>124</v>
      </c>
      <c r="IG24" s="61">
        <v>88</v>
      </c>
      <c r="IH24" s="61">
        <v>62</v>
      </c>
      <c r="II24" s="62">
        <v>596</v>
      </c>
      <c r="IJ24" s="63">
        <v>885</v>
      </c>
      <c r="IK24" s="60">
        <v>277</v>
      </c>
      <c r="IL24" s="61">
        <v>243</v>
      </c>
      <c r="IM24" s="62">
        <v>520</v>
      </c>
      <c r="IN24" s="231"/>
      <c r="IO24" s="61">
        <v>337</v>
      </c>
      <c r="IP24" s="61">
        <v>286</v>
      </c>
      <c r="IQ24" s="61">
        <v>194</v>
      </c>
      <c r="IR24" s="61">
        <v>175</v>
      </c>
      <c r="IS24" s="61">
        <v>114</v>
      </c>
      <c r="IT24" s="62">
        <v>1106</v>
      </c>
      <c r="IU24" s="63">
        <v>1626</v>
      </c>
      <c r="IV24" s="60">
        <v>256</v>
      </c>
      <c r="IW24" s="61">
        <v>242</v>
      </c>
      <c r="IX24" s="62">
        <v>498</v>
      </c>
      <c r="IY24" s="231"/>
      <c r="IZ24" s="61">
        <v>348</v>
      </c>
      <c r="JA24" s="61">
        <v>310</v>
      </c>
      <c r="JB24" s="61">
        <v>227</v>
      </c>
      <c r="JC24" s="61">
        <v>156</v>
      </c>
      <c r="JD24" s="61">
        <v>119</v>
      </c>
      <c r="JE24" s="62">
        <v>1160</v>
      </c>
      <c r="JF24" s="63">
        <v>1658</v>
      </c>
      <c r="JG24" s="60">
        <v>120</v>
      </c>
      <c r="JH24" s="61">
        <v>123</v>
      </c>
      <c r="JI24" s="62">
        <v>243</v>
      </c>
      <c r="JJ24" s="231"/>
      <c r="JK24" s="61">
        <v>218</v>
      </c>
      <c r="JL24" s="61">
        <v>269</v>
      </c>
      <c r="JM24" s="61">
        <v>238</v>
      </c>
      <c r="JN24" s="61">
        <v>213</v>
      </c>
      <c r="JO24" s="61">
        <v>134</v>
      </c>
      <c r="JP24" s="62">
        <v>1072</v>
      </c>
      <c r="JQ24" s="63">
        <v>1315</v>
      </c>
      <c r="JR24" s="60">
        <v>17</v>
      </c>
      <c r="JS24" s="61">
        <v>26</v>
      </c>
      <c r="JT24" s="62">
        <v>43</v>
      </c>
      <c r="JU24" s="231"/>
      <c r="JV24" s="61">
        <v>10</v>
      </c>
      <c r="JW24" s="61">
        <v>39</v>
      </c>
      <c r="JX24" s="61">
        <v>28</v>
      </c>
      <c r="JY24" s="61">
        <v>13</v>
      </c>
      <c r="JZ24" s="61">
        <v>17</v>
      </c>
      <c r="KA24" s="62">
        <v>107</v>
      </c>
      <c r="KB24" s="63">
        <v>150</v>
      </c>
      <c r="KC24" s="60">
        <v>922</v>
      </c>
      <c r="KD24" s="61">
        <v>870</v>
      </c>
      <c r="KE24" s="62">
        <v>1792</v>
      </c>
      <c r="KF24" s="231"/>
      <c r="KG24" s="61">
        <v>1207</v>
      </c>
      <c r="KH24" s="61">
        <v>1180</v>
      </c>
      <c r="KI24" s="61">
        <v>898</v>
      </c>
      <c r="KJ24" s="61">
        <v>720</v>
      </c>
      <c r="KK24" s="61">
        <v>525</v>
      </c>
      <c r="KL24" s="62">
        <v>4530</v>
      </c>
      <c r="KM24" s="63">
        <v>6322</v>
      </c>
    </row>
    <row r="25" spans="2:299" ht="21" customHeight="1" x14ac:dyDescent="0.2">
      <c r="B25" s="472" t="s">
        <v>22</v>
      </c>
      <c r="C25" s="293">
        <v>78</v>
      </c>
      <c r="D25" s="72">
        <v>81</v>
      </c>
      <c r="E25" s="73">
        <v>159</v>
      </c>
      <c r="F25" s="228"/>
      <c r="G25" s="72">
        <v>181</v>
      </c>
      <c r="H25" s="72">
        <v>157</v>
      </c>
      <c r="I25" s="72">
        <v>91</v>
      </c>
      <c r="J25" s="72">
        <v>75</v>
      </c>
      <c r="K25" s="72">
        <v>49</v>
      </c>
      <c r="L25" s="74">
        <v>553</v>
      </c>
      <c r="M25" s="75">
        <v>712</v>
      </c>
      <c r="N25" s="60">
        <v>4</v>
      </c>
      <c r="O25" s="61">
        <v>4</v>
      </c>
      <c r="P25" s="62">
        <v>8</v>
      </c>
      <c r="Q25" s="231"/>
      <c r="R25" s="61">
        <v>5</v>
      </c>
      <c r="S25" s="61">
        <v>6</v>
      </c>
      <c r="T25" s="61">
        <v>2</v>
      </c>
      <c r="U25" s="61">
        <v>2</v>
      </c>
      <c r="V25" s="61">
        <v>2</v>
      </c>
      <c r="W25" s="62">
        <v>17</v>
      </c>
      <c r="X25" s="63">
        <v>25</v>
      </c>
      <c r="Y25" s="60">
        <v>4</v>
      </c>
      <c r="Z25" s="61">
        <v>6</v>
      </c>
      <c r="AA25" s="62">
        <v>10</v>
      </c>
      <c r="AB25" s="231"/>
      <c r="AC25" s="61">
        <v>12</v>
      </c>
      <c r="AD25" s="61">
        <v>11</v>
      </c>
      <c r="AE25" s="61">
        <v>6</v>
      </c>
      <c r="AF25" s="61">
        <v>6</v>
      </c>
      <c r="AG25" s="61">
        <v>12</v>
      </c>
      <c r="AH25" s="62">
        <v>47</v>
      </c>
      <c r="AI25" s="63">
        <v>57</v>
      </c>
      <c r="AJ25" s="60">
        <v>8</v>
      </c>
      <c r="AK25" s="61">
        <v>12</v>
      </c>
      <c r="AL25" s="62">
        <v>20</v>
      </c>
      <c r="AM25" s="231"/>
      <c r="AN25" s="61">
        <v>30</v>
      </c>
      <c r="AO25" s="61">
        <v>22</v>
      </c>
      <c r="AP25" s="61">
        <v>17</v>
      </c>
      <c r="AQ25" s="61">
        <v>17</v>
      </c>
      <c r="AR25" s="61">
        <v>8</v>
      </c>
      <c r="AS25" s="62">
        <v>94</v>
      </c>
      <c r="AT25" s="63">
        <v>114</v>
      </c>
      <c r="AU25" s="60">
        <v>20</v>
      </c>
      <c r="AV25" s="61">
        <v>30</v>
      </c>
      <c r="AW25" s="62">
        <v>50</v>
      </c>
      <c r="AX25" s="231"/>
      <c r="AY25" s="61">
        <v>31</v>
      </c>
      <c r="AZ25" s="61">
        <v>44</v>
      </c>
      <c r="BA25" s="61">
        <v>22</v>
      </c>
      <c r="BB25" s="61">
        <v>18</v>
      </c>
      <c r="BC25" s="61">
        <v>12</v>
      </c>
      <c r="BD25" s="62">
        <v>127</v>
      </c>
      <c r="BE25" s="63">
        <v>177</v>
      </c>
      <c r="BF25" s="60">
        <v>27</v>
      </c>
      <c r="BG25" s="61">
        <v>21</v>
      </c>
      <c r="BH25" s="62">
        <v>48</v>
      </c>
      <c r="BI25" s="231"/>
      <c r="BJ25" s="61">
        <v>52</v>
      </c>
      <c r="BK25" s="61">
        <v>42</v>
      </c>
      <c r="BL25" s="61">
        <v>21</v>
      </c>
      <c r="BM25" s="61">
        <v>15</v>
      </c>
      <c r="BN25" s="61">
        <v>7</v>
      </c>
      <c r="BO25" s="62">
        <v>137</v>
      </c>
      <c r="BP25" s="63">
        <v>185</v>
      </c>
      <c r="BQ25" s="60">
        <v>15</v>
      </c>
      <c r="BR25" s="61">
        <v>8</v>
      </c>
      <c r="BS25" s="62">
        <v>23</v>
      </c>
      <c r="BT25" s="231"/>
      <c r="BU25" s="61">
        <v>51</v>
      </c>
      <c r="BV25" s="61">
        <v>32</v>
      </c>
      <c r="BW25" s="61">
        <v>23</v>
      </c>
      <c r="BX25" s="61">
        <v>17</v>
      </c>
      <c r="BY25" s="61">
        <v>8</v>
      </c>
      <c r="BZ25" s="62">
        <v>131</v>
      </c>
      <c r="CA25" s="63">
        <v>154</v>
      </c>
      <c r="CB25" s="60">
        <v>2</v>
      </c>
      <c r="CC25" s="61">
        <v>2</v>
      </c>
      <c r="CD25" s="62">
        <v>4</v>
      </c>
      <c r="CE25" s="231"/>
      <c r="CF25" s="61">
        <v>7</v>
      </c>
      <c r="CG25" s="61">
        <v>2</v>
      </c>
      <c r="CH25" s="61">
        <v>1</v>
      </c>
      <c r="CI25" s="61">
        <v>2</v>
      </c>
      <c r="CJ25" s="61">
        <v>6</v>
      </c>
      <c r="CK25" s="62">
        <v>18</v>
      </c>
      <c r="CL25" s="63">
        <v>22</v>
      </c>
      <c r="CM25" s="60">
        <v>80</v>
      </c>
      <c r="CN25" s="61">
        <v>83</v>
      </c>
      <c r="CO25" s="62">
        <v>163</v>
      </c>
      <c r="CP25" s="231"/>
      <c r="CQ25" s="61">
        <v>188</v>
      </c>
      <c r="CR25" s="61">
        <v>159</v>
      </c>
      <c r="CS25" s="61">
        <v>92</v>
      </c>
      <c r="CT25" s="61">
        <v>77</v>
      </c>
      <c r="CU25" s="61">
        <v>55</v>
      </c>
      <c r="CV25" s="62">
        <v>571</v>
      </c>
      <c r="CW25" s="63">
        <v>734</v>
      </c>
      <c r="CX25" s="113">
        <v>119</v>
      </c>
      <c r="CY25" s="72">
        <v>240</v>
      </c>
      <c r="CZ25" s="73">
        <v>359</v>
      </c>
      <c r="DA25" s="228"/>
      <c r="DB25" s="72">
        <v>320</v>
      </c>
      <c r="DC25" s="72">
        <v>297</v>
      </c>
      <c r="DD25" s="72">
        <v>201</v>
      </c>
      <c r="DE25" s="72">
        <v>204</v>
      </c>
      <c r="DF25" s="72">
        <v>104</v>
      </c>
      <c r="DG25" s="74">
        <v>1126</v>
      </c>
      <c r="DH25" s="75">
        <v>1485</v>
      </c>
      <c r="DI25" s="60">
        <v>6</v>
      </c>
      <c r="DJ25" s="61">
        <v>8</v>
      </c>
      <c r="DK25" s="62">
        <v>14</v>
      </c>
      <c r="DL25" s="231"/>
      <c r="DM25" s="61">
        <v>3</v>
      </c>
      <c r="DN25" s="61">
        <v>4</v>
      </c>
      <c r="DO25" s="61">
        <v>4</v>
      </c>
      <c r="DP25" s="61">
        <v>1</v>
      </c>
      <c r="DQ25" s="61">
        <v>3</v>
      </c>
      <c r="DR25" s="62">
        <v>15</v>
      </c>
      <c r="DS25" s="63">
        <v>29</v>
      </c>
      <c r="DT25" s="60">
        <v>8</v>
      </c>
      <c r="DU25" s="61">
        <v>8</v>
      </c>
      <c r="DV25" s="62">
        <v>16</v>
      </c>
      <c r="DW25" s="231"/>
      <c r="DX25" s="61">
        <v>12</v>
      </c>
      <c r="DY25" s="61">
        <v>15</v>
      </c>
      <c r="DZ25" s="61">
        <v>4</v>
      </c>
      <c r="EA25" s="61">
        <v>5</v>
      </c>
      <c r="EB25" s="61">
        <v>4</v>
      </c>
      <c r="EC25" s="62">
        <v>40</v>
      </c>
      <c r="ED25" s="63">
        <v>56</v>
      </c>
      <c r="EE25" s="60">
        <v>25</v>
      </c>
      <c r="EF25" s="61">
        <v>38</v>
      </c>
      <c r="EG25" s="62">
        <v>63</v>
      </c>
      <c r="EH25" s="231"/>
      <c r="EI25" s="61">
        <v>39</v>
      </c>
      <c r="EJ25" s="61">
        <v>35</v>
      </c>
      <c r="EK25" s="61">
        <v>20</v>
      </c>
      <c r="EL25" s="61">
        <v>13</v>
      </c>
      <c r="EM25" s="61">
        <v>14</v>
      </c>
      <c r="EN25" s="62">
        <v>121</v>
      </c>
      <c r="EO25" s="63">
        <v>184</v>
      </c>
      <c r="EP25" s="60">
        <v>32</v>
      </c>
      <c r="EQ25" s="61">
        <v>77</v>
      </c>
      <c r="ER25" s="62">
        <v>109</v>
      </c>
      <c r="ES25" s="231"/>
      <c r="ET25" s="61">
        <v>79</v>
      </c>
      <c r="EU25" s="61">
        <v>53</v>
      </c>
      <c r="EV25" s="61">
        <v>42</v>
      </c>
      <c r="EW25" s="61">
        <v>37</v>
      </c>
      <c r="EX25" s="61">
        <v>15</v>
      </c>
      <c r="EY25" s="62">
        <v>226</v>
      </c>
      <c r="EZ25" s="63">
        <v>335</v>
      </c>
      <c r="FA25" s="60">
        <v>32</v>
      </c>
      <c r="FB25" s="61">
        <v>67</v>
      </c>
      <c r="FC25" s="62">
        <v>99</v>
      </c>
      <c r="FD25" s="231"/>
      <c r="FE25" s="61">
        <v>104</v>
      </c>
      <c r="FF25" s="61">
        <v>93</v>
      </c>
      <c r="FG25" s="61">
        <v>47</v>
      </c>
      <c r="FH25" s="61">
        <v>53</v>
      </c>
      <c r="FI25" s="61">
        <v>32</v>
      </c>
      <c r="FJ25" s="62">
        <v>329</v>
      </c>
      <c r="FK25" s="63">
        <v>428</v>
      </c>
      <c r="FL25" s="60">
        <v>16</v>
      </c>
      <c r="FM25" s="61">
        <v>42</v>
      </c>
      <c r="FN25" s="62">
        <v>58</v>
      </c>
      <c r="FO25" s="231"/>
      <c r="FP25" s="61">
        <v>83</v>
      </c>
      <c r="FQ25" s="61">
        <v>97</v>
      </c>
      <c r="FR25" s="61">
        <v>84</v>
      </c>
      <c r="FS25" s="61">
        <v>95</v>
      </c>
      <c r="FT25" s="61">
        <v>36</v>
      </c>
      <c r="FU25" s="62">
        <v>395</v>
      </c>
      <c r="FV25" s="63">
        <v>453</v>
      </c>
      <c r="FW25" s="60">
        <v>0</v>
      </c>
      <c r="FX25" s="61">
        <v>2</v>
      </c>
      <c r="FY25" s="62">
        <v>2</v>
      </c>
      <c r="FZ25" s="231"/>
      <c r="GA25" s="61">
        <v>3</v>
      </c>
      <c r="GB25" s="61">
        <v>9</v>
      </c>
      <c r="GC25" s="61">
        <v>4</v>
      </c>
      <c r="GD25" s="61">
        <v>1</v>
      </c>
      <c r="GE25" s="61">
        <v>1</v>
      </c>
      <c r="GF25" s="62">
        <v>18</v>
      </c>
      <c r="GG25" s="63">
        <v>20</v>
      </c>
      <c r="GH25" s="60">
        <v>119</v>
      </c>
      <c r="GI25" s="61">
        <v>242</v>
      </c>
      <c r="GJ25" s="62">
        <v>361</v>
      </c>
      <c r="GK25" s="231"/>
      <c r="GL25" s="61">
        <v>323</v>
      </c>
      <c r="GM25" s="61">
        <v>306</v>
      </c>
      <c r="GN25" s="61">
        <v>205</v>
      </c>
      <c r="GO25" s="61">
        <v>205</v>
      </c>
      <c r="GP25" s="61">
        <v>105</v>
      </c>
      <c r="GQ25" s="62">
        <v>1144</v>
      </c>
      <c r="GR25" s="63">
        <v>1505</v>
      </c>
      <c r="GS25" s="113">
        <v>197</v>
      </c>
      <c r="GT25" s="72">
        <v>321</v>
      </c>
      <c r="GU25" s="73">
        <v>518</v>
      </c>
      <c r="GV25" s="228"/>
      <c r="GW25" s="72">
        <v>501</v>
      </c>
      <c r="GX25" s="72">
        <v>454</v>
      </c>
      <c r="GY25" s="72">
        <v>292</v>
      </c>
      <c r="GZ25" s="72">
        <v>279</v>
      </c>
      <c r="HA25" s="72">
        <v>153</v>
      </c>
      <c r="HB25" s="74">
        <v>1679</v>
      </c>
      <c r="HC25" s="75">
        <v>2197</v>
      </c>
      <c r="HD25" s="60">
        <v>10</v>
      </c>
      <c r="HE25" s="61">
        <v>12</v>
      </c>
      <c r="HF25" s="62">
        <v>22</v>
      </c>
      <c r="HG25" s="231"/>
      <c r="HH25" s="61">
        <v>8</v>
      </c>
      <c r="HI25" s="61">
        <v>10</v>
      </c>
      <c r="HJ25" s="61">
        <v>6</v>
      </c>
      <c r="HK25" s="61">
        <v>3</v>
      </c>
      <c r="HL25" s="61">
        <v>5</v>
      </c>
      <c r="HM25" s="62">
        <v>32</v>
      </c>
      <c r="HN25" s="63">
        <v>54</v>
      </c>
      <c r="HO25" s="60">
        <v>12</v>
      </c>
      <c r="HP25" s="61">
        <v>14</v>
      </c>
      <c r="HQ25" s="62">
        <v>26</v>
      </c>
      <c r="HR25" s="231"/>
      <c r="HS25" s="61">
        <v>24</v>
      </c>
      <c r="HT25" s="61">
        <v>26</v>
      </c>
      <c r="HU25" s="61">
        <v>10</v>
      </c>
      <c r="HV25" s="61">
        <v>11</v>
      </c>
      <c r="HW25" s="61">
        <v>16</v>
      </c>
      <c r="HX25" s="62">
        <v>87</v>
      </c>
      <c r="HY25" s="63">
        <v>113</v>
      </c>
      <c r="HZ25" s="60">
        <v>33</v>
      </c>
      <c r="IA25" s="61">
        <v>50</v>
      </c>
      <c r="IB25" s="62">
        <v>83</v>
      </c>
      <c r="IC25" s="231"/>
      <c r="ID25" s="61">
        <v>69</v>
      </c>
      <c r="IE25" s="61">
        <v>57</v>
      </c>
      <c r="IF25" s="61">
        <v>37</v>
      </c>
      <c r="IG25" s="61">
        <v>30</v>
      </c>
      <c r="IH25" s="61">
        <v>22</v>
      </c>
      <c r="II25" s="62">
        <v>215</v>
      </c>
      <c r="IJ25" s="63">
        <v>298</v>
      </c>
      <c r="IK25" s="60">
        <v>52</v>
      </c>
      <c r="IL25" s="61">
        <v>107</v>
      </c>
      <c r="IM25" s="62">
        <v>159</v>
      </c>
      <c r="IN25" s="231"/>
      <c r="IO25" s="61">
        <v>110</v>
      </c>
      <c r="IP25" s="61">
        <v>97</v>
      </c>
      <c r="IQ25" s="61">
        <v>64</v>
      </c>
      <c r="IR25" s="61">
        <v>55</v>
      </c>
      <c r="IS25" s="61">
        <v>27</v>
      </c>
      <c r="IT25" s="62">
        <v>353</v>
      </c>
      <c r="IU25" s="63">
        <v>512</v>
      </c>
      <c r="IV25" s="60">
        <v>59</v>
      </c>
      <c r="IW25" s="61">
        <v>88</v>
      </c>
      <c r="IX25" s="62">
        <v>147</v>
      </c>
      <c r="IY25" s="231"/>
      <c r="IZ25" s="61">
        <v>156</v>
      </c>
      <c r="JA25" s="61">
        <v>135</v>
      </c>
      <c r="JB25" s="61">
        <v>68</v>
      </c>
      <c r="JC25" s="61">
        <v>68</v>
      </c>
      <c r="JD25" s="61">
        <v>39</v>
      </c>
      <c r="JE25" s="62">
        <v>466</v>
      </c>
      <c r="JF25" s="63">
        <v>613</v>
      </c>
      <c r="JG25" s="60">
        <v>31</v>
      </c>
      <c r="JH25" s="61">
        <v>50</v>
      </c>
      <c r="JI25" s="62">
        <v>81</v>
      </c>
      <c r="JJ25" s="231"/>
      <c r="JK25" s="61">
        <v>134</v>
      </c>
      <c r="JL25" s="61">
        <v>129</v>
      </c>
      <c r="JM25" s="61">
        <v>107</v>
      </c>
      <c r="JN25" s="61">
        <v>112</v>
      </c>
      <c r="JO25" s="61">
        <v>44</v>
      </c>
      <c r="JP25" s="62">
        <v>526</v>
      </c>
      <c r="JQ25" s="63">
        <v>607</v>
      </c>
      <c r="JR25" s="60">
        <v>2</v>
      </c>
      <c r="JS25" s="61">
        <v>4</v>
      </c>
      <c r="JT25" s="62">
        <v>6</v>
      </c>
      <c r="JU25" s="231"/>
      <c r="JV25" s="61">
        <v>10</v>
      </c>
      <c r="JW25" s="61">
        <v>11</v>
      </c>
      <c r="JX25" s="61">
        <v>5</v>
      </c>
      <c r="JY25" s="61">
        <v>3</v>
      </c>
      <c r="JZ25" s="61">
        <v>7</v>
      </c>
      <c r="KA25" s="62">
        <v>36</v>
      </c>
      <c r="KB25" s="63">
        <v>42</v>
      </c>
      <c r="KC25" s="60">
        <v>199</v>
      </c>
      <c r="KD25" s="61">
        <v>325</v>
      </c>
      <c r="KE25" s="62">
        <v>524</v>
      </c>
      <c r="KF25" s="231"/>
      <c r="KG25" s="61">
        <v>511</v>
      </c>
      <c r="KH25" s="61">
        <v>465</v>
      </c>
      <c r="KI25" s="61">
        <v>297</v>
      </c>
      <c r="KJ25" s="61">
        <v>282</v>
      </c>
      <c r="KK25" s="61">
        <v>160</v>
      </c>
      <c r="KL25" s="62">
        <v>1715</v>
      </c>
      <c r="KM25" s="63">
        <v>2239</v>
      </c>
    </row>
    <row r="26" spans="2:299" ht="21" customHeight="1" x14ac:dyDescent="0.2">
      <c r="B26" s="472" t="s">
        <v>23</v>
      </c>
      <c r="C26" s="293">
        <v>211</v>
      </c>
      <c r="D26" s="72">
        <v>204</v>
      </c>
      <c r="E26" s="73">
        <v>415</v>
      </c>
      <c r="F26" s="228"/>
      <c r="G26" s="72">
        <v>302</v>
      </c>
      <c r="H26" s="72">
        <v>265</v>
      </c>
      <c r="I26" s="72">
        <v>177</v>
      </c>
      <c r="J26" s="72">
        <v>164</v>
      </c>
      <c r="K26" s="72">
        <v>85</v>
      </c>
      <c r="L26" s="74">
        <v>993</v>
      </c>
      <c r="M26" s="75">
        <v>1408</v>
      </c>
      <c r="N26" s="60">
        <v>5</v>
      </c>
      <c r="O26" s="61">
        <v>9</v>
      </c>
      <c r="P26" s="62">
        <v>14</v>
      </c>
      <c r="Q26" s="231"/>
      <c r="R26" s="61">
        <v>8</v>
      </c>
      <c r="S26" s="61">
        <v>15</v>
      </c>
      <c r="T26" s="61">
        <v>3</v>
      </c>
      <c r="U26" s="61">
        <v>8</v>
      </c>
      <c r="V26" s="61">
        <v>2</v>
      </c>
      <c r="W26" s="62">
        <v>36</v>
      </c>
      <c r="X26" s="63">
        <v>50</v>
      </c>
      <c r="Y26" s="60">
        <v>23</v>
      </c>
      <c r="Z26" s="61">
        <v>22</v>
      </c>
      <c r="AA26" s="62">
        <v>45</v>
      </c>
      <c r="AB26" s="231"/>
      <c r="AC26" s="61">
        <v>26</v>
      </c>
      <c r="AD26" s="61">
        <v>31</v>
      </c>
      <c r="AE26" s="61">
        <v>19</v>
      </c>
      <c r="AF26" s="61">
        <v>16</v>
      </c>
      <c r="AG26" s="61">
        <v>9</v>
      </c>
      <c r="AH26" s="62">
        <v>101</v>
      </c>
      <c r="AI26" s="63">
        <v>146</v>
      </c>
      <c r="AJ26" s="60">
        <v>49</v>
      </c>
      <c r="AK26" s="61">
        <v>32</v>
      </c>
      <c r="AL26" s="62">
        <v>81</v>
      </c>
      <c r="AM26" s="231"/>
      <c r="AN26" s="61">
        <v>55</v>
      </c>
      <c r="AO26" s="61">
        <v>35</v>
      </c>
      <c r="AP26" s="61">
        <v>24</v>
      </c>
      <c r="AQ26" s="61">
        <v>25</v>
      </c>
      <c r="AR26" s="61">
        <v>21</v>
      </c>
      <c r="AS26" s="62">
        <v>160</v>
      </c>
      <c r="AT26" s="63">
        <v>241</v>
      </c>
      <c r="AU26" s="60">
        <v>51</v>
      </c>
      <c r="AV26" s="61">
        <v>69</v>
      </c>
      <c r="AW26" s="62">
        <v>120</v>
      </c>
      <c r="AX26" s="231"/>
      <c r="AY26" s="61">
        <v>98</v>
      </c>
      <c r="AZ26" s="61">
        <v>71</v>
      </c>
      <c r="BA26" s="61">
        <v>47</v>
      </c>
      <c r="BB26" s="61">
        <v>51</v>
      </c>
      <c r="BC26" s="61">
        <v>20</v>
      </c>
      <c r="BD26" s="62">
        <v>287</v>
      </c>
      <c r="BE26" s="63">
        <v>407</v>
      </c>
      <c r="BF26" s="60">
        <v>63</v>
      </c>
      <c r="BG26" s="61">
        <v>54</v>
      </c>
      <c r="BH26" s="62">
        <v>117</v>
      </c>
      <c r="BI26" s="231"/>
      <c r="BJ26" s="61">
        <v>89</v>
      </c>
      <c r="BK26" s="61">
        <v>66</v>
      </c>
      <c r="BL26" s="61">
        <v>55</v>
      </c>
      <c r="BM26" s="61">
        <v>37</v>
      </c>
      <c r="BN26" s="61">
        <v>23</v>
      </c>
      <c r="BO26" s="62">
        <v>270</v>
      </c>
      <c r="BP26" s="63">
        <v>387</v>
      </c>
      <c r="BQ26" s="60">
        <v>20</v>
      </c>
      <c r="BR26" s="61">
        <v>18</v>
      </c>
      <c r="BS26" s="62">
        <v>38</v>
      </c>
      <c r="BT26" s="231"/>
      <c r="BU26" s="61">
        <v>26</v>
      </c>
      <c r="BV26" s="61">
        <v>47</v>
      </c>
      <c r="BW26" s="61">
        <v>29</v>
      </c>
      <c r="BX26" s="61">
        <v>27</v>
      </c>
      <c r="BY26" s="61">
        <v>10</v>
      </c>
      <c r="BZ26" s="62">
        <v>139</v>
      </c>
      <c r="CA26" s="63">
        <v>177</v>
      </c>
      <c r="CB26" s="60">
        <v>6</v>
      </c>
      <c r="CC26" s="61">
        <v>11</v>
      </c>
      <c r="CD26" s="62">
        <v>17</v>
      </c>
      <c r="CE26" s="231"/>
      <c r="CF26" s="61">
        <v>4</v>
      </c>
      <c r="CG26" s="61">
        <v>16</v>
      </c>
      <c r="CH26" s="61">
        <v>8</v>
      </c>
      <c r="CI26" s="61">
        <v>9</v>
      </c>
      <c r="CJ26" s="61">
        <v>4</v>
      </c>
      <c r="CK26" s="62">
        <v>41</v>
      </c>
      <c r="CL26" s="63">
        <v>58</v>
      </c>
      <c r="CM26" s="60">
        <v>217</v>
      </c>
      <c r="CN26" s="61">
        <v>215</v>
      </c>
      <c r="CO26" s="62">
        <v>432</v>
      </c>
      <c r="CP26" s="231"/>
      <c r="CQ26" s="61">
        <v>306</v>
      </c>
      <c r="CR26" s="61">
        <v>281</v>
      </c>
      <c r="CS26" s="61">
        <v>185</v>
      </c>
      <c r="CT26" s="61">
        <v>173</v>
      </c>
      <c r="CU26" s="61">
        <v>89</v>
      </c>
      <c r="CV26" s="62">
        <v>1034</v>
      </c>
      <c r="CW26" s="63">
        <v>1466</v>
      </c>
      <c r="CX26" s="113">
        <v>337</v>
      </c>
      <c r="CY26" s="72">
        <v>433</v>
      </c>
      <c r="CZ26" s="73">
        <v>770</v>
      </c>
      <c r="DA26" s="228"/>
      <c r="DB26" s="72">
        <v>534</v>
      </c>
      <c r="DC26" s="72">
        <v>444</v>
      </c>
      <c r="DD26" s="72">
        <v>311</v>
      </c>
      <c r="DE26" s="72">
        <v>358</v>
      </c>
      <c r="DF26" s="72">
        <v>219</v>
      </c>
      <c r="DG26" s="74">
        <v>1866</v>
      </c>
      <c r="DH26" s="75">
        <v>2636</v>
      </c>
      <c r="DI26" s="60">
        <v>8</v>
      </c>
      <c r="DJ26" s="61">
        <v>14</v>
      </c>
      <c r="DK26" s="62">
        <v>22</v>
      </c>
      <c r="DL26" s="231"/>
      <c r="DM26" s="61">
        <v>13</v>
      </c>
      <c r="DN26" s="61">
        <v>9</v>
      </c>
      <c r="DO26" s="61">
        <v>6</v>
      </c>
      <c r="DP26" s="61">
        <v>8</v>
      </c>
      <c r="DQ26" s="61">
        <v>6</v>
      </c>
      <c r="DR26" s="62">
        <v>42</v>
      </c>
      <c r="DS26" s="63">
        <v>64</v>
      </c>
      <c r="DT26" s="60">
        <v>25</v>
      </c>
      <c r="DU26" s="61">
        <v>39</v>
      </c>
      <c r="DV26" s="62">
        <v>64</v>
      </c>
      <c r="DW26" s="231"/>
      <c r="DX26" s="61">
        <v>28</v>
      </c>
      <c r="DY26" s="61">
        <v>23</v>
      </c>
      <c r="DZ26" s="61">
        <v>16</v>
      </c>
      <c r="EA26" s="61">
        <v>20</v>
      </c>
      <c r="EB26" s="61">
        <v>10</v>
      </c>
      <c r="EC26" s="62">
        <v>97</v>
      </c>
      <c r="ED26" s="63">
        <v>161</v>
      </c>
      <c r="EE26" s="60">
        <v>65</v>
      </c>
      <c r="EF26" s="61">
        <v>76</v>
      </c>
      <c r="EG26" s="62">
        <v>141</v>
      </c>
      <c r="EH26" s="231"/>
      <c r="EI26" s="61">
        <v>71</v>
      </c>
      <c r="EJ26" s="61">
        <v>56</v>
      </c>
      <c r="EK26" s="61">
        <v>41</v>
      </c>
      <c r="EL26" s="61">
        <v>50</v>
      </c>
      <c r="EM26" s="61">
        <v>27</v>
      </c>
      <c r="EN26" s="62">
        <v>245</v>
      </c>
      <c r="EO26" s="63">
        <v>386</v>
      </c>
      <c r="EP26" s="60">
        <v>136</v>
      </c>
      <c r="EQ26" s="61">
        <v>128</v>
      </c>
      <c r="ER26" s="62">
        <v>264</v>
      </c>
      <c r="ES26" s="231"/>
      <c r="ET26" s="61">
        <v>146</v>
      </c>
      <c r="EU26" s="61">
        <v>121</v>
      </c>
      <c r="EV26" s="61">
        <v>68</v>
      </c>
      <c r="EW26" s="61">
        <v>67</v>
      </c>
      <c r="EX26" s="61">
        <v>50</v>
      </c>
      <c r="EY26" s="62">
        <v>452</v>
      </c>
      <c r="EZ26" s="63">
        <v>716</v>
      </c>
      <c r="FA26" s="60">
        <v>72</v>
      </c>
      <c r="FB26" s="61">
        <v>117</v>
      </c>
      <c r="FC26" s="62">
        <v>189</v>
      </c>
      <c r="FD26" s="231"/>
      <c r="FE26" s="61">
        <v>176</v>
      </c>
      <c r="FF26" s="61">
        <v>121</v>
      </c>
      <c r="FG26" s="61">
        <v>95</v>
      </c>
      <c r="FH26" s="61">
        <v>99</v>
      </c>
      <c r="FI26" s="61">
        <v>58</v>
      </c>
      <c r="FJ26" s="62">
        <v>549</v>
      </c>
      <c r="FK26" s="63">
        <v>738</v>
      </c>
      <c r="FL26" s="60">
        <v>31</v>
      </c>
      <c r="FM26" s="61">
        <v>59</v>
      </c>
      <c r="FN26" s="62">
        <v>90</v>
      </c>
      <c r="FO26" s="231"/>
      <c r="FP26" s="61">
        <v>100</v>
      </c>
      <c r="FQ26" s="61">
        <v>114</v>
      </c>
      <c r="FR26" s="61">
        <v>85</v>
      </c>
      <c r="FS26" s="61">
        <v>114</v>
      </c>
      <c r="FT26" s="61">
        <v>68</v>
      </c>
      <c r="FU26" s="62">
        <v>481</v>
      </c>
      <c r="FV26" s="63">
        <v>571</v>
      </c>
      <c r="FW26" s="60">
        <v>5</v>
      </c>
      <c r="FX26" s="61">
        <v>7</v>
      </c>
      <c r="FY26" s="62">
        <v>12</v>
      </c>
      <c r="FZ26" s="231"/>
      <c r="GA26" s="61">
        <v>6</v>
      </c>
      <c r="GB26" s="61">
        <v>9</v>
      </c>
      <c r="GC26" s="61">
        <v>6</v>
      </c>
      <c r="GD26" s="61">
        <v>2</v>
      </c>
      <c r="GE26" s="61">
        <v>4</v>
      </c>
      <c r="GF26" s="62">
        <v>27</v>
      </c>
      <c r="GG26" s="63">
        <v>39</v>
      </c>
      <c r="GH26" s="60">
        <v>342</v>
      </c>
      <c r="GI26" s="61">
        <v>440</v>
      </c>
      <c r="GJ26" s="62">
        <v>782</v>
      </c>
      <c r="GK26" s="231"/>
      <c r="GL26" s="61">
        <v>540</v>
      </c>
      <c r="GM26" s="61">
        <v>453</v>
      </c>
      <c r="GN26" s="61">
        <v>317</v>
      </c>
      <c r="GO26" s="61">
        <v>360</v>
      </c>
      <c r="GP26" s="61">
        <v>223</v>
      </c>
      <c r="GQ26" s="62">
        <v>1893</v>
      </c>
      <c r="GR26" s="63">
        <v>2675</v>
      </c>
      <c r="GS26" s="113">
        <v>548</v>
      </c>
      <c r="GT26" s="72">
        <v>637</v>
      </c>
      <c r="GU26" s="73">
        <v>1185</v>
      </c>
      <c r="GV26" s="228"/>
      <c r="GW26" s="72">
        <v>836</v>
      </c>
      <c r="GX26" s="72">
        <v>709</v>
      </c>
      <c r="GY26" s="72">
        <v>488</v>
      </c>
      <c r="GZ26" s="72">
        <v>522</v>
      </c>
      <c r="HA26" s="72">
        <v>304</v>
      </c>
      <c r="HB26" s="74">
        <v>2859</v>
      </c>
      <c r="HC26" s="75">
        <v>4044</v>
      </c>
      <c r="HD26" s="60">
        <v>13</v>
      </c>
      <c r="HE26" s="61">
        <v>23</v>
      </c>
      <c r="HF26" s="62">
        <v>36</v>
      </c>
      <c r="HG26" s="231"/>
      <c r="HH26" s="61">
        <v>21</v>
      </c>
      <c r="HI26" s="61">
        <v>24</v>
      </c>
      <c r="HJ26" s="61">
        <v>9</v>
      </c>
      <c r="HK26" s="61">
        <v>16</v>
      </c>
      <c r="HL26" s="61">
        <v>8</v>
      </c>
      <c r="HM26" s="62">
        <v>78</v>
      </c>
      <c r="HN26" s="63">
        <v>114</v>
      </c>
      <c r="HO26" s="60">
        <v>48</v>
      </c>
      <c r="HP26" s="61">
        <v>61</v>
      </c>
      <c r="HQ26" s="62">
        <v>109</v>
      </c>
      <c r="HR26" s="231"/>
      <c r="HS26" s="61">
        <v>54</v>
      </c>
      <c r="HT26" s="61">
        <v>54</v>
      </c>
      <c r="HU26" s="61">
        <v>35</v>
      </c>
      <c r="HV26" s="61">
        <v>36</v>
      </c>
      <c r="HW26" s="61">
        <v>19</v>
      </c>
      <c r="HX26" s="62">
        <v>198</v>
      </c>
      <c r="HY26" s="63">
        <v>307</v>
      </c>
      <c r="HZ26" s="60">
        <v>114</v>
      </c>
      <c r="IA26" s="61">
        <v>108</v>
      </c>
      <c r="IB26" s="62">
        <v>222</v>
      </c>
      <c r="IC26" s="231"/>
      <c r="ID26" s="61">
        <v>126</v>
      </c>
      <c r="IE26" s="61">
        <v>91</v>
      </c>
      <c r="IF26" s="61">
        <v>65</v>
      </c>
      <c r="IG26" s="61">
        <v>75</v>
      </c>
      <c r="IH26" s="61">
        <v>48</v>
      </c>
      <c r="II26" s="62">
        <v>405</v>
      </c>
      <c r="IJ26" s="63">
        <v>627</v>
      </c>
      <c r="IK26" s="60">
        <v>187</v>
      </c>
      <c r="IL26" s="61">
        <v>197</v>
      </c>
      <c r="IM26" s="62">
        <v>384</v>
      </c>
      <c r="IN26" s="231"/>
      <c r="IO26" s="61">
        <v>244</v>
      </c>
      <c r="IP26" s="61">
        <v>192</v>
      </c>
      <c r="IQ26" s="61">
        <v>115</v>
      </c>
      <c r="IR26" s="61">
        <v>118</v>
      </c>
      <c r="IS26" s="61">
        <v>70</v>
      </c>
      <c r="IT26" s="62">
        <v>739</v>
      </c>
      <c r="IU26" s="63">
        <v>1123</v>
      </c>
      <c r="IV26" s="60">
        <v>135</v>
      </c>
      <c r="IW26" s="61">
        <v>171</v>
      </c>
      <c r="IX26" s="62">
        <v>306</v>
      </c>
      <c r="IY26" s="231"/>
      <c r="IZ26" s="61">
        <v>265</v>
      </c>
      <c r="JA26" s="61">
        <v>187</v>
      </c>
      <c r="JB26" s="61">
        <v>150</v>
      </c>
      <c r="JC26" s="61">
        <v>136</v>
      </c>
      <c r="JD26" s="61">
        <v>81</v>
      </c>
      <c r="JE26" s="62">
        <v>819</v>
      </c>
      <c r="JF26" s="63">
        <v>1125</v>
      </c>
      <c r="JG26" s="60">
        <v>51</v>
      </c>
      <c r="JH26" s="61">
        <v>77</v>
      </c>
      <c r="JI26" s="62">
        <v>128</v>
      </c>
      <c r="JJ26" s="231"/>
      <c r="JK26" s="61">
        <v>126</v>
      </c>
      <c r="JL26" s="61">
        <v>161</v>
      </c>
      <c r="JM26" s="61">
        <v>114</v>
      </c>
      <c r="JN26" s="61">
        <v>141</v>
      </c>
      <c r="JO26" s="61">
        <v>78</v>
      </c>
      <c r="JP26" s="62">
        <v>620</v>
      </c>
      <c r="JQ26" s="63">
        <v>748</v>
      </c>
      <c r="JR26" s="60">
        <v>11</v>
      </c>
      <c r="JS26" s="61">
        <v>18</v>
      </c>
      <c r="JT26" s="62">
        <v>29</v>
      </c>
      <c r="JU26" s="231"/>
      <c r="JV26" s="61">
        <v>10</v>
      </c>
      <c r="JW26" s="61">
        <v>25</v>
      </c>
      <c r="JX26" s="61">
        <v>14</v>
      </c>
      <c r="JY26" s="61">
        <v>11</v>
      </c>
      <c r="JZ26" s="61">
        <v>8</v>
      </c>
      <c r="KA26" s="62">
        <v>68</v>
      </c>
      <c r="KB26" s="63">
        <v>97</v>
      </c>
      <c r="KC26" s="60">
        <v>559</v>
      </c>
      <c r="KD26" s="61">
        <v>655</v>
      </c>
      <c r="KE26" s="62">
        <v>1214</v>
      </c>
      <c r="KF26" s="231"/>
      <c r="KG26" s="61">
        <v>846</v>
      </c>
      <c r="KH26" s="61">
        <v>734</v>
      </c>
      <c r="KI26" s="61">
        <v>502</v>
      </c>
      <c r="KJ26" s="61">
        <v>533</v>
      </c>
      <c r="KK26" s="61">
        <v>312</v>
      </c>
      <c r="KL26" s="62">
        <v>2927</v>
      </c>
      <c r="KM26" s="63">
        <v>4141</v>
      </c>
    </row>
    <row r="27" spans="2:299" ht="21" customHeight="1" x14ac:dyDescent="0.2">
      <c r="B27" s="472" t="s">
        <v>24</v>
      </c>
      <c r="C27" s="293">
        <v>116</v>
      </c>
      <c r="D27" s="72">
        <v>88</v>
      </c>
      <c r="E27" s="73">
        <v>204</v>
      </c>
      <c r="F27" s="228"/>
      <c r="G27" s="72">
        <v>162</v>
      </c>
      <c r="H27" s="72">
        <v>107</v>
      </c>
      <c r="I27" s="72">
        <v>68</v>
      </c>
      <c r="J27" s="72">
        <v>63</v>
      </c>
      <c r="K27" s="72">
        <v>47</v>
      </c>
      <c r="L27" s="74">
        <v>447</v>
      </c>
      <c r="M27" s="75">
        <v>651</v>
      </c>
      <c r="N27" s="60">
        <v>2</v>
      </c>
      <c r="O27" s="61">
        <v>2</v>
      </c>
      <c r="P27" s="62">
        <v>4</v>
      </c>
      <c r="Q27" s="231"/>
      <c r="R27" s="61">
        <v>5</v>
      </c>
      <c r="S27" s="61">
        <v>3</v>
      </c>
      <c r="T27" s="61">
        <v>2</v>
      </c>
      <c r="U27" s="61">
        <v>0</v>
      </c>
      <c r="V27" s="61">
        <v>6</v>
      </c>
      <c r="W27" s="62">
        <v>16</v>
      </c>
      <c r="X27" s="63">
        <v>20</v>
      </c>
      <c r="Y27" s="60">
        <v>8</v>
      </c>
      <c r="Z27" s="61">
        <v>7</v>
      </c>
      <c r="AA27" s="62">
        <v>15</v>
      </c>
      <c r="AB27" s="231"/>
      <c r="AC27" s="61">
        <v>13</v>
      </c>
      <c r="AD27" s="61">
        <v>7</v>
      </c>
      <c r="AE27" s="61">
        <v>3</v>
      </c>
      <c r="AF27" s="61">
        <v>4</v>
      </c>
      <c r="AG27" s="61">
        <v>8</v>
      </c>
      <c r="AH27" s="62">
        <v>35</v>
      </c>
      <c r="AI27" s="63">
        <v>50</v>
      </c>
      <c r="AJ27" s="60">
        <v>16</v>
      </c>
      <c r="AK27" s="61">
        <v>13</v>
      </c>
      <c r="AL27" s="62">
        <v>29</v>
      </c>
      <c r="AM27" s="231"/>
      <c r="AN27" s="61">
        <v>23</v>
      </c>
      <c r="AO27" s="61">
        <v>20</v>
      </c>
      <c r="AP27" s="61">
        <v>13</v>
      </c>
      <c r="AQ27" s="61">
        <v>11</v>
      </c>
      <c r="AR27" s="61">
        <v>3</v>
      </c>
      <c r="AS27" s="62">
        <v>70</v>
      </c>
      <c r="AT27" s="63">
        <v>99</v>
      </c>
      <c r="AU27" s="60">
        <v>23</v>
      </c>
      <c r="AV27" s="61">
        <v>17</v>
      </c>
      <c r="AW27" s="62">
        <v>40</v>
      </c>
      <c r="AX27" s="231"/>
      <c r="AY27" s="61">
        <v>47</v>
      </c>
      <c r="AZ27" s="61">
        <v>21</v>
      </c>
      <c r="BA27" s="61">
        <v>15</v>
      </c>
      <c r="BB27" s="61">
        <v>17</v>
      </c>
      <c r="BC27" s="61">
        <v>13</v>
      </c>
      <c r="BD27" s="62">
        <v>113</v>
      </c>
      <c r="BE27" s="63">
        <v>153</v>
      </c>
      <c r="BF27" s="60">
        <v>34</v>
      </c>
      <c r="BG27" s="61">
        <v>28</v>
      </c>
      <c r="BH27" s="62">
        <v>62</v>
      </c>
      <c r="BI27" s="231"/>
      <c r="BJ27" s="61">
        <v>40</v>
      </c>
      <c r="BK27" s="61">
        <v>31</v>
      </c>
      <c r="BL27" s="61">
        <v>18</v>
      </c>
      <c r="BM27" s="61">
        <v>15</v>
      </c>
      <c r="BN27" s="61">
        <v>9</v>
      </c>
      <c r="BO27" s="62">
        <v>113</v>
      </c>
      <c r="BP27" s="63">
        <v>175</v>
      </c>
      <c r="BQ27" s="60">
        <v>33</v>
      </c>
      <c r="BR27" s="61">
        <v>21</v>
      </c>
      <c r="BS27" s="62">
        <v>54</v>
      </c>
      <c r="BT27" s="231"/>
      <c r="BU27" s="61">
        <v>34</v>
      </c>
      <c r="BV27" s="61">
        <v>25</v>
      </c>
      <c r="BW27" s="61">
        <v>17</v>
      </c>
      <c r="BX27" s="61">
        <v>16</v>
      </c>
      <c r="BY27" s="61">
        <v>8</v>
      </c>
      <c r="BZ27" s="62">
        <v>100</v>
      </c>
      <c r="CA27" s="63">
        <v>154</v>
      </c>
      <c r="CB27" s="60">
        <v>3</v>
      </c>
      <c r="CC27" s="61">
        <v>2</v>
      </c>
      <c r="CD27" s="62">
        <v>5</v>
      </c>
      <c r="CE27" s="231"/>
      <c r="CF27" s="61">
        <v>5</v>
      </c>
      <c r="CG27" s="61">
        <v>4</v>
      </c>
      <c r="CH27" s="61">
        <v>3</v>
      </c>
      <c r="CI27" s="61">
        <v>3</v>
      </c>
      <c r="CJ27" s="61">
        <v>1</v>
      </c>
      <c r="CK27" s="62">
        <v>16</v>
      </c>
      <c r="CL27" s="63">
        <v>21</v>
      </c>
      <c r="CM27" s="60">
        <v>119</v>
      </c>
      <c r="CN27" s="61">
        <v>90</v>
      </c>
      <c r="CO27" s="62">
        <v>209</v>
      </c>
      <c r="CP27" s="231"/>
      <c r="CQ27" s="61">
        <v>167</v>
      </c>
      <c r="CR27" s="61">
        <v>111</v>
      </c>
      <c r="CS27" s="61">
        <v>71</v>
      </c>
      <c r="CT27" s="61">
        <v>66</v>
      </c>
      <c r="CU27" s="61">
        <v>48</v>
      </c>
      <c r="CV27" s="62">
        <v>463</v>
      </c>
      <c r="CW27" s="63">
        <v>672</v>
      </c>
      <c r="CX27" s="113">
        <v>229</v>
      </c>
      <c r="CY27" s="72">
        <v>174</v>
      </c>
      <c r="CZ27" s="73">
        <v>403</v>
      </c>
      <c r="DA27" s="228"/>
      <c r="DB27" s="72">
        <v>268</v>
      </c>
      <c r="DC27" s="72">
        <v>182</v>
      </c>
      <c r="DD27" s="72">
        <v>149</v>
      </c>
      <c r="DE27" s="72">
        <v>190</v>
      </c>
      <c r="DF27" s="72">
        <v>116</v>
      </c>
      <c r="DG27" s="74">
        <v>905</v>
      </c>
      <c r="DH27" s="75">
        <v>1308</v>
      </c>
      <c r="DI27" s="60">
        <v>4</v>
      </c>
      <c r="DJ27" s="61">
        <v>4</v>
      </c>
      <c r="DK27" s="62">
        <v>8</v>
      </c>
      <c r="DL27" s="231"/>
      <c r="DM27" s="61">
        <v>3</v>
      </c>
      <c r="DN27" s="61">
        <v>0</v>
      </c>
      <c r="DO27" s="61">
        <v>2</v>
      </c>
      <c r="DP27" s="61">
        <v>4</v>
      </c>
      <c r="DQ27" s="61">
        <v>2</v>
      </c>
      <c r="DR27" s="62">
        <v>11</v>
      </c>
      <c r="DS27" s="63">
        <v>19</v>
      </c>
      <c r="DT27" s="60">
        <v>11</v>
      </c>
      <c r="DU27" s="61">
        <v>7</v>
      </c>
      <c r="DV27" s="62">
        <v>18</v>
      </c>
      <c r="DW27" s="231"/>
      <c r="DX27" s="61">
        <v>6</v>
      </c>
      <c r="DY27" s="61">
        <v>7</v>
      </c>
      <c r="DZ27" s="61">
        <v>3</v>
      </c>
      <c r="EA27" s="61">
        <v>7</v>
      </c>
      <c r="EB27" s="61">
        <v>2</v>
      </c>
      <c r="EC27" s="62">
        <v>25</v>
      </c>
      <c r="ED27" s="63">
        <v>43</v>
      </c>
      <c r="EE27" s="60">
        <v>33</v>
      </c>
      <c r="EF27" s="61">
        <v>16</v>
      </c>
      <c r="EG27" s="62">
        <v>49</v>
      </c>
      <c r="EH27" s="231"/>
      <c r="EI27" s="61">
        <v>23</v>
      </c>
      <c r="EJ27" s="61">
        <v>15</v>
      </c>
      <c r="EK27" s="61">
        <v>10</v>
      </c>
      <c r="EL27" s="61">
        <v>14</v>
      </c>
      <c r="EM27" s="61">
        <v>10</v>
      </c>
      <c r="EN27" s="62">
        <v>72</v>
      </c>
      <c r="EO27" s="63">
        <v>121</v>
      </c>
      <c r="EP27" s="60">
        <v>55</v>
      </c>
      <c r="EQ27" s="61">
        <v>42</v>
      </c>
      <c r="ER27" s="62">
        <v>97</v>
      </c>
      <c r="ES27" s="231"/>
      <c r="ET27" s="61">
        <v>65</v>
      </c>
      <c r="EU27" s="61">
        <v>32</v>
      </c>
      <c r="EV27" s="61">
        <v>21</v>
      </c>
      <c r="EW27" s="61">
        <v>30</v>
      </c>
      <c r="EX27" s="61">
        <v>20</v>
      </c>
      <c r="EY27" s="62">
        <v>168</v>
      </c>
      <c r="EZ27" s="63">
        <v>265</v>
      </c>
      <c r="FA27" s="60">
        <v>84</v>
      </c>
      <c r="FB27" s="61">
        <v>61</v>
      </c>
      <c r="FC27" s="62">
        <v>145</v>
      </c>
      <c r="FD27" s="231"/>
      <c r="FE27" s="61">
        <v>97</v>
      </c>
      <c r="FF27" s="61">
        <v>50</v>
      </c>
      <c r="FG27" s="61">
        <v>38</v>
      </c>
      <c r="FH27" s="61">
        <v>46</v>
      </c>
      <c r="FI27" s="61">
        <v>23</v>
      </c>
      <c r="FJ27" s="62">
        <v>254</v>
      </c>
      <c r="FK27" s="63">
        <v>399</v>
      </c>
      <c r="FL27" s="60">
        <v>42</v>
      </c>
      <c r="FM27" s="61">
        <v>44</v>
      </c>
      <c r="FN27" s="62">
        <v>86</v>
      </c>
      <c r="FO27" s="231"/>
      <c r="FP27" s="61">
        <v>74</v>
      </c>
      <c r="FQ27" s="61">
        <v>78</v>
      </c>
      <c r="FR27" s="61">
        <v>75</v>
      </c>
      <c r="FS27" s="61">
        <v>89</v>
      </c>
      <c r="FT27" s="61">
        <v>59</v>
      </c>
      <c r="FU27" s="62">
        <v>375</v>
      </c>
      <c r="FV27" s="63">
        <v>461</v>
      </c>
      <c r="FW27" s="60">
        <v>3</v>
      </c>
      <c r="FX27" s="61">
        <v>2</v>
      </c>
      <c r="FY27" s="62">
        <v>5</v>
      </c>
      <c r="FZ27" s="231"/>
      <c r="GA27" s="61">
        <v>1</v>
      </c>
      <c r="GB27" s="61">
        <v>2</v>
      </c>
      <c r="GC27" s="61">
        <v>2</v>
      </c>
      <c r="GD27" s="61">
        <v>2</v>
      </c>
      <c r="GE27" s="61">
        <v>4</v>
      </c>
      <c r="GF27" s="62">
        <v>11</v>
      </c>
      <c r="GG27" s="63">
        <v>16</v>
      </c>
      <c r="GH27" s="60">
        <v>232</v>
      </c>
      <c r="GI27" s="61">
        <v>176</v>
      </c>
      <c r="GJ27" s="62">
        <v>408</v>
      </c>
      <c r="GK27" s="231"/>
      <c r="GL27" s="61">
        <v>269</v>
      </c>
      <c r="GM27" s="61">
        <v>184</v>
      </c>
      <c r="GN27" s="61">
        <v>151</v>
      </c>
      <c r="GO27" s="61">
        <v>192</v>
      </c>
      <c r="GP27" s="61">
        <v>120</v>
      </c>
      <c r="GQ27" s="62">
        <v>916</v>
      </c>
      <c r="GR27" s="63">
        <v>1324</v>
      </c>
      <c r="GS27" s="113">
        <v>345</v>
      </c>
      <c r="GT27" s="72">
        <v>262</v>
      </c>
      <c r="GU27" s="73">
        <v>607</v>
      </c>
      <c r="GV27" s="228"/>
      <c r="GW27" s="72">
        <v>430</v>
      </c>
      <c r="GX27" s="72">
        <v>289</v>
      </c>
      <c r="GY27" s="72">
        <v>217</v>
      </c>
      <c r="GZ27" s="72">
        <v>253</v>
      </c>
      <c r="HA27" s="72">
        <v>163</v>
      </c>
      <c r="HB27" s="74">
        <v>1352</v>
      </c>
      <c r="HC27" s="75">
        <v>1959</v>
      </c>
      <c r="HD27" s="60">
        <v>6</v>
      </c>
      <c r="HE27" s="61">
        <v>6</v>
      </c>
      <c r="HF27" s="62">
        <v>12</v>
      </c>
      <c r="HG27" s="231"/>
      <c r="HH27" s="61">
        <v>8</v>
      </c>
      <c r="HI27" s="61">
        <v>3</v>
      </c>
      <c r="HJ27" s="61">
        <v>4</v>
      </c>
      <c r="HK27" s="61">
        <v>4</v>
      </c>
      <c r="HL27" s="61">
        <v>8</v>
      </c>
      <c r="HM27" s="62">
        <v>27</v>
      </c>
      <c r="HN27" s="63">
        <v>39</v>
      </c>
      <c r="HO27" s="60">
        <v>19</v>
      </c>
      <c r="HP27" s="61">
        <v>14</v>
      </c>
      <c r="HQ27" s="62">
        <v>33</v>
      </c>
      <c r="HR27" s="231"/>
      <c r="HS27" s="61">
        <v>19</v>
      </c>
      <c r="HT27" s="61">
        <v>14</v>
      </c>
      <c r="HU27" s="61">
        <v>6</v>
      </c>
      <c r="HV27" s="61">
        <v>11</v>
      </c>
      <c r="HW27" s="61">
        <v>10</v>
      </c>
      <c r="HX27" s="62">
        <v>60</v>
      </c>
      <c r="HY27" s="63">
        <v>93</v>
      </c>
      <c r="HZ27" s="60">
        <v>49</v>
      </c>
      <c r="IA27" s="61">
        <v>29</v>
      </c>
      <c r="IB27" s="62">
        <v>78</v>
      </c>
      <c r="IC27" s="231"/>
      <c r="ID27" s="61">
        <v>46</v>
      </c>
      <c r="IE27" s="61">
        <v>35</v>
      </c>
      <c r="IF27" s="61">
        <v>23</v>
      </c>
      <c r="IG27" s="61">
        <v>25</v>
      </c>
      <c r="IH27" s="61">
        <v>13</v>
      </c>
      <c r="II27" s="62">
        <v>142</v>
      </c>
      <c r="IJ27" s="63">
        <v>220</v>
      </c>
      <c r="IK27" s="60">
        <v>78</v>
      </c>
      <c r="IL27" s="61">
        <v>59</v>
      </c>
      <c r="IM27" s="62">
        <v>137</v>
      </c>
      <c r="IN27" s="231"/>
      <c r="IO27" s="61">
        <v>112</v>
      </c>
      <c r="IP27" s="61">
        <v>53</v>
      </c>
      <c r="IQ27" s="61">
        <v>36</v>
      </c>
      <c r="IR27" s="61">
        <v>47</v>
      </c>
      <c r="IS27" s="61">
        <v>33</v>
      </c>
      <c r="IT27" s="62">
        <v>281</v>
      </c>
      <c r="IU27" s="63">
        <v>418</v>
      </c>
      <c r="IV27" s="60">
        <v>118</v>
      </c>
      <c r="IW27" s="61">
        <v>89</v>
      </c>
      <c r="IX27" s="62">
        <v>207</v>
      </c>
      <c r="IY27" s="231"/>
      <c r="IZ27" s="61">
        <v>137</v>
      </c>
      <c r="JA27" s="61">
        <v>81</v>
      </c>
      <c r="JB27" s="61">
        <v>56</v>
      </c>
      <c r="JC27" s="61">
        <v>61</v>
      </c>
      <c r="JD27" s="61">
        <v>32</v>
      </c>
      <c r="JE27" s="62">
        <v>367</v>
      </c>
      <c r="JF27" s="63">
        <v>574</v>
      </c>
      <c r="JG27" s="60">
        <v>75</v>
      </c>
      <c r="JH27" s="61">
        <v>65</v>
      </c>
      <c r="JI27" s="62">
        <v>140</v>
      </c>
      <c r="JJ27" s="231"/>
      <c r="JK27" s="61">
        <v>108</v>
      </c>
      <c r="JL27" s="61">
        <v>103</v>
      </c>
      <c r="JM27" s="61">
        <v>92</v>
      </c>
      <c r="JN27" s="61">
        <v>105</v>
      </c>
      <c r="JO27" s="61">
        <v>67</v>
      </c>
      <c r="JP27" s="62">
        <v>475</v>
      </c>
      <c r="JQ27" s="63">
        <v>615</v>
      </c>
      <c r="JR27" s="60">
        <v>6</v>
      </c>
      <c r="JS27" s="61">
        <v>4</v>
      </c>
      <c r="JT27" s="62">
        <v>10</v>
      </c>
      <c r="JU27" s="231"/>
      <c r="JV27" s="61">
        <v>6</v>
      </c>
      <c r="JW27" s="61">
        <v>6</v>
      </c>
      <c r="JX27" s="61">
        <v>5</v>
      </c>
      <c r="JY27" s="61">
        <v>5</v>
      </c>
      <c r="JZ27" s="61">
        <v>5</v>
      </c>
      <c r="KA27" s="62">
        <v>27</v>
      </c>
      <c r="KB27" s="63">
        <v>37</v>
      </c>
      <c r="KC27" s="60">
        <v>351</v>
      </c>
      <c r="KD27" s="61">
        <v>266</v>
      </c>
      <c r="KE27" s="62">
        <v>617</v>
      </c>
      <c r="KF27" s="231"/>
      <c r="KG27" s="61">
        <v>436</v>
      </c>
      <c r="KH27" s="61">
        <v>295</v>
      </c>
      <c r="KI27" s="61">
        <v>222</v>
      </c>
      <c r="KJ27" s="61">
        <v>258</v>
      </c>
      <c r="KK27" s="61">
        <v>168</v>
      </c>
      <c r="KL27" s="62">
        <v>1379</v>
      </c>
      <c r="KM27" s="63">
        <v>1996</v>
      </c>
    </row>
    <row r="28" spans="2:299" ht="21" customHeight="1" x14ac:dyDescent="0.2">
      <c r="B28" s="472" t="s">
        <v>25</v>
      </c>
      <c r="C28" s="293">
        <v>129</v>
      </c>
      <c r="D28" s="72">
        <v>111</v>
      </c>
      <c r="E28" s="73">
        <v>240</v>
      </c>
      <c r="F28" s="228"/>
      <c r="G28" s="72">
        <v>208</v>
      </c>
      <c r="H28" s="72">
        <v>142</v>
      </c>
      <c r="I28" s="72">
        <v>92</v>
      </c>
      <c r="J28" s="72">
        <v>115</v>
      </c>
      <c r="K28" s="72">
        <v>61</v>
      </c>
      <c r="L28" s="74">
        <v>618</v>
      </c>
      <c r="M28" s="75">
        <v>858</v>
      </c>
      <c r="N28" s="60">
        <v>4</v>
      </c>
      <c r="O28" s="61">
        <v>4</v>
      </c>
      <c r="P28" s="62">
        <v>8</v>
      </c>
      <c r="Q28" s="231"/>
      <c r="R28" s="61">
        <v>9</v>
      </c>
      <c r="S28" s="61">
        <v>8</v>
      </c>
      <c r="T28" s="61">
        <v>1</v>
      </c>
      <c r="U28" s="61">
        <v>7</v>
      </c>
      <c r="V28" s="61">
        <v>0</v>
      </c>
      <c r="W28" s="62">
        <v>25</v>
      </c>
      <c r="X28" s="63">
        <v>33</v>
      </c>
      <c r="Y28" s="60">
        <v>18</v>
      </c>
      <c r="Z28" s="61">
        <v>11</v>
      </c>
      <c r="AA28" s="62">
        <v>29</v>
      </c>
      <c r="AB28" s="231"/>
      <c r="AC28" s="61">
        <v>17</v>
      </c>
      <c r="AD28" s="61">
        <v>18</v>
      </c>
      <c r="AE28" s="61">
        <v>8</v>
      </c>
      <c r="AF28" s="61">
        <v>17</v>
      </c>
      <c r="AG28" s="61">
        <v>6</v>
      </c>
      <c r="AH28" s="62">
        <v>66</v>
      </c>
      <c r="AI28" s="63">
        <v>95</v>
      </c>
      <c r="AJ28" s="60">
        <v>18</v>
      </c>
      <c r="AK28" s="61">
        <v>18</v>
      </c>
      <c r="AL28" s="62">
        <v>36</v>
      </c>
      <c r="AM28" s="231"/>
      <c r="AN28" s="61">
        <v>43</v>
      </c>
      <c r="AO28" s="61">
        <v>22</v>
      </c>
      <c r="AP28" s="61">
        <v>18</v>
      </c>
      <c r="AQ28" s="61">
        <v>25</v>
      </c>
      <c r="AR28" s="61">
        <v>11</v>
      </c>
      <c r="AS28" s="62">
        <v>119</v>
      </c>
      <c r="AT28" s="63">
        <v>155</v>
      </c>
      <c r="AU28" s="60">
        <v>42</v>
      </c>
      <c r="AV28" s="61">
        <v>35</v>
      </c>
      <c r="AW28" s="62">
        <v>77</v>
      </c>
      <c r="AX28" s="231"/>
      <c r="AY28" s="61">
        <v>59</v>
      </c>
      <c r="AZ28" s="61">
        <v>34</v>
      </c>
      <c r="BA28" s="61">
        <v>29</v>
      </c>
      <c r="BB28" s="61">
        <v>27</v>
      </c>
      <c r="BC28" s="61">
        <v>19</v>
      </c>
      <c r="BD28" s="62">
        <v>168</v>
      </c>
      <c r="BE28" s="63">
        <v>245</v>
      </c>
      <c r="BF28" s="60">
        <v>37</v>
      </c>
      <c r="BG28" s="61">
        <v>30</v>
      </c>
      <c r="BH28" s="62">
        <v>67</v>
      </c>
      <c r="BI28" s="231"/>
      <c r="BJ28" s="61">
        <v>51</v>
      </c>
      <c r="BK28" s="61">
        <v>34</v>
      </c>
      <c r="BL28" s="61">
        <v>28</v>
      </c>
      <c r="BM28" s="61">
        <v>23</v>
      </c>
      <c r="BN28" s="61">
        <v>16</v>
      </c>
      <c r="BO28" s="62">
        <v>152</v>
      </c>
      <c r="BP28" s="63">
        <v>219</v>
      </c>
      <c r="BQ28" s="60">
        <v>10</v>
      </c>
      <c r="BR28" s="61">
        <v>13</v>
      </c>
      <c r="BS28" s="62">
        <v>23</v>
      </c>
      <c r="BT28" s="231"/>
      <c r="BU28" s="61">
        <v>29</v>
      </c>
      <c r="BV28" s="61">
        <v>26</v>
      </c>
      <c r="BW28" s="61">
        <v>8</v>
      </c>
      <c r="BX28" s="61">
        <v>16</v>
      </c>
      <c r="BY28" s="61">
        <v>9</v>
      </c>
      <c r="BZ28" s="62">
        <v>88</v>
      </c>
      <c r="CA28" s="63">
        <v>111</v>
      </c>
      <c r="CB28" s="60">
        <v>2</v>
      </c>
      <c r="CC28" s="61">
        <v>2</v>
      </c>
      <c r="CD28" s="62">
        <v>4</v>
      </c>
      <c r="CE28" s="231"/>
      <c r="CF28" s="61">
        <v>2</v>
      </c>
      <c r="CG28" s="61">
        <v>10</v>
      </c>
      <c r="CH28" s="61">
        <v>3</v>
      </c>
      <c r="CI28" s="61">
        <v>4</v>
      </c>
      <c r="CJ28" s="61">
        <v>3</v>
      </c>
      <c r="CK28" s="62">
        <v>22</v>
      </c>
      <c r="CL28" s="63">
        <v>26</v>
      </c>
      <c r="CM28" s="60">
        <v>131</v>
      </c>
      <c r="CN28" s="61">
        <v>113</v>
      </c>
      <c r="CO28" s="62">
        <v>244</v>
      </c>
      <c r="CP28" s="231"/>
      <c r="CQ28" s="61">
        <v>210</v>
      </c>
      <c r="CR28" s="61">
        <v>152</v>
      </c>
      <c r="CS28" s="61">
        <v>95</v>
      </c>
      <c r="CT28" s="61">
        <v>119</v>
      </c>
      <c r="CU28" s="61">
        <v>64</v>
      </c>
      <c r="CV28" s="62">
        <v>640</v>
      </c>
      <c r="CW28" s="63">
        <v>884</v>
      </c>
      <c r="CX28" s="113">
        <v>214</v>
      </c>
      <c r="CY28" s="72">
        <v>237</v>
      </c>
      <c r="CZ28" s="73">
        <v>451</v>
      </c>
      <c r="DA28" s="228"/>
      <c r="DB28" s="72">
        <v>329</v>
      </c>
      <c r="DC28" s="72">
        <v>224</v>
      </c>
      <c r="DD28" s="72">
        <v>172</v>
      </c>
      <c r="DE28" s="72">
        <v>173</v>
      </c>
      <c r="DF28" s="72">
        <v>96</v>
      </c>
      <c r="DG28" s="74">
        <v>994</v>
      </c>
      <c r="DH28" s="75">
        <v>1445</v>
      </c>
      <c r="DI28" s="60">
        <v>4</v>
      </c>
      <c r="DJ28" s="61">
        <v>4</v>
      </c>
      <c r="DK28" s="62">
        <v>8</v>
      </c>
      <c r="DL28" s="231"/>
      <c r="DM28" s="61">
        <v>9</v>
      </c>
      <c r="DN28" s="61">
        <v>7</v>
      </c>
      <c r="DO28" s="61">
        <v>3</v>
      </c>
      <c r="DP28" s="61">
        <v>1</v>
      </c>
      <c r="DQ28" s="61">
        <v>2</v>
      </c>
      <c r="DR28" s="62">
        <v>22</v>
      </c>
      <c r="DS28" s="63">
        <v>30</v>
      </c>
      <c r="DT28" s="60">
        <v>17</v>
      </c>
      <c r="DU28" s="61">
        <v>21</v>
      </c>
      <c r="DV28" s="62">
        <v>38</v>
      </c>
      <c r="DW28" s="231"/>
      <c r="DX28" s="61">
        <v>23</v>
      </c>
      <c r="DY28" s="61">
        <v>11</v>
      </c>
      <c r="DZ28" s="61">
        <v>12</v>
      </c>
      <c r="EA28" s="61">
        <v>7</v>
      </c>
      <c r="EB28" s="61">
        <v>11</v>
      </c>
      <c r="EC28" s="62">
        <v>64</v>
      </c>
      <c r="ED28" s="63">
        <v>102</v>
      </c>
      <c r="EE28" s="60">
        <v>32</v>
      </c>
      <c r="EF28" s="61">
        <v>25</v>
      </c>
      <c r="EG28" s="62">
        <v>57</v>
      </c>
      <c r="EH28" s="231"/>
      <c r="EI28" s="61">
        <v>50</v>
      </c>
      <c r="EJ28" s="61">
        <v>35</v>
      </c>
      <c r="EK28" s="61">
        <v>20</v>
      </c>
      <c r="EL28" s="61">
        <v>22</v>
      </c>
      <c r="EM28" s="61">
        <v>13</v>
      </c>
      <c r="EN28" s="62">
        <v>140</v>
      </c>
      <c r="EO28" s="63">
        <v>197</v>
      </c>
      <c r="EP28" s="60">
        <v>77</v>
      </c>
      <c r="EQ28" s="61">
        <v>70</v>
      </c>
      <c r="ER28" s="62">
        <v>147</v>
      </c>
      <c r="ES28" s="231"/>
      <c r="ET28" s="61">
        <v>88</v>
      </c>
      <c r="EU28" s="61">
        <v>51</v>
      </c>
      <c r="EV28" s="61">
        <v>39</v>
      </c>
      <c r="EW28" s="61">
        <v>37</v>
      </c>
      <c r="EX28" s="61">
        <v>12</v>
      </c>
      <c r="EY28" s="62">
        <v>227</v>
      </c>
      <c r="EZ28" s="63">
        <v>374</v>
      </c>
      <c r="FA28" s="60">
        <v>57</v>
      </c>
      <c r="FB28" s="61">
        <v>74</v>
      </c>
      <c r="FC28" s="62">
        <v>131</v>
      </c>
      <c r="FD28" s="231"/>
      <c r="FE28" s="61">
        <v>82</v>
      </c>
      <c r="FF28" s="61">
        <v>64</v>
      </c>
      <c r="FG28" s="61">
        <v>48</v>
      </c>
      <c r="FH28" s="61">
        <v>42</v>
      </c>
      <c r="FI28" s="61">
        <v>33</v>
      </c>
      <c r="FJ28" s="62">
        <v>269</v>
      </c>
      <c r="FK28" s="63">
        <v>400</v>
      </c>
      <c r="FL28" s="60">
        <v>27</v>
      </c>
      <c r="FM28" s="61">
        <v>43</v>
      </c>
      <c r="FN28" s="62">
        <v>70</v>
      </c>
      <c r="FO28" s="231"/>
      <c r="FP28" s="61">
        <v>77</v>
      </c>
      <c r="FQ28" s="61">
        <v>56</v>
      </c>
      <c r="FR28" s="61">
        <v>50</v>
      </c>
      <c r="FS28" s="61">
        <v>64</v>
      </c>
      <c r="FT28" s="61">
        <v>25</v>
      </c>
      <c r="FU28" s="62">
        <v>272</v>
      </c>
      <c r="FV28" s="63">
        <v>342</v>
      </c>
      <c r="FW28" s="60">
        <v>3</v>
      </c>
      <c r="FX28" s="61">
        <v>4</v>
      </c>
      <c r="FY28" s="62">
        <v>7</v>
      </c>
      <c r="FZ28" s="231"/>
      <c r="GA28" s="61">
        <v>4</v>
      </c>
      <c r="GB28" s="61">
        <v>3</v>
      </c>
      <c r="GC28" s="61">
        <v>2</v>
      </c>
      <c r="GD28" s="61">
        <v>2</v>
      </c>
      <c r="GE28" s="61">
        <v>6</v>
      </c>
      <c r="GF28" s="62">
        <v>17</v>
      </c>
      <c r="GG28" s="63">
        <v>24</v>
      </c>
      <c r="GH28" s="60">
        <v>217</v>
      </c>
      <c r="GI28" s="61">
        <v>241</v>
      </c>
      <c r="GJ28" s="62">
        <v>458</v>
      </c>
      <c r="GK28" s="231"/>
      <c r="GL28" s="61">
        <v>333</v>
      </c>
      <c r="GM28" s="61">
        <v>227</v>
      </c>
      <c r="GN28" s="61">
        <v>174</v>
      </c>
      <c r="GO28" s="61">
        <v>175</v>
      </c>
      <c r="GP28" s="61">
        <v>102</v>
      </c>
      <c r="GQ28" s="62">
        <v>1011</v>
      </c>
      <c r="GR28" s="63">
        <v>1469</v>
      </c>
      <c r="GS28" s="113">
        <v>343</v>
      </c>
      <c r="GT28" s="72">
        <v>348</v>
      </c>
      <c r="GU28" s="73">
        <v>691</v>
      </c>
      <c r="GV28" s="228"/>
      <c r="GW28" s="72">
        <v>537</v>
      </c>
      <c r="GX28" s="72">
        <v>366</v>
      </c>
      <c r="GY28" s="72">
        <v>264</v>
      </c>
      <c r="GZ28" s="72">
        <v>288</v>
      </c>
      <c r="HA28" s="72">
        <v>157</v>
      </c>
      <c r="HB28" s="74">
        <v>1612</v>
      </c>
      <c r="HC28" s="75">
        <v>2303</v>
      </c>
      <c r="HD28" s="60">
        <v>8</v>
      </c>
      <c r="HE28" s="61">
        <v>8</v>
      </c>
      <c r="HF28" s="62">
        <v>16</v>
      </c>
      <c r="HG28" s="231"/>
      <c r="HH28" s="61">
        <v>18</v>
      </c>
      <c r="HI28" s="61">
        <v>15</v>
      </c>
      <c r="HJ28" s="61">
        <v>4</v>
      </c>
      <c r="HK28" s="61">
        <v>8</v>
      </c>
      <c r="HL28" s="61">
        <v>2</v>
      </c>
      <c r="HM28" s="62">
        <v>47</v>
      </c>
      <c r="HN28" s="63">
        <v>63</v>
      </c>
      <c r="HO28" s="60">
        <v>35</v>
      </c>
      <c r="HP28" s="61">
        <v>32</v>
      </c>
      <c r="HQ28" s="62">
        <v>67</v>
      </c>
      <c r="HR28" s="231"/>
      <c r="HS28" s="61">
        <v>40</v>
      </c>
      <c r="HT28" s="61">
        <v>29</v>
      </c>
      <c r="HU28" s="61">
        <v>20</v>
      </c>
      <c r="HV28" s="61">
        <v>24</v>
      </c>
      <c r="HW28" s="61">
        <v>17</v>
      </c>
      <c r="HX28" s="62">
        <v>130</v>
      </c>
      <c r="HY28" s="63">
        <v>197</v>
      </c>
      <c r="HZ28" s="60">
        <v>50</v>
      </c>
      <c r="IA28" s="61">
        <v>43</v>
      </c>
      <c r="IB28" s="62">
        <v>93</v>
      </c>
      <c r="IC28" s="231"/>
      <c r="ID28" s="61">
        <v>93</v>
      </c>
      <c r="IE28" s="61">
        <v>57</v>
      </c>
      <c r="IF28" s="61">
        <v>38</v>
      </c>
      <c r="IG28" s="61">
        <v>47</v>
      </c>
      <c r="IH28" s="61">
        <v>24</v>
      </c>
      <c r="II28" s="62">
        <v>259</v>
      </c>
      <c r="IJ28" s="63">
        <v>352</v>
      </c>
      <c r="IK28" s="60">
        <v>119</v>
      </c>
      <c r="IL28" s="61">
        <v>105</v>
      </c>
      <c r="IM28" s="62">
        <v>224</v>
      </c>
      <c r="IN28" s="231"/>
      <c r="IO28" s="61">
        <v>147</v>
      </c>
      <c r="IP28" s="61">
        <v>85</v>
      </c>
      <c r="IQ28" s="61">
        <v>68</v>
      </c>
      <c r="IR28" s="61">
        <v>64</v>
      </c>
      <c r="IS28" s="61">
        <v>31</v>
      </c>
      <c r="IT28" s="62">
        <v>395</v>
      </c>
      <c r="IU28" s="63">
        <v>619</v>
      </c>
      <c r="IV28" s="60">
        <v>94</v>
      </c>
      <c r="IW28" s="61">
        <v>104</v>
      </c>
      <c r="IX28" s="62">
        <v>198</v>
      </c>
      <c r="IY28" s="231"/>
      <c r="IZ28" s="61">
        <v>133</v>
      </c>
      <c r="JA28" s="61">
        <v>98</v>
      </c>
      <c r="JB28" s="61">
        <v>76</v>
      </c>
      <c r="JC28" s="61">
        <v>65</v>
      </c>
      <c r="JD28" s="61">
        <v>49</v>
      </c>
      <c r="JE28" s="62">
        <v>421</v>
      </c>
      <c r="JF28" s="63">
        <v>619</v>
      </c>
      <c r="JG28" s="60">
        <v>37</v>
      </c>
      <c r="JH28" s="61">
        <v>56</v>
      </c>
      <c r="JI28" s="62">
        <v>93</v>
      </c>
      <c r="JJ28" s="231"/>
      <c r="JK28" s="61">
        <v>106</v>
      </c>
      <c r="JL28" s="61">
        <v>82</v>
      </c>
      <c r="JM28" s="61">
        <v>58</v>
      </c>
      <c r="JN28" s="61">
        <v>80</v>
      </c>
      <c r="JO28" s="61">
        <v>34</v>
      </c>
      <c r="JP28" s="62">
        <v>360</v>
      </c>
      <c r="JQ28" s="63">
        <v>453</v>
      </c>
      <c r="JR28" s="60">
        <v>5</v>
      </c>
      <c r="JS28" s="61">
        <v>6</v>
      </c>
      <c r="JT28" s="62">
        <v>11</v>
      </c>
      <c r="JU28" s="231"/>
      <c r="JV28" s="61">
        <v>6</v>
      </c>
      <c r="JW28" s="61">
        <v>13</v>
      </c>
      <c r="JX28" s="61">
        <v>5</v>
      </c>
      <c r="JY28" s="61">
        <v>6</v>
      </c>
      <c r="JZ28" s="61">
        <v>9</v>
      </c>
      <c r="KA28" s="62">
        <v>39</v>
      </c>
      <c r="KB28" s="63">
        <v>50</v>
      </c>
      <c r="KC28" s="60">
        <v>348</v>
      </c>
      <c r="KD28" s="61">
        <v>354</v>
      </c>
      <c r="KE28" s="62">
        <v>702</v>
      </c>
      <c r="KF28" s="231"/>
      <c r="KG28" s="61">
        <v>543</v>
      </c>
      <c r="KH28" s="61">
        <v>379</v>
      </c>
      <c r="KI28" s="61">
        <v>269</v>
      </c>
      <c r="KJ28" s="61">
        <v>294</v>
      </c>
      <c r="KK28" s="61">
        <v>166</v>
      </c>
      <c r="KL28" s="62">
        <v>1651</v>
      </c>
      <c r="KM28" s="63">
        <v>2353</v>
      </c>
    </row>
    <row r="29" spans="2:299" ht="21" customHeight="1" x14ac:dyDescent="0.2">
      <c r="B29" s="472" t="s">
        <v>26</v>
      </c>
      <c r="C29" s="293">
        <v>79</v>
      </c>
      <c r="D29" s="72">
        <v>66</v>
      </c>
      <c r="E29" s="73">
        <v>145</v>
      </c>
      <c r="F29" s="228"/>
      <c r="G29" s="72">
        <v>143</v>
      </c>
      <c r="H29" s="72">
        <v>108</v>
      </c>
      <c r="I29" s="72">
        <v>106</v>
      </c>
      <c r="J29" s="72">
        <v>77</v>
      </c>
      <c r="K29" s="72">
        <v>54</v>
      </c>
      <c r="L29" s="74">
        <v>488</v>
      </c>
      <c r="M29" s="75">
        <v>633</v>
      </c>
      <c r="N29" s="60">
        <v>4</v>
      </c>
      <c r="O29" s="61">
        <v>2</v>
      </c>
      <c r="P29" s="62">
        <v>6</v>
      </c>
      <c r="Q29" s="231"/>
      <c r="R29" s="61">
        <v>5</v>
      </c>
      <c r="S29" s="61">
        <v>1</v>
      </c>
      <c r="T29" s="61">
        <v>8</v>
      </c>
      <c r="U29" s="61">
        <v>2</v>
      </c>
      <c r="V29" s="61">
        <v>2</v>
      </c>
      <c r="W29" s="62">
        <v>18</v>
      </c>
      <c r="X29" s="63">
        <v>24</v>
      </c>
      <c r="Y29" s="60">
        <v>2</v>
      </c>
      <c r="Z29" s="61">
        <v>9</v>
      </c>
      <c r="AA29" s="62">
        <v>11</v>
      </c>
      <c r="AB29" s="231"/>
      <c r="AC29" s="61">
        <v>13</v>
      </c>
      <c r="AD29" s="61">
        <v>12</v>
      </c>
      <c r="AE29" s="61">
        <v>5</v>
      </c>
      <c r="AF29" s="61">
        <v>11</v>
      </c>
      <c r="AG29" s="61">
        <v>11</v>
      </c>
      <c r="AH29" s="62">
        <v>52</v>
      </c>
      <c r="AI29" s="63">
        <v>63</v>
      </c>
      <c r="AJ29" s="60">
        <v>6</v>
      </c>
      <c r="AK29" s="61">
        <v>13</v>
      </c>
      <c r="AL29" s="62">
        <v>19</v>
      </c>
      <c r="AM29" s="231"/>
      <c r="AN29" s="61">
        <v>20</v>
      </c>
      <c r="AO29" s="61">
        <v>12</v>
      </c>
      <c r="AP29" s="61">
        <v>17</v>
      </c>
      <c r="AQ29" s="61">
        <v>11</v>
      </c>
      <c r="AR29" s="61">
        <v>7</v>
      </c>
      <c r="AS29" s="62">
        <v>67</v>
      </c>
      <c r="AT29" s="63">
        <v>86</v>
      </c>
      <c r="AU29" s="60">
        <v>28</v>
      </c>
      <c r="AV29" s="61">
        <v>16</v>
      </c>
      <c r="AW29" s="62">
        <v>44</v>
      </c>
      <c r="AX29" s="231"/>
      <c r="AY29" s="61">
        <v>40</v>
      </c>
      <c r="AZ29" s="61">
        <v>29</v>
      </c>
      <c r="BA29" s="61">
        <v>22</v>
      </c>
      <c r="BB29" s="61">
        <v>22</v>
      </c>
      <c r="BC29" s="61">
        <v>9</v>
      </c>
      <c r="BD29" s="62">
        <v>122</v>
      </c>
      <c r="BE29" s="63">
        <v>166</v>
      </c>
      <c r="BF29" s="60">
        <v>19</v>
      </c>
      <c r="BG29" s="61">
        <v>17</v>
      </c>
      <c r="BH29" s="62">
        <v>36</v>
      </c>
      <c r="BI29" s="231"/>
      <c r="BJ29" s="61">
        <v>38</v>
      </c>
      <c r="BK29" s="61">
        <v>29</v>
      </c>
      <c r="BL29" s="61">
        <v>38</v>
      </c>
      <c r="BM29" s="61">
        <v>19</v>
      </c>
      <c r="BN29" s="61">
        <v>11</v>
      </c>
      <c r="BO29" s="62">
        <v>135</v>
      </c>
      <c r="BP29" s="63">
        <v>171</v>
      </c>
      <c r="BQ29" s="60">
        <v>20</v>
      </c>
      <c r="BR29" s="61">
        <v>9</v>
      </c>
      <c r="BS29" s="62">
        <v>29</v>
      </c>
      <c r="BT29" s="231"/>
      <c r="BU29" s="61">
        <v>27</v>
      </c>
      <c r="BV29" s="61">
        <v>25</v>
      </c>
      <c r="BW29" s="61">
        <v>16</v>
      </c>
      <c r="BX29" s="61">
        <v>12</v>
      </c>
      <c r="BY29" s="61">
        <v>14</v>
      </c>
      <c r="BZ29" s="62">
        <v>94</v>
      </c>
      <c r="CA29" s="63">
        <v>123</v>
      </c>
      <c r="CB29" s="60">
        <v>5</v>
      </c>
      <c r="CC29" s="61">
        <v>0</v>
      </c>
      <c r="CD29" s="62">
        <v>5</v>
      </c>
      <c r="CE29" s="231"/>
      <c r="CF29" s="61">
        <v>5</v>
      </c>
      <c r="CG29" s="61">
        <v>6</v>
      </c>
      <c r="CH29" s="61">
        <v>2</v>
      </c>
      <c r="CI29" s="61">
        <v>1</v>
      </c>
      <c r="CJ29" s="61">
        <v>0</v>
      </c>
      <c r="CK29" s="62">
        <v>14</v>
      </c>
      <c r="CL29" s="63">
        <v>19</v>
      </c>
      <c r="CM29" s="60">
        <v>84</v>
      </c>
      <c r="CN29" s="61">
        <v>66</v>
      </c>
      <c r="CO29" s="62">
        <v>150</v>
      </c>
      <c r="CP29" s="231"/>
      <c r="CQ29" s="61">
        <v>148</v>
      </c>
      <c r="CR29" s="61">
        <v>114</v>
      </c>
      <c r="CS29" s="61">
        <v>108</v>
      </c>
      <c r="CT29" s="61">
        <v>78</v>
      </c>
      <c r="CU29" s="61">
        <v>54</v>
      </c>
      <c r="CV29" s="62">
        <v>502</v>
      </c>
      <c r="CW29" s="63">
        <v>652</v>
      </c>
      <c r="CX29" s="113">
        <v>177</v>
      </c>
      <c r="CY29" s="72">
        <v>221</v>
      </c>
      <c r="CZ29" s="73">
        <v>398</v>
      </c>
      <c r="DA29" s="228"/>
      <c r="DB29" s="72">
        <v>260</v>
      </c>
      <c r="DC29" s="72">
        <v>230</v>
      </c>
      <c r="DD29" s="72">
        <v>177</v>
      </c>
      <c r="DE29" s="72">
        <v>135</v>
      </c>
      <c r="DF29" s="72">
        <v>119</v>
      </c>
      <c r="DG29" s="74">
        <v>921</v>
      </c>
      <c r="DH29" s="75">
        <v>1319</v>
      </c>
      <c r="DI29" s="60">
        <v>1</v>
      </c>
      <c r="DJ29" s="61">
        <v>5</v>
      </c>
      <c r="DK29" s="62">
        <v>6</v>
      </c>
      <c r="DL29" s="231"/>
      <c r="DM29" s="61">
        <v>4</v>
      </c>
      <c r="DN29" s="61">
        <v>6</v>
      </c>
      <c r="DO29" s="61">
        <v>3</v>
      </c>
      <c r="DP29" s="61">
        <v>1</v>
      </c>
      <c r="DQ29" s="61">
        <v>1</v>
      </c>
      <c r="DR29" s="62">
        <v>15</v>
      </c>
      <c r="DS29" s="63">
        <v>21</v>
      </c>
      <c r="DT29" s="60">
        <v>13</v>
      </c>
      <c r="DU29" s="61">
        <v>16</v>
      </c>
      <c r="DV29" s="62">
        <v>29</v>
      </c>
      <c r="DW29" s="231"/>
      <c r="DX29" s="61">
        <v>18</v>
      </c>
      <c r="DY29" s="61">
        <v>14</v>
      </c>
      <c r="DZ29" s="61">
        <v>3</v>
      </c>
      <c r="EA29" s="61">
        <v>5</v>
      </c>
      <c r="EB29" s="61">
        <v>4</v>
      </c>
      <c r="EC29" s="62">
        <v>44</v>
      </c>
      <c r="ED29" s="63">
        <v>73</v>
      </c>
      <c r="EE29" s="60">
        <v>18</v>
      </c>
      <c r="EF29" s="61">
        <v>32</v>
      </c>
      <c r="EG29" s="62">
        <v>50</v>
      </c>
      <c r="EH29" s="231"/>
      <c r="EI29" s="61">
        <v>32</v>
      </c>
      <c r="EJ29" s="61">
        <v>31</v>
      </c>
      <c r="EK29" s="61">
        <v>13</v>
      </c>
      <c r="EL29" s="61">
        <v>14</v>
      </c>
      <c r="EM29" s="61">
        <v>8</v>
      </c>
      <c r="EN29" s="62">
        <v>98</v>
      </c>
      <c r="EO29" s="63">
        <v>148</v>
      </c>
      <c r="EP29" s="60">
        <v>46</v>
      </c>
      <c r="EQ29" s="61">
        <v>60</v>
      </c>
      <c r="ER29" s="62">
        <v>106</v>
      </c>
      <c r="ES29" s="231"/>
      <c r="ET29" s="61">
        <v>61</v>
      </c>
      <c r="EU29" s="61">
        <v>40</v>
      </c>
      <c r="EV29" s="61">
        <v>37</v>
      </c>
      <c r="EW29" s="61">
        <v>19</v>
      </c>
      <c r="EX29" s="61">
        <v>19</v>
      </c>
      <c r="EY29" s="62">
        <v>176</v>
      </c>
      <c r="EZ29" s="63">
        <v>282</v>
      </c>
      <c r="FA29" s="60">
        <v>56</v>
      </c>
      <c r="FB29" s="61">
        <v>66</v>
      </c>
      <c r="FC29" s="62">
        <v>122</v>
      </c>
      <c r="FD29" s="231"/>
      <c r="FE29" s="61">
        <v>80</v>
      </c>
      <c r="FF29" s="61">
        <v>53</v>
      </c>
      <c r="FG29" s="61">
        <v>48</v>
      </c>
      <c r="FH29" s="61">
        <v>27</v>
      </c>
      <c r="FI29" s="61">
        <v>25</v>
      </c>
      <c r="FJ29" s="62">
        <v>233</v>
      </c>
      <c r="FK29" s="63">
        <v>355</v>
      </c>
      <c r="FL29" s="60">
        <v>43</v>
      </c>
      <c r="FM29" s="61">
        <v>42</v>
      </c>
      <c r="FN29" s="62">
        <v>85</v>
      </c>
      <c r="FO29" s="231"/>
      <c r="FP29" s="61">
        <v>65</v>
      </c>
      <c r="FQ29" s="61">
        <v>86</v>
      </c>
      <c r="FR29" s="61">
        <v>73</v>
      </c>
      <c r="FS29" s="61">
        <v>69</v>
      </c>
      <c r="FT29" s="61">
        <v>62</v>
      </c>
      <c r="FU29" s="62">
        <v>355</v>
      </c>
      <c r="FV29" s="63">
        <v>440</v>
      </c>
      <c r="FW29" s="60">
        <v>0</v>
      </c>
      <c r="FX29" s="61">
        <v>1</v>
      </c>
      <c r="FY29" s="62">
        <v>1</v>
      </c>
      <c r="FZ29" s="231"/>
      <c r="GA29" s="61">
        <v>3</v>
      </c>
      <c r="GB29" s="61">
        <v>1</v>
      </c>
      <c r="GC29" s="61">
        <v>3</v>
      </c>
      <c r="GD29" s="61">
        <v>6</v>
      </c>
      <c r="GE29" s="61">
        <v>3</v>
      </c>
      <c r="GF29" s="62">
        <v>16</v>
      </c>
      <c r="GG29" s="63">
        <v>17</v>
      </c>
      <c r="GH29" s="60">
        <v>177</v>
      </c>
      <c r="GI29" s="61">
        <v>222</v>
      </c>
      <c r="GJ29" s="62">
        <v>399</v>
      </c>
      <c r="GK29" s="231"/>
      <c r="GL29" s="61">
        <v>263</v>
      </c>
      <c r="GM29" s="61">
        <v>231</v>
      </c>
      <c r="GN29" s="61">
        <v>180</v>
      </c>
      <c r="GO29" s="61">
        <v>141</v>
      </c>
      <c r="GP29" s="61">
        <v>122</v>
      </c>
      <c r="GQ29" s="62">
        <v>937</v>
      </c>
      <c r="GR29" s="63">
        <v>1336</v>
      </c>
      <c r="GS29" s="113">
        <v>256</v>
      </c>
      <c r="GT29" s="72">
        <v>287</v>
      </c>
      <c r="GU29" s="73">
        <v>543</v>
      </c>
      <c r="GV29" s="228"/>
      <c r="GW29" s="72">
        <v>403</v>
      </c>
      <c r="GX29" s="72">
        <v>338</v>
      </c>
      <c r="GY29" s="72">
        <v>283</v>
      </c>
      <c r="GZ29" s="72">
        <v>212</v>
      </c>
      <c r="HA29" s="72">
        <v>173</v>
      </c>
      <c r="HB29" s="74">
        <v>1409</v>
      </c>
      <c r="HC29" s="75">
        <v>1952</v>
      </c>
      <c r="HD29" s="60">
        <v>5</v>
      </c>
      <c r="HE29" s="61">
        <v>7</v>
      </c>
      <c r="HF29" s="62">
        <v>12</v>
      </c>
      <c r="HG29" s="231"/>
      <c r="HH29" s="61">
        <v>9</v>
      </c>
      <c r="HI29" s="61">
        <v>7</v>
      </c>
      <c r="HJ29" s="61">
        <v>11</v>
      </c>
      <c r="HK29" s="61">
        <v>3</v>
      </c>
      <c r="HL29" s="61">
        <v>3</v>
      </c>
      <c r="HM29" s="62">
        <v>33</v>
      </c>
      <c r="HN29" s="63">
        <v>45</v>
      </c>
      <c r="HO29" s="60">
        <v>15</v>
      </c>
      <c r="HP29" s="61">
        <v>25</v>
      </c>
      <c r="HQ29" s="62">
        <v>40</v>
      </c>
      <c r="HR29" s="231"/>
      <c r="HS29" s="61">
        <v>31</v>
      </c>
      <c r="HT29" s="61">
        <v>26</v>
      </c>
      <c r="HU29" s="61">
        <v>8</v>
      </c>
      <c r="HV29" s="61">
        <v>16</v>
      </c>
      <c r="HW29" s="61">
        <v>15</v>
      </c>
      <c r="HX29" s="62">
        <v>96</v>
      </c>
      <c r="HY29" s="63">
        <v>136</v>
      </c>
      <c r="HZ29" s="60">
        <v>24</v>
      </c>
      <c r="IA29" s="61">
        <v>45</v>
      </c>
      <c r="IB29" s="62">
        <v>69</v>
      </c>
      <c r="IC29" s="231"/>
      <c r="ID29" s="61">
        <v>52</v>
      </c>
      <c r="IE29" s="61">
        <v>43</v>
      </c>
      <c r="IF29" s="61">
        <v>30</v>
      </c>
      <c r="IG29" s="61">
        <v>25</v>
      </c>
      <c r="IH29" s="61">
        <v>15</v>
      </c>
      <c r="II29" s="62">
        <v>165</v>
      </c>
      <c r="IJ29" s="63">
        <v>234</v>
      </c>
      <c r="IK29" s="60">
        <v>74</v>
      </c>
      <c r="IL29" s="61">
        <v>76</v>
      </c>
      <c r="IM29" s="62">
        <v>150</v>
      </c>
      <c r="IN29" s="231"/>
      <c r="IO29" s="61">
        <v>101</v>
      </c>
      <c r="IP29" s="61">
        <v>69</v>
      </c>
      <c r="IQ29" s="61">
        <v>59</v>
      </c>
      <c r="IR29" s="61">
        <v>41</v>
      </c>
      <c r="IS29" s="61">
        <v>28</v>
      </c>
      <c r="IT29" s="62">
        <v>298</v>
      </c>
      <c r="IU29" s="63">
        <v>448</v>
      </c>
      <c r="IV29" s="60">
        <v>75</v>
      </c>
      <c r="IW29" s="61">
        <v>83</v>
      </c>
      <c r="IX29" s="62">
        <v>158</v>
      </c>
      <c r="IY29" s="231"/>
      <c r="IZ29" s="61">
        <v>118</v>
      </c>
      <c r="JA29" s="61">
        <v>82</v>
      </c>
      <c r="JB29" s="61">
        <v>86</v>
      </c>
      <c r="JC29" s="61">
        <v>46</v>
      </c>
      <c r="JD29" s="61">
        <v>36</v>
      </c>
      <c r="JE29" s="62">
        <v>368</v>
      </c>
      <c r="JF29" s="63">
        <v>526</v>
      </c>
      <c r="JG29" s="60">
        <v>63</v>
      </c>
      <c r="JH29" s="61">
        <v>51</v>
      </c>
      <c r="JI29" s="62">
        <v>114</v>
      </c>
      <c r="JJ29" s="231"/>
      <c r="JK29" s="61">
        <v>92</v>
      </c>
      <c r="JL29" s="61">
        <v>111</v>
      </c>
      <c r="JM29" s="61">
        <v>89</v>
      </c>
      <c r="JN29" s="61">
        <v>81</v>
      </c>
      <c r="JO29" s="61">
        <v>76</v>
      </c>
      <c r="JP29" s="62">
        <v>449</v>
      </c>
      <c r="JQ29" s="63">
        <v>563</v>
      </c>
      <c r="JR29" s="60">
        <v>5</v>
      </c>
      <c r="JS29" s="61">
        <v>1</v>
      </c>
      <c r="JT29" s="62">
        <v>6</v>
      </c>
      <c r="JU29" s="231"/>
      <c r="JV29" s="61">
        <v>8</v>
      </c>
      <c r="JW29" s="61">
        <v>7</v>
      </c>
      <c r="JX29" s="61">
        <v>5</v>
      </c>
      <c r="JY29" s="61">
        <v>7</v>
      </c>
      <c r="JZ29" s="61">
        <v>3</v>
      </c>
      <c r="KA29" s="62">
        <v>30</v>
      </c>
      <c r="KB29" s="63">
        <v>36</v>
      </c>
      <c r="KC29" s="60">
        <v>261</v>
      </c>
      <c r="KD29" s="61">
        <v>288</v>
      </c>
      <c r="KE29" s="62">
        <v>549</v>
      </c>
      <c r="KF29" s="231"/>
      <c r="KG29" s="61">
        <v>411</v>
      </c>
      <c r="KH29" s="61">
        <v>345</v>
      </c>
      <c r="KI29" s="61">
        <v>288</v>
      </c>
      <c r="KJ29" s="61">
        <v>219</v>
      </c>
      <c r="KK29" s="61">
        <v>176</v>
      </c>
      <c r="KL29" s="62">
        <v>1439</v>
      </c>
      <c r="KM29" s="63">
        <v>1988</v>
      </c>
    </row>
    <row r="30" spans="2:299" ht="21" customHeight="1" x14ac:dyDescent="0.2">
      <c r="B30" s="472" t="s">
        <v>27</v>
      </c>
      <c r="C30" s="293">
        <v>103</v>
      </c>
      <c r="D30" s="72">
        <v>116</v>
      </c>
      <c r="E30" s="73">
        <v>219</v>
      </c>
      <c r="F30" s="228"/>
      <c r="G30" s="72">
        <v>103</v>
      </c>
      <c r="H30" s="72">
        <v>97</v>
      </c>
      <c r="I30" s="72">
        <v>60</v>
      </c>
      <c r="J30" s="72">
        <v>64</v>
      </c>
      <c r="K30" s="72">
        <v>37</v>
      </c>
      <c r="L30" s="74">
        <v>361</v>
      </c>
      <c r="M30" s="75">
        <v>580</v>
      </c>
      <c r="N30" s="60">
        <v>2</v>
      </c>
      <c r="O30" s="61">
        <v>5</v>
      </c>
      <c r="P30" s="62">
        <v>7</v>
      </c>
      <c r="Q30" s="231"/>
      <c r="R30" s="61">
        <v>2</v>
      </c>
      <c r="S30" s="61">
        <v>4</v>
      </c>
      <c r="T30" s="61">
        <v>1</v>
      </c>
      <c r="U30" s="61">
        <v>0</v>
      </c>
      <c r="V30" s="61">
        <v>1</v>
      </c>
      <c r="W30" s="62">
        <v>8</v>
      </c>
      <c r="X30" s="63">
        <v>15</v>
      </c>
      <c r="Y30" s="60">
        <v>8</v>
      </c>
      <c r="Z30" s="61">
        <v>9</v>
      </c>
      <c r="AA30" s="62">
        <v>17</v>
      </c>
      <c r="AB30" s="231"/>
      <c r="AC30" s="61">
        <v>11</v>
      </c>
      <c r="AD30" s="61">
        <v>16</v>
      </c>
      <c r="AE30" s="61">
        <v>4</v>
      </c>
      <c r="AF30" s="61">
        <v>7</v>
      </c>
      <c r="AG30" s="61">
        <v>1</v>
      </c>
      <c r="AH30" s="62">
        <v>39</v>
      </c>
      <c r="AI30" s="63">
        <v>56</v>
      </c>
      <c r="AJ30" s="60">
        <v>21</v>
      </c>
      <c r="AK30" s="61">
        <v>16</v>
      </c>
      <c r="AL30" s="62">
        <v>37</v>
      </c>
      <c r="AM30" s="231"/>
      <c r="AN30" s="61">
        <v>12</v>
      </c>
      <c r="AO30" s="61">
        <v>18</v>
      </c>
      <c r="AP30" s="61">
        <v>7</v>
      </c>
      <c r="AQ30" s="61">
        <v>11</v>
      </c>
      <c r="AR30" s="61">
        <v>9</v>
      </c>
      <c r="AS30" s="62">
        <v>57</v>
      </c>
      <c r="AT30" s="63">
        <v>94</v>
      </c>
      <c r="AU30" s="60">
        <v>21</v>
      </c>
      <c r="AV30" s="61">
        <v>35</v>
      </c>
      <c r="AW30" s="62">
        <v>56</v>
      </c>
      <c r="AX30" s="231"/>
      <c r="AY30" s="61">
        <v>26</v>
      </c>
      <c r="AZ30" s="61">
        <v>23</v>
      </c>
      <c r="BA30" s="61">
        <v>17</v>
      </c>
      <c r="BB30" s="61">
        <v>10</v>
      </c>
      <c r="BC30" s="61">
        <v>4</v>
      </c>
      <c r="BD30" s="62">
        <v>80</v>
      </c>
      <c r="BE30" s="63">
        <v>136</v>
      </c>
      <c r="BF30" s="60">
        <v>35</v>
      </c>
      <c r="BG30" s="61">
        <v>32</v>
      </c>
      <c r="BH30" s="62">
        <v>67</v>
      </c>
      <c r="BI30" s="231"/>
      <c r="BJ30" s="61">
        <v>23</v>
      </c>
      <c r="BK30" s="61">
        <v>13</v>
      </c>
      <c r="BL30" s="61">
        <v>16</v>
      </c>
      <c r="BM30" s="61">
        <v>21</v>
      </c>
      <c r="BN30" s="61">
        <v>15</v>
      </c>
      <c r="BO30" s="62">
        <v>88</v>
      </c>
      <c r="BP30" s="63">
        <v>155</v>
      </c>
      <c r="BQ30" s="60">
        <v>16</v>
      </c>
      <c r="BR30" s="61">
        <v>19</v>
      </c>
      <c r="BS30" s="62">
        <v>35</v>
      </c>
      <c r="BT30" s="231"/>
      <c r="BU30" s="61">
        <v>29</v>
      </c>
      <c r="BV30" s="61">
        <v>23</v>
      </c>
      <c r="BW30" s="61">
        <v>15</v>
      </c>
      <c r="BX30" s="61">
        <v>15</v>
      </c>
      <c r="BY30" s="61">
        <v>7</v>
      </c>
      <c r="BZ30" s="62">
        <v>89</v>
      </c>
      <c r="CA30" s="63">
        <v>124</v>
      </c>
      <c r="CB30" s="60">
        <v>6</v>
      </c>
      <c r="CC30" s="61">
        <v>2</v>
      </c>
      <c r="CD30" s="62">
        <v>8</v>
      </c>
      <c r="CE30" s="231"/>
      <c r="CF30" s="61">
        <v>3</v>
      </c>
      <c r="CG30" s="61">
        <v>3</v>
      </c>
      <c r="CH30" s="61">
        <v>6</v>
      </c>
      <c r="CI30" s="61">
        <v>2</v>
      </c>
      <c r="CJ30" s="61">
        <v>1</v>
      </c>
      <c r="CK30" s="62">
        <v>15</v>
      </c>
      <c r="CL30" s="63">
        <v>23</v>
      </c>
      <c r="CM30" s="60">
        <v>109</v>
      </c>
      <c r="CN30" s="61">
        <v>118</v>
      </c>
      <c r="CO30" s="62">
        <v>227</v>
      </c>
      <c r="CP30" s="231"/>
      <c r="CQ30" s="61">
        <v>106</v>
      </c>
      <c r="CR30" s="61">
        <v>100</v>
      </c>
      <c r="CS30" s="61">
        <v>66</v>
      </c>
      <c r="CT30" s="61">
        <v>66</v>
      </c>
      <c r="CU30" s="61">
        <v>38</v>
      </c>
      <c r="CV30" s="62">
        <v>376</v>
      </c>
      <c r="CW30" s="63">
        <v>603</v>
      </c>
      <c r="CX30" s="113">
        <v>263</v>
      </c>
      <c r="CY30" s="72">
        <v>195</v>
      </c>
      <c r="CZ30" s="73">
        <v>458</v>
      </c>
      <c r="DA30" s="228"/>
      <c r="DB30" s="72">
        <v>241</v>
      </c>
      <c r="DC30" s="72">
        <v>133</v>
      </c>
      <c r="DD30" s="72">
        <v>146</v>
      </c>
      <c r="DE30" s="72">
        <v>138</v>
      </c>
      <c r="DF30" s="72">
        <v>121</v>
      </c>
      <c r="DG30" s="74">
        <v>779</v>
      </c>
      <c r="DH30" s="75">
        <v>1237</v>
      </c>
      <c r="DI30" s="60">
        <v>2</v>
      </c>
      <c r="DJ30" s="61">
        <v>6</v>
      </c>
      <c r="DK30" s="62">
        <v>8</v>
      </c>
      <c r="DL30" s="231"/>
      <c r="DM30" s="61">
        <v>2</v>
      </c>
      <c r="DN30" s="61">
        <v>0</v>
      </c>
      <c r="DO30" s="61">
        <v>1</v>
      </c>
      <c r="DP30" s="61">
        <v>2</v>
      </c>
      <c r="DQ30" s="61">
        <v>2</v>
      </c>
      <c r="DR30" s="62">
        <v>7</v>
      </c>
      <c r="DS30" s="63">
        <v>15</v>
      </c>
      <c r="DT30" s="60">
        <v>17</v>
      </c>
      <c r="DU30" s="61">
        <v>13</v>
      </c>
      <c r="DV30" s="62">
        <v>30</v>
      </c>
      <c r="DW30" s="231"/>
      <c r="DX30" s="61">
        <v>12</v>
      </c>
      <c r="DY30" s="61">
        <v>8</v>
      </c>
      <c r="DZ30" s="61">
        <v>9</v>
      </c>
      <c r="EA30" s="61">
        <v>4</v>
      </c>
      <c r="EB30" s="61">
        <v>0</v>
      </c>
      <c r="EC30" s="62">
        <v>33</v>
      </c>
      <c r="ED30" s="63">
        <v>63</v>
      </c>
      <c r="EE30" s="60">
        <v>39</v>
      </c>
      <c r="EF30" s="61">
        <v>24</v>
      </c>
      <c r="EG30" s="62">
        <v>63</v>
      </c>
      <c r="EH30" s="231"/>
      <c r="EI30" s="61">
        <v>18</v>
      </c>
      <c r="EJ30" s="61">
        <v>16</v>
      </c>
      <c r="EK30" s="61">
        <v>9</v>
      </c>
      <c r="EL30" s="61">
        <v>13</v>
      </c>
      <c r="EM30" s="61">
        <v>9</v>
      </c>
      <c r="EN30" s="62">
        <v>65</v>
      </c>
      <c r="EO30" s="63">
        <v>128</v>
      </c>
      <c r="EP30" s="60">
        <v>69</v>
      </c>
      <c r="EQ30" s="61">
        <v>36</v>
      </c>
      <c r="ER30" s="62">
        <v>105</v>
      </c>
      <c r="ES30" s="231"/>
      <c r="ET30" s="61">
        <v>53</v>
      </c>
      <c r="EU30" s="61">
        <v>25</v>
      </c>
      <c r="EV30" s="61">
        <v>28</v>
      </c>
      <c r="EW30" s="61">
        <v>21</v>
      </c>
      <c r="EX30" s="61">
        <v>19</v>
      </c>
      <c r="EY30" s="62">
        <v>146</v>
      </c>
      <c r="EZ30" s="63">
        <v>251</v>
      </c>
      <c r="FA30" s="60">
        <v>76</v>
      </c>
      <c r="FB30" s="61">
        <v>69</v>
      </c>
      <c r="FC30" s="62">
        <v>145</v>
      </c>
      <c r="FD30" s="231"/>
      <c r="FE30" s="61">
        <v>76</v>
      </c>
      <c r="FF30" s="61">
        <v>38</v>
      </c>
      <c r="FG30" s="61">
        <v>35</v>
      </c>
      <c r="FH30" s="61">
        <v>25</v>
      </c>
      <c r="FI30" s="61">
        <v>35</v>
      </c>
      <c r="FJ30" s="62">
        <v>209</v>
      </c>
      <c r="FK30" s="63">
        <v>354</v>
      </c>
      <c r="FL30" s="60">
        <v>60</v>
      </c>
      <c r="FM30" s="61">
        <v>47</v>
      </c>
      <c r="FN30" s="62">
        <v>107</v>
      </c>
      <c r="FO30" s="231"/>
      <c r="FP30" s="61">
        <v>80</v>
      </c>
      <c r="FQ30" s="61">
        <v>46</v>
      </c>
      <c r="FR30" s="61">
        <v>64</v>
      </c>
      <c r="FS30" s="61">
        <v>73</v>
      </c>
      <c r="FT30" s="61">
        <v>56</v>
      </c>
      <c r="FU30" s="62">
        <v>319</v>
      </c>
      <c r="FV30" s="63">
        <v>426</v>
      </c>
      <c r="FW30" s="60">
        <v>1</v>
      </c>
      <c r="FX30" s="61">
        <v>2</v>
      </c>
      <c r="FY30" s="62">
        <v>3</v>
      </c>
      <c r="FZ30" s="231"/>
      <c r="GA30" s="61">
        <v>5</v>
      </c>
      <c r="GB30" s="61">
        <v>6</v>
      </c>
      <c r="GC30" s="61">
        <v>2</v>
      </c>
      <c r="GD30" s="61">
        <v>2</v>
      </c>
      <c r="GE30" s="61">
        <v>2</v>
      </c>
      <c r="GF30" s="62">
        <v>17</v>
      </c>
      <c r="GG30" s="63">
        <v>20</v>
      </c>
      <c r="GH30" s="60">
        <v>264</v>
      </c>
      <c r="GI30" s="61">
        <v>197</v>
      </c>
      <c r="GJ30" s="62">
        <v>461</v>
      </c>
      <c r="GK30" s="231"/>
      <c r="GL30" s="61">
        <v>246</v>
      </c>
      <c r="GM30" s="61">
        <v>139</v>
      </c>
      <c r="GN30" s="61">
        <v>148</v>
      </c>
      <c r="GO30" s="61">
        <v>140</v>
      </c>
      <c r="GP30" s="61">
        <v>123</v>
      </c>
      <c r="GQ30" s="62">
        <v>796</v>
      </c>
      <c r="GR30" s="63">
        <v>1257</v>
      </c>
      <c r="GS30" s="113">
        <v>366</v>
      </c>
      <c r="GT30" s="72">
        <v>311</v>
      </c>
      <c r="GU30" s="73">
        <v>677</v>
      </c>
      <c r="GV30" s="228"/>
      <c r="GW30" s="72">
        <v>344</v>
      </c>
      <c r="GX30" s="72">
        <v>230</v>
      </c>
      <c r="GY30" s="72">
        <v>206</v>
      </c>
      <c r="GZ30" s="72">
        <v>202</v>
      </c>
      <c r="HA30" s="72">
        <v>158</v>
      </c>
      <c r="HB30" s="74">
        <v>1140</v>
      </c>
      <c r="HC30" s="75">
        <v>1817</v>
      </c>
      <c r="HD30" s="60">
        <v>4</v>
      </c>
      <c r="HE30" s="61">
        <v>11</v>
      </c>
      <c r="HF30" s="62">
        <v>15</v>
      </c>
      <c r="HG30" s="231"/>
      <c r="HH30" s="61">
        <v>4</v>
      </c>
      <c r="HI30" s="61">
        <v>4</v>
      </c>
      <c r="HJ30" s="61">
        <v>2</v>
      </c>
      <c r="HK30" s="61">
        <v>2</v>
      </c>
      <c r="HL30" s="61">
        <v>3</v>
      </c>
      <c r="HM30" s="62">
        <v>15</v>
      </c>
      <c r="HN30" s="63">
        <v>30</v>
      </c>
      <c r="HO30" s="60">
        <v>25</v>
      </c>
      <c r="HP30" s="61">
        <v>22</v>
      </c>
      <c r="HQ30" s="62">
        <v>47</v>
      </c>
      <c r="HR30" s="231"/>
      <c r="HS30" s="61">
        <v>23</v>
      </c>
      <c r="HT30" s="61">
        <v>24</v>
      </c>
      <c r="HU30" s="61">
        <v>13</v>
      </c>
      <c r="HV30" s="61">
        <v>11</v>
      </c>
      <c r="HW30" s="61">
        <v>1</v>
      </c>
      <c r="HX30" s="62">
        <v>72</v>
      </c>
      <c r="HY30" s="63">
        <v>119</v>
      </c>
      <c r="HZ30" s="60">
        <v>60</v>
      </c>
      <c r="IA30" s="61">
        <v>40</v>
      </c>
      <c r="IB30" s="62">
        <v>100</v>
      </c>
      <c r="IC30" s="231"/>
      <c r="ID30" s="61">
        <v>30</v>
      </c>
      <c r="IE30" s="61">
        <v>34</v>
      </c>
      <c r="IF30" s="61">
        <v>16</v>
      </c>
      <c r="IG30" s="61">
        <v>24</v>
      </c>
      <c r="IH30" s="61">
        <v>18</v>
      </c>
      <c r="II30" s="62">
        <v>122</v>
      </c>
      <c r="IJ30" s="63">
        <v>222</v>
      </c>
      <c r="IK30" s="60">
        <v>90</v>
      </c>
      <c r="IL30" s="61">
        <v>71</v>
      </c>
      <c r="IM30" s="62">
        <v>161</v>
      </c>
      <c r="IN30" s="231"/>
      <c r="IO30" s="61">
        <v>79</v>
      </c>
      <c r="IP30" s="61">
        <v>48</v>
      </c>
      <c r="IQ30" s="61">
        <v>45</v>
      </c>
      <c r="IR30" s="61">
        <v>31</v>
      </c>
      <c r="IS30" s="61">
        <v>23</v>
      </c>
      <c r="IT30" s="62">
        <v>226</v>
      </c>
      <c r="IU30" s="63">
        <v>387</v>
      </c>
      <c r="IV30" s="60">
        <v>111</v>
      </c>
      <c r="IW30" s="61">
        <v>101</v>
      </c>
      <c r="IX30" s="62">
        <v>212</v>
      </c>
      <c r="IY30" s="231"/>
      <c r="IZ30" s="61">
        <v>99</v>
      </c>
      <c r="JA30" s="61">
        <v>51</v>
      </c>
      <c r="JB30" s="61">
        <v>51</v>
      </c>
      <c r="JC30" s="61">
        <v>46</v>
      </c>
      <c r="JD30" s="61">
        <v>50</v>
      </c>
      <c r="JE30" s="62">
        <v>297</v>
      </c>
      <c r="JF30" s="63">
        <v>509</v>
      </c>
      <c r="JG30" s="60">
        <v>76</v>
      </c>
      <c r="JH30" s="61">
        <v>66</v>
      </c>
      <c r="JI30" s="62">
        <v>142</v>
      </c>
      <c r="JJ30" s="231"/>
      <c r="JK30" s="61">
        <v>109</v>
      </c>
      <c r="JL30" s="61">
        <v>69</v>
      </c>
      <c r="JM30" s="61">
        <v>79</v>
      </c>
      <c r="JN30" s="61">
        <v>88</v>
      </c>
      <c r="JO30" s="61">
        <v>63</v>
      </c>
      <c r="JP30" s="62">
        <v>408</v>
      </c>
      <c r="JQ30" s="63">
        <v>550</v>
      </c>
      <c r="JR30" s="60">
        <v>7</v>
      </c>
      <c r="JS30" s="61">
        <v>4</v>
      </c>
      <c r="JT30" s="62">
        <v>11</v>
      </c>
      <c r="JU30" s="231"/>
      <c r="JV30" s="61">
        <v>8</v>
      </c>
      <c r="JW30" s="61">
        <v>9</v>
      </c>
      <c r="JX30" s="61">
        <v>8</v>
      </c>
      <c r="JY30" s="61">
        <v>4</v>
      </c>
      <c r="JZ30" s="61">
        <v>3</v>
      </c>
      <c r="KA30" s="62">
        <v>32</v>
      </c>
      <c r="KB30" s="63">
        <v>43</v>
      </c>
      <c r="KC30" s="60">
        <v>373</v>
      </c>
      <c r="KD30" s="61">
        <v>315</v>
      </c>
      <c r="KE30" s="62">
        <v>688</v>
      </c>
      <c r="KF30" s="231"/>
      <c r="KG30" s="61">
        <v>352</v>
      </c>
      <c r="KH30" s="61">
        <v>239</v>
      </c>
      <c r="KI30" s="61">
        <v>214</v>
      </c>
      <c r="KJ30" s="61">
        <v>206</v>
      </c>
      <c r="KK30" s="61">
        <v>161</v>
      </c>
      <c r="KL30" s="62">
        <v>1172</v>
      </c>
      <c r="KM30" s="63">
        <v>1860</v>
      </c>
    </row>
    <row r="31" spans="2:299" ht="21" customHeight="1" x14ac:dyDescent="0.2">
      <c r="B31" s="472" t="s">
        <v>28</v>
      </c>
      <c r="C31" s="293">
        <v>5</v>
      </c>
      <c r="D31" s="72">
        <v>18</v>
      </c>
      <c r="E31" s="73">
        <v>23</v>
      </c>
      <c r="F31" s="228"/>
      <c r="G31" s="72">
        <v>53</v>
      </c>
      <c r="H31" s="72">
        <v>42</v>
      </c>
      <c r="I31" s="72">
        <v>25</v>
      </c>
      <c r="J31" s="72">
        <v>13</v>
      </c>
      <c r="K31" s="72">
        <v>16</v>
      </c>
      <c r="L31" s="74">
        <v>149</v>
      </c>
      <c r="M31" s="75">
        <v>172</v>
      </c>
      <c r="N31" s="60">
        <v>0</v>
      </c>
      <c r="O31" s="61">
        <v>3</v>
      </c>
      <c r="P31" s="62">
        <v>3</v>
      </c>
      <c r="Q31" s="231"/>
      <c r="R31" s="61">
        <v>3</v>
      </c>
      <c r="S31" s="61">
        <v>1</v>
      </c>
      <c r="T31" s="61">
        <v>2</v>
      </c>
      <c r="U31" s="61">
        <v>2</v>
      </c>
      <c r="V31" s="61">
        <v>1</v>
      </c>
      <c r="W31" s="62">
        <v>9</v>
      </c>
      <c r="X31" s="63">
        <v>12</v>
      </c>
      <c r="Y31" s="60">
        <v>0</v>
      </c>
      <c r="Z31" s="61">
        <v>5</v>
      </c>
      <c r="AA31" s="62">
        <v>5</v>
      </c>
      <c r="AB31" s="231"/>
      <c r="AC31" s="61">
        <v>9</v>
      </c>
      <c r="AD31" s="61">
        <v>4</v>
      </c>
      <c r="AE31" s="61">
        <v>3</v>
      </c>
      <c r="AF31" s="61">
        <v>1</v>
      </c>
      <c r="AG31" s="61">
        <v>1</v>
      </c>
      <c r="AH31" s="62">
        <v>18</v>
      </c>
      <c r="AI31" s="63">
        <v>23</v>
      </c>
      <c r="AJ31" s="60">
        <v>1</v>
      </c>
      <c r="AK31" s="61">
        <v>2</v>
      </c>
      <c r="AL31" s="62">
        <v>3</v>
      </c>
      <c r="AM31" s="231"/>
      <c r="AN31" s="61">
        <v>11</v>
      </c>
      <c r="AO31" s="61">
        <v>5</v>
      </c>
      <c r="AP31" s="61">
        <v>5</v>
      </c>
      <c r="AQ31" s="61">
        <v>1</v>
      </c>
      <c r="AR31" s="61">
        <v>3</v>
      </c>
      <c r="AS31" s="62">
        <v>25</v>
      </c>
      <c r="AT31" s="63">
        <v>28</v>
      </c>
      <c r="AU31" s="60">
        <v>1</v>
      </c>
      <c r="AV31" s="61">
        <v>3</v>
      </c>
      <c r="AW31" s="62">
        <v>4</v>
      </c>
      <c r="AX31" s="231"/>
      <c r="AY31" s="61">
        <v>16</v>
      </c>
      <c r="AZ31" s="61">
        <v>11</v>
      </c>
      <c r="BA31" s="61">
        <v>2</v>
      </c>
      <c r="BB31" s="61">
        <v>5</v>
      </c>
      <c r="BC31" s="61">
        <v>3</v>
      </c>
      <c r="BD31" s="62">
        <v>37</v>
      </c>
      <c r="BE31" s="63">
        <v>41</v>
      </c>
      <c r="BF31" s="60">
        <v>2</v>
      </c>
      <c r="BG31" s="61">
        <v>3</v>
      </c>
      <c r="BH31" s="62">
        <v>5</v>
      </c>
      <c r="BI31" s="231"/>
      <c r="BJ31" s="61">
        <v>7</v>
      </c>
      <c r="BK31" s="61">
        <v>12</v>
      </c>
      <c r="BL31" s="61">
        <v>6</v>
      </c>
      <c r="BM31" s="61">
        <v>0</v>
      </c>
      <c r="BN31" s="61">
        <v>3</v>
      </c>
      <c r="BO31" s="62">
        <v>28</v>
      </c>
      <c r="BP31" s="63">
        <v>33</v>
      </c>
      <c r="BQ31" s="60">
        <v>1</v>
      </c>
      <c r="BR31" s="61">
        <v>2</v>
      </c>
      <c r="BS31" s="62">
        <v>3</v>
      </c>
      <c r="BT31" s="231"/>
      <c r="BU31" s="61">
        <v>7</v>
      </c>
      <c r="BV31" s="61">
        <v>9</v>
      </c>
      <c r="BW31" s="61">
        <v>7</v>
      </c>
      <c r="BX31" s="61">
        <v>4</v>
      </c>
      <c r="BY31" s="61">
        <v>5</v>
      </c>
      <c r="BZ31" s="62">
        <v>32</v>
      </c>
      <c r="CA31" s="63">
        <v>35</v>
      </c>
      <c r="CB31" s="60">
        <v>0</v>
      </c>
      <c r="CC31" s="61">
        <v>1</v>
      </c>
      <c r="CD31" s="62">
        <v>1</v>
      </c>
      <c r="CE31" s="231"/>
      <c r="CF31" s="61">
        <v>0</v>
      </c>
      <c r="CG31" s="61">
        <v>3</v>
      </c>
      <c r="CH31" s="61">
        <v>0</v>
      </c>
      <c r="CI31" s="61">
        <v>0</v>
      </c>
      <c r="CJ31" s="61">
        <v>2</v>
      </c>
      <c r="CK31" s="62">
        <v>5</v>
      </c>
      <c r="CL31" s="63">
        <v>6</v>
      </c>
      <c r="CM31" s="60">
        <v>5</v>
      </c>
      <c r="CN31" s="61">
        <v>19</v>
      </c>
      <c r="CO31" s="62">
        <v>24</v>
      </c>
      <c r="CP31" s="231"/>
      <c r="CQ31" s="61">
        <v>53</v>
      </c>
      <c r="CR31" s="61">
        <v>45</v>
      </c>
      <c r="CS31" s="61">
        <v>25</v>
      </c>
      <c r="CT31" s="61">
        <v>13</v>
      </c>
      <c r="CU31" s="61">
        <v>18</v>
      </c>
      <c r="CV31" s="62">
        <v>154</v>
      </c>
      <c r="CW31" s="63">
        <v>178</v>
      </c>
      <c r="CX31" s="113">
        <v>17</v>
      </c>
      <c r="CY31" s="72">
        <v>34</v>
      </c>
      <c r="CZ31" s="73">
        <v>51</v>
      </c>
      <c r="DA31" s="228"/>
      <c r="DB31" s="72">
        <v>57</v>
      </c>
      <c r="DC31" s="72">
        <v>87</v>
      </c>
      <c r="DD31" s="72">
        <v>50</v>
      </c>
      <c r="DE31" s="72">
        <v>53</v>
      </c>
      <c r="DF31" s="72">
        <v>30</v>
      </c>
      <c r="DG31" s="74">
        <v>277</v>
      </c>
      <c r="DH31" s="75">
        <v>328</v>
      </c>
      <c r="DI31" s="60">
        <v>1</v>
      </c>
      <c r="DJ31" s="61">
        <v>0</v>
      </c>
      <c r="DK31" s="62">
        <v>1</v>
      </c>
      <c r="DL31" s="231"/>
      <c r="DM31" s="61">
        <v>2</v>
      </c>
      <c r="DN31" s="61">
        <v>4</v>
      </c>
      <c r="DO31" s="61">
        <v>0</v>
      </c>
      <c r="DP31" s="61">
        <v>0</v>
      </c>
      <c r="DQ31" s="61">
        <v>0</v>
      </c>
      <c r="DR31" s="62">
        <v>6</v>
      </c>
      <c r="DS31" s="63">
        <v>7</v>
      </c>
      <c r="DT31" s="60">
        <v>1</v>
      </c>
      <c r="DU31" s="61">
        <v>6</v>
      </c>
      <c r="DV31" s="62">
        <v>7</v>
      </c>
      <c r="DW31" s="231"/>
      <c r="DX31" s="61">
        <v>0</v>
      </c>
      <c r="DY31" s="61">
        <v>9</v>
      </c>
      <c r="DZ31" s="61">
        <v>3</v>
      </c>
      <c r="EA31" s="61">
        <v>0</v>
      </c>
      <c r="EB31" s="61">
        <v>0</v>
      </c>
      <c r="EC31" s="62">
        <v>12</v>
      </c>
      <c r="ED31" s="63">
        <v>19</v>
      </c>
      <c r="EE31" s="60">
        <v>2</v>
      </c>
      <c r="EF31" s="61">
        <v>6</v>
      </c>
      <c r="EG31" s="62">
        <v>8</v>
      </c>
      <c r="EH31" s="231"/>
      <c r="EI31" s="61">
        <v>8</v>
      </c>
      <c r="EJ31" s="61">
        <v>7</v>
      </c>
      <c r="EK31" s="61">
        <v>8</v>
      </c>
      <c r="EL31" s="61">
        <v>5</v>
      </c>
      <c r="EM31" s="61">
        <v>6</v>
      </c>
      <c r="EN31" s="62">
        <v>34</v>
      </c>
      <c r="EO31" s="63">
        <v>42</v>
      </c>
      <c r="EP31" s="60">
        <v>8</v>
      </c>
      <c r="EQ31" s="61">
        <v>10</v>
      </c>
      <c r="ER31" s="62">
        <v>18</v>
      </c>
      <c r="ES31" s="231"/>
      <c r="ET31" s="61">
        <v>18</v>
      </c>
      <c r="EU31" s="61">
        <v>15</v>
      </c>
      <c r="EV31" s="61">
        <v>15</v>
      </c>
      <c r="EW31" s="61">
        <v>5</v>
      </c>
      <c r="EX31" s="61">
        <v>6</v>
      </c>
      <c r="EY31" s="62">
        <v>59</v>
      </c>
      <c r="EZ31" s="63">
        <v>77</v>
      </c>
      <c r="FA31" s="60">
        <v>4</v>
      </c>
      <c r="FB31" s="61">
        <v>9</v>
      </c>
      <c r="FC31" s="62">
        <v>13</v>
      </c>
      <c r="FD31" s="231"/>
      <c r="FE31" s="61">
        <v>13</v>
      </c>
      <c r="FF31" s="61">
        <v>29</v>
      </c>
      <c r="FG31" s="61">
        <v>8</v>
      </c>
      <c r="FH31" s="61">
        <v>17</v>
      </c>
      <c r="FI31" s="61">
        <v>8</v>
      </c>
      <c r="FJ31" s="62">
        <v>75</v>
      </c>
      <c r="FK31" s="63">
        <v>88</v>
      </c>
      <c r="FL31" s="60">
        <v>1</v>
      </c>
      <c r="FM31" s="61">
        <v>3</v>
      </c>
      <c r="FN31" s="62">
        <v>4</v>
      </c>
      <c r="FO31" s="231"/>
      <c r="FP31" s="61">
        <v>16</v>
      </c>
      <c r="FQ31" s="61">
        <v>23</v>
      </c>
      <c r="FR31" s="61">
        <v>16</v>
      </c>
      <c r="FS31" s="61">
        <v>26</v>
      </c>
      <c r="FT31" s="61">
        <v>10</v>
      </c>
      <c r="FU31" s="62">
        <v>91</v>
      </c>
      <c r="FV31" s="63">
        <v>95</v>
      </c>
      <c r="FW31" s="60">
        <v>2</v>
      </c>
      <c r="FX31" s="61">
        <v>0</v>
      </c>
      <c r="FY31" s="62">
        <v>2</v>
      </c>
      <c r="FZ31" s="231"/>
      <c r="GA31" s="61">
        <v>1</v>
      </c>
      <c r="GB31" s="61">
        <v>1</v>
      </c>
      <c r="GC31" s="61">
        <v>0</v>
      </c>
      <c r="GD31" s="61">
        <v>0</v>
      </c>
      <c r="GE31" s="61">
        <v>2</v>
      </c>
      <c r="GF31" s="62">
        <v>4</v>
      </c>
      <c r="GG31" s="63">
        <v>6</v>
      </c>
      <c r="GH31" s="60">
        <v>19</v>
      </c>
      <c r="GI31" s="61">
        <v>34</v>
      </c>
      <c r="GJ31" s="62">
        <v>53</v>
      </c>
      <c r="GK31" s="231"/>
      <c r="GL31" s="61">
        <v>58</v>
      </c>
      <c r="GM31" s="61">
        <v>88</v>
      </c>
      <c r="GN31" s="61">
        <v>50</v>
      </c>
      <c r="GO31" s="61">
        <v>53</v>
      </c>
      <c r="GP31" s="61">
        <v>32</v>
      </c>
      <c r="GQ31" s="62">
        <v>281</v>
      </c>
      <c r="GR31" s="63">
        <v>334</v>
      </c>
      <c r="GS31" s="113">
        <v>22</v>
      </c>
      <c r="GT31" s="72">
        <v>52</v>
      </c>
      <c r="GU31" s="73">
        <v>74</v>
      </c>
      <c r="GV31" s="228"/>
      <c r="GW31" s="72">
        <v>110</v>
      </c>
      <c r="GX31" s="72">
        <v>129</v>
      </c>
      <c r="GY31" s="72">
        <v>75</v>
      </c>
      <c r="GZ31" s="72">
        <v>66</v>
      </c>
      <c r="HA31" s="72">
        <v>46</v>
      </c>
      <c r="HB31" s="74">
        <v>426</v>
      </c>
      <c r="HC31" s="75">
        <v>500</v>
      </c>
      <c r="HD31" s="60">
        <v>1</v>
      </c>
      <c r="HE31" s="61">
        <v>3</v>
      </c>
      <c r="HF31" s="62">
        <v>4</v>
      </c>
      <c r="HG31" s="231"/>
      <c r="HH31" s="61">
        <v>5</v>
      </c>
      <c r="HI31" s="61">
        <v>5</v>
      </c>
      <c r="HJ31" s="61">
        <v>2</v>
      </c>
      <c r="HK31" s="61">
        <v>2</v>
      </c>
      <c r="HL31" s="61">
        <v>1</v>
      </c>
      <c r="HM31" s="62">
        <v>15</v>
      </c>
      <c r="HN31" s="63">
        <v>19</v>
      </c>
      <c r="HO31" s="60">
        <v>1</v>
      </c>
      <c r="HP31" s="61">
        <v>11</v>
      </c>
      <c r="HQ31" s="62">
        <v>12</v>
      </c>
      <c r="HR31" s="231"/>
      <c r="HS31" s="61">
        <v>9</v>
      </c>
      <c r="HT31" s="61">
        <v>13</v>
      </c>
      <c r="HU31" s="61">
        <v>6</v>
      </c>
      <c r="HV31" s="61">
        <v>1</v>
      </c>
      <c r="HW31" s="61">
        <v>1</v>
      </c>
      <c r="HX31" s="62">
        <v>30</v>
      </c>
      <c r="HY31" s="63">
        <v>42</v>
      </c>
      <c r="HZ31" s="60">
        <v>3</v>
      </c>
      <c r="IA31" s="61">
        <v>8</v>
      </c>
      <c r="IB31" s="62">
        <v>11</v>
      </c>
      <c r="IC31" s="231"/>
      <c r="ID31" s="61">
        <v>19</v>
      </c>
      <c r="IE31" s="61">
        <v>12</v>
      </c>
      <c r="IF31" s="61">
        <v>13</v>
      </c>
      <c r="IG31" s="61">
        <v>6</v>
      </c>
      <c r="IH31" s="61">
        <v>9</v>
      </c>
      <c r="II31" s="62">
        <v>59</v>
      </c>
      <c r="IJ31" s="63">
        <v>70</v>
      </c>
      <c r="IK31" s="60">
        <v>9</v>
      </c>
      <c r="IL31" s="61">
        <v>13</v>
      </c>
      <c r="IM31" s="62">
        <v>22</v>
      </c>
      <c r="IN31" s="231"/>
      <c r="IO31" s="61">
        <v>34</v>
      </c>
      <c r="IP31" s="61">
        <v>26</v>
      </c>
      <c r="IQ31" s="61">
        <v>17</v>
      </c>
      <c r="IR31" s="61">
        <v>10</v>
      </c>
      <c r="IS31" s="61">
        <v>9</v>
      </c>
      <c r="IT31" s="62">
        <v>96</v>
      </c>
      <c r="IU31" s="63">
        <v>118</v>
      </c>
      <c r="IV31" s="60">
        <v>6</v>
      </c>
      <c r="IW31" s="61">
        <v>12</v>
      </c>
      <c r="IX31" s="62">
        <v>18</v>
      </c>
      <c r="IY31" s="231"/>
      <c r="IZ31" s="61">
        <v>20</v>
      </c>
      <c r="JA31" s="61">
        <v>41</v>
      </c>
      <c r="JB31" s="61">
        <v>14</v>
      </c>
      <c r="JC31" s="61">
        <v>17</v>
      </c>
      <c r="JD31" s="61">
        <v>11</v>
      </c>
      <c r="JE31" s="62">
        <v>103</v>
      </c>
      <c r="JF31" s="63">
        <v>121</v>
      </c>
      <c r="JG31" s="60">
        <v>2</v>
      </c>
      <c r="JH31" s="61">
        <v>5</v>
      </c>
      <c r="JI31" s="62">
        <v>7</v>
      </c>
      <c r="JJ31" s="231"/>
      <c r="JK31" s="61">
        <v>23</v>
      </c>
      <c r="JL31" s="61">
        <v>32</v>
      </c>
      <c r="JM31" s="61">
        <v>23</v>
      </c>
      <c r="JN31" s="61">
        <v>30</v>
      </c>
      <c r="JO31" s="61">
        <v>15</v>
      </c>
      <c r="JP31" s="62">
        <v>123</v>
      </c>
      <c r="JQ31" s="63">
        <v>130</v>
      </c>
      <c r="JR31" s="60">
        <v>2</v>
      </c>
      <c r="JS31" s="61">
        <v>1</v>
      </c>
      <c r="JT31" s="62">
        <v>3</v>
      </c>
      <c r="JU31" s="231"/>
      <c r="JV31" s="61">
        <v>1</v>
      </c>
      <c r="JW31" s="61">
        <v>4</v>
      </c>
      <c r="JX31" s="61">
        <v>0</v>
      </c>
      <c r="JY31" s="61">
        <v>0</v>
      </c>
      <c r="JZ31" s="61">
        <v>4</v>
      </c>
      <c r="KA31" s="62">
        <v>9</v>
      </c>
      <c r="KB31" s="63">
        <v>12</v>
      </c>
      <c r="KC31" s="60">
        <v>24</v>
      </c>
      <c r="KD31" s="61">
        <v>53</v>
      </c>
      <c r="KE31" s="62">
        <v>77</v>
      </c>
      <c r="KF31" s="231"/>
      <c r="KG31" s="61">
        <v>111</v>
      </c>
      <c r="KH31" s="61">
        <v>133</v>
      </c>
      <c r="KI31" s="61">
        <v>75</v>
      </c>
      <c r="KJ31" s="61">
        <v>66</v>
      </c>
      <c r="KK31" s="61">
        <v>50</v>
      </c>
      <c r="KL31" s="62">
        <v>435</v>
      </c>
      <c r="KM31" s="63">
        <v>512</v>
      </c>
    </row>
    <row r="32" spans="2:299" ht="21" customHeight="1" x14ac:dyDescent="0.2">
      <c r="B32" s="472" t="s">
        <v>29</v>
      </c>
      <c r="C32" s="293">
        <v>25</v>
      </c>
      <c r="D32" s="72">
        <v>29</v>
      </c>
      <c r="E32" s="73">
        <v>54</v>
      </c>
      <c r="F32" s="228"/>
      <c r="G32" s="72">
        <v>43</v>
      </c>
      <c r="H32" s="72">
        <v>45</v>
      </c>
      <c r="I32" s="72">
        <v>47</v>
      </c>
      <c r="J32" s="72">
        <v>29</v>
      </c>
      <c r="K32" s="72">
        <v>17</v>
      </c>
      <c r="L32" s="74">
        <v>181</v>
      </c>
      <c r="M32" s="75">
        <v>235</v>
      </c>
      <c r="N32" s="60">
        <v>3</v>
      </c>
      <c r="O32" s="61">
        <v>1</v>
      </c>
      <c r="P32" s="62">
        <v>4</v>
      </c>
      <c r="Q32" s="231"/>
      <c r="R32" s="61">
        <v>3</v>
      </c>
      <c r="S32" s="61">
        <v>0</v>
      </c>
      <c r="T32" s="61">
        <v>4</v>
      </c>
      <c r="U32" s="61">
        <v>1</v>
      </c>
      <c r="V32" s="61">
        <v>2</v>
      </c>
      <c r="W32" s="62">
        <v>10</v>
      </c>
      <c r="X32" s="63">
        <v>14</v>
      </c>
      <c r="Y32" s="60">
        <v>2</v>
      </c>
      <c r="Z32" s="61">
        <v>3</v>
      </c>
      <c r="AA32" s="62">
        <v>5</v>
      </c>
      <c r="AB32" s="231"/>
      <c r="AC32" s="61">
        <v>5</v>
      </c>
      <c r="AD32" s="61">
        <v>2</v>
      </c>
      <c r="AE32" s="61">
        <v>8</v>
      </c>
      <c r="AF32" s="61">
        <v>2</v>
      </c>
      <c r="AG32" s="61">
        <v>1</v>
      </c>
      <c r="AH32" s="62">
        <v>18</v>
      </c>
      <c r="AI32" s="63">
        <v>23</v>
      </c>
      <c r="AJ32" s="60">
        <v>0</v>
      </c>
      <c r="AK32" s="61">
        <v>5</v>
      </c>
      <c r="AL32" s="62">
        <v>5</v>
      </c>
      <c r="AM32" s="231"/>
      <c r="AN32" s="61">
        <v>12</v>
      </c>
      <c r="AO32" s="61">
        <v>13</v>
      </c>
      <c r="AP32" s="61">
        <v>7</v>
      </c>
      <c r="AQ32" s="61">
        <v>7</v>
      </c>
      <c r="AR32" s="61">
        <v>1</v>
      </c>
      <c r="AS32" s="62">
        <v>40</v>
      </c>
      <c r="AT32" s="63">
        <v>45</v>
      </c>
      <c r="AU32" s="60">
        <v>10</v>
      </c>
      <c r="AV32" s="61">
        <v>8</v>
      </c>
      <c r="AW32" s="62">
        <v>18</v>
      </c>
      <c r="AX32" s="231"/>
      <c r="AY32" s="61">
        <v>6</v>
      </c>
      <c r="AZ32" s="61">
        <v>8</v>
      </c>
      <c r="BA32" s="61">
        <v>6</v>
      </c>
      <c r="BB32" s="61">
        <v>9</v>
      </c>
      <c r="BC32" s="61">
        <v>4</v>
      </c>
      <c r="BD32" s="62">
        <v>33</v>
      </c>
      <c r="BE32" s="63">
        <v>51</v>
      </c>
      <c r="BF32" s="60">
        <v>7</v>
      </c>
      <c r="BG32" s="61">
        <v>8</v>
      </c>
      <c r="BH32" s="62">
        <v>15</v>
      </c>
      <c r="BI32" s="231"/>
      <c r="BJ32" s="61">
        <v>11</v>
      </c>
      <c r="BK32" s="61">
        <v>8</v>
      </c>
      <c r="BL32" s="61">
        <v>13</v>
      </c>
      <c r="BM32" s="61">
        <v>5</v>
      </c>
      <c r="BN32" s="61">
        <v>4</v>
      </c>
      <c r="BO32" s="62">
        <v>41</v>
      </c>
      <c r="BP32" s="63">
        <v>56</v>
      </c>
      <c r="BQ32" s="60">
        <v>3</v>
      </c>
      <c r="BR32" s="61">
        <v>4</v>
      </c>
      <c r="BS32" s="62">
        <v>7</v>
      </c>
      <c r="BT32" s="231"/>
      <c r="BU32" s="61">
        <v>6</v>
      </c>
      <c r="BV32" s="61">
        <v>14</v>
      </c>
      <c r="BW32" s="61">
        <v>9</v>
      </c>
      <c r="BX32" s="61">
        <v>5</v>
      </c>
      <c r="BY32" s="61">
        <v>5</v>
      </c>
      <c r="BZ32" s="62">
        <v>39</v>
      </c>
      <c r="CA32" s="63">
        <v>46</v>
      </c>
      <c r="CB32" s="60">
        <v>2</v>
      </c>
      <c r="CC32" s="61">
        <v>1</v>
      </c>
      <c r="CD32" s="62">
        <v>3</v>
      </c>
      <c r="CE32" s="231"/>
      <c r="CF32" s="61">
        <v>4</v>
      </c>
      <c r="CG32" s="61">
        <v>2</v>
      </c>
      <c r="CH32" s="61">
        <v>1</v>
      </c>
      <c r="CI32" s="61">
        <v>0</v>
      </c>
      <c r="CJ32" s="61">
        <v>3</v>
      </c>
      <c r="CK32" s="62">
        <v>10</v>
      </c>
      <c r="CL32" s="63">
        <v>13</v>
      </c>
      <c r="CM32" s="60">
        <v>27</v>
      </c>
      <c r="CN32" s="61">
        <v>30</v>
      </c>
      <c r="CO32" s="62">
        <v>57</v>
      </c>
      <c r="CP32" s="231"/>
      <c r="CQ32" s="61">
        <v>47</v>
      </c>
      <c r="CR32" s="61">
        <v>47</v>
      </c>
      <c r="CS32" s="61">
        <v>48</v>
      </c>
      <c r="CT32" s="61">
        <v>29</v>
      </c>
      <c r="CU32" s="61">
        <v>20</v>
      </c>
      <c r="CV32" s="62">
        <v>191</v>
      </c>
      <c r="CW32" s="63">
        <v>248</v>
      </c>
      <c r="CX32" s="113">
        <v>46</v>
      </c>
      <c r="CY32" s="72">
        <v>46</v>
      </c>
      <c r="CZ32" s="73">
        <v>92</v>
      </c>
      <c r="DA32" s="228"/>
      <c r="DB32" s="72">
        <v>96</v>
      </c>
      <c r="DC32" s="72">
        <v>86</v>
      </c>
      <c r="DD32" s="72">
        <v>77</v>
      </c>
      <c r="DE32" s="72">
        <v>75</v>
      </c>
      <c r="DF32" s="72">
        <v>49</v>
      </c>
      <c r="DG32" s="74">
        <v>383</v>
      </c>
      <c r="DH32" s="75">
        <v>475</v>
      </c>
      <c r="DI32" s="60">
        <v>3</v>
      </c>
      <c r="DJ32" s="61">
        <v>1</v>
      </c>
      <c r="DK32" s="62">
        <v>4</v>
      </c>
      <c r="DL32" s="231"/>
      <c r="DM32" s="61">
        <v>3</v>
      </c>
      <c r="DN32" s="61">
        <v>2</v>
      </c>
      <c r="DO32" s="61">
        <v>2</v>
      </c>
      <c r="DP32" s="61">
        <v>0</v>
      </c>
      <c r="DQ32" s="61">
        <v>2</v>
      </c>
      <c r="DR32" s="62">
        <v>9</v>
      </c>
      <c r="DS32" s="63">
        <v>13</v>
      </c>
      <c r="DT32" s="60">
        <v>2</v>
      </c>
      <c r="DU32" s="61">
        <v>5</v>
      </c>
      <c r="DV32" s="62">
        <v>7</v>
      </c>
      <c r="DW32" s="231"/>
      <c r="DX32" s="61">
        <v>5</v>
      </c>
      <c r="DY32" s="61">
        <v>7</v>
      </c>
      <c r="DZ32" s="61">
        <v>2</v>
      </c>
      <c r="EA32" s="61">
        <v>3</v>
      </c>
      <c r="EB32" s="61">
        <v>3</v>
      </c>
      <c r="EC32" s="62">
        <v>20</v>
      </c>
      <c r="ED32" s="63">
        <v>27</v>
      </c>
      <c r="EE32" s="60">
        <v>9</v>
      </c>
      <c r="EF32" s="61">
        <v>7</v>
      </c>
      <c r="EG32" s="62">
        <v>16</v>
      </c>
      <c r="EH32" s="231"/>
      <c r="EI32" s="61">
        <v>12</v>
      </c>
      <c r="EJ32" s="61">
        <v>7</v>
      </c>
      <c r="EK32" s="61">
        <v>6</v>
      </c>
      <c r="EL32" s="61">
        <v>6</v>
      </c>
      <c r="EM32" s="61">
        <v>2</v>
      </c>
      <c r="EN32" s="62">
        <v>33</v>
      </c>
      <c r="EO32" s="63">
        <v>49</v>
      </c>
      <c r="EP32" s="60">
        <v>15</v>
      </c>
      <c r="EQ32" s="61">
        <v>12</v>
      </c>
      <c r="ER32" s="62">
        <v>27</v>
      </c>
      <c r="ES32" s="231"/>
      <c r="ET32" s="61">
        <v>25</v>
      </c>
      <c r="EU32" s="61">
        <v>15</v>
      </c>
      <c r="EV32" s="61">
        <v>21</v>
      </c>
      <c r="EW32" s="61">
        <v>12</v>
      </c>
      <c r="EX32" s="61">
        <v>11</v>
      </c>
      <c r="EY32" s="62">
        <v>84</v>
      </c>
      <c r="EZ32" s="63">
        <v>111</v>
      </c>
      <c r="FA32" s="60">
        <v>13</v>
      </c>
      <c r="FB32" s="61">
        <v>9</v>
      </c>
      <c r="FC32" s="62">
        <v>22</v>
      </c>
      <c r="FD32" s="231"/>
      <c r="FE32" s="61">
        <v>31</v>
      </c>
      <c r="FF32" s="61">
        <v>31</v>
      </c>
      <c r="FG32" s="61">
        <v>19</v>
      </c>
      <c r="FH32" s="61">
        <v>20</v>
      </c>
      <c r="FI32" s="61">
        <v>13</v>
      </c>
      <c r="FJ32" s="62">
        <v>114</v>
      </c>
      <c r="FK32" s="63">
        <v>136</v>
      </c>
      <c r="FL32" s="60">
        <v>4</v>
      </c>
      <c r="FM32" s="61">
        <v>12</v>
      </c>
      <c r="FN32" s="62">
        <v>16</v>
      </c>
      <c r="FO32" s="231"/>
      <c r="FP32" s="61">
        <v>20</v>
      </c>
      <c r="FQ32" s="61">
        <v>24</v>
      </c>
      <c r="FR32" s="61">
        <v>27</v>
      </c>
      <c r="FS32" s="61">
        <v>34</v>
      </c>
      <c r="FT32" s="61">
        <v>18</v>
      </c>
      <c r="FU32" s="62">
        <v>123</v>
      </c>
      <c r="FV32" s="63">
        <v>139</v>
      </c>
      <c r="FW32" s="60">
        <v>0</v>
      </c>
      <c r="FX32" s="61">
        <v>2</v>
      </c>
      <c r="FY32" s="62">
        <v>2</v>
      </c>
      <c r="FZ32" s="231"/>
      <c r="GA32" s="61">
        <v>1</v>
      </c>
      <c r="GB32" s="61">
        <v>0</v>
      </c>
      <c r="GC32" s="61">
        <v>2</v>
      </c>
      <c r="GD32" s="61">
        <v>0</v>
      </c>
      <c r="GE32" s="61">
        <v>0</v>
      </c>
      <c r="GF32" s="62">
        <v>3</v>
      </c>
      <c r="GG32" s="63">
        <v>5</v>
      </c>
      <c r="GH32" s="60">
        <v>46</v>
      </c>
      <c r="GI32" s="61">
        <v>48</v>
      </c>
      <c r="GJ32" s="62">
        <v>94</v>
      </c>
      <c r="GK32" s="231"/>
      <c r="GL32" s="61">
        <v>97</v>
      </c>
      <c r="GM32" s="61">
        <v>86</v>
      </c>
      <c r="GN32" s="61">
        <v>79</v>
      </c>
      <c r="GO32" s="61">
        <v>75</v>
      </c>
      <c r="GP32" s="61">
        <v>49</v>
      </c>
      <c r="GQ32" s="62">
        <v>386</v>
      </c>
      <c r="GR32" s="63">
        <v>480</v>
      </c>
      <c r="GS32" s="113">
        <v>71</v>
      </c>
      <c r="GT32" s="72">
        <v>75</v>
      </c>
      <c r="GU32" s="73">
        <v>146</v>
      </c>
      <c r="GV32" s="228"/>
      <c r="GW32" s="72">
        <v>139</v>
      </c>
      <c r="GX32" s="72">
        <v>131</v>
      </c>
      <c r="GY32" s="72">
        <v>124</v>
      </c>
      <c r="GZ32" s="72">
        <v>104</v>
      </c>
      <c r="HA32" s="72">
        <v>66</v>
      </c>
      <c r="HB32" s="74">
        <v>564</v>
      </c>
      <c r="HC32" s="75">
        <v>710</v>
      </c>
      <c r="HD32" s="60">
        <v>6</v>
      </c>
      <c r="HE32" s="61">
        <v>2</v>
      </c>
      <c r="HF32" s="62">
        <v>8</v>
      </c>
      <c r="HG32" s="231"/>
      <c r="HH32" s="61">
        <v>6</v>
      </c>
      <c r="HI32" s="61">
        <v>2</v>
      </c>
      <c r="HJ32" s="61">
        <v>6</v>
      </c>
      <c r="HK32" s="61">
        <v>1</v>
      </c>
      <c r="HL32" s="61">
        <v>4</v>
      </c>
      <c r="HM32" s="62">
        <v>19</v>
      </c>
      <c r="HN32" s="63">
        <v>27</v>
      </c>
      <c r="HO32" s="60">
        <v>4</v>
      </c>
      <c r="HP32" s="61">
        <v>8</v>
      </c>
      <c r="HQ32" s="62">
        <v>12</v>
      </c>
      <c r="HR32" s="231"/>
      <c r="HS32" s="61">
        <v>10</v>
      </c>
      <c r="HT32" s="61">
        <v>9</v>
      </c>
      <c r="HU32" s="61">
        <v>10</v>
      </c>
      <c r="HV32" s="61">
        <v>5</v>
      </c>
      <c r="HW32" s="61">
        <v>4</v>
      </c>
      <c r="HX32" s="62">
        <v>38</v>
      </c>
      <c r="HY32" s="63">
        <v>50</v>
      </c>
      <c r="HZ32" s="60">
        <v>9</v>
      </c>
      <c r="IA32" s="61">
        <v>12</v>
      </c>
      <c r="IB32" s="62">
        <v>21</v>
      </c>
      <c r="IC32" s="231"/>
      <c r="ID32" s="61">
        <v>24</v>
      </c>
      <c r="IE32" s="61">
        <v>20</v>
      </c>
      <c r="IF32" s="61">
        <v>13</v>
      </c>
      <c r="IG32" s="61">
        <v>13</v>
      </c>
      <c r="IH32" s="61">
        <v>3</v>
      </c>
      <c r="II32" s="62">
        <v>73</v>
      </c>
      <c r="IJ32" s="63">
        <v>94</v>
      </c>
      <c r="IK32" s="60">
        <v>25</v>
      </c>
      <c r="IL32" s="61">
        <v>20</v>
      </c>
      <c r="IM32" s="62">
        <v>45</v>
      </c>
      <c r="IN32" s="231"/>
      <c r="IO32" s="61">
        <v>31</v>
      </c>
      <c r="IP32" s="61">
        <v>23</v>
      </c>
      <c r="IQ32" s="61">
        <v>27</v>
      </c>
      <c r="IR32" s="61">
        <v>21</v>
      </c>
      <c r="IS32" s="61">
        <v>15</v>
      </c>
      <c r="IT32" s="62">
        <v>117</v>
      </c>
      <c r="IU32" s="63">
        <v>162</v>
      </c>
      <c r="IV32" s="60">
        <v>20</v>
      </c>
      <c r="IW32" s="61">
        <v>17</v>
      </c>
      <c r="IX32" s="62">
        <v>37</v>
      </c>
      <c r="IY32" s="231"/>
      <c r="IZ32" s="61">
        <v>42</v>
      </c>
      <c r="JA32" s="61">
        <v>39</v>
      </c>
      <c r="JB32" s="61">
        <v>32</v>
      </c>
      <c r="JC32" s="61">
        <v>25</v>
      </c>
      <c r="JD32" s="61">
        <v>17</v>
      </c>
      <c r="JE32" s="62">
        <v>155</v>
      </c>
      <c r="JF32" s="63">
        <v>192</v>
      </c>
      <c r="JG32" s="60">
        <v>7</v>
      </c>
      <c r="JH32" s="61">
        <v>16</v>
      </c>
      <c r="JI32" s="62">
        <v>23</v>
      </c>
      <c r="JJ32" s="231"/>
      <c r="JK32" s="61">
        <v>26</v>
      </c>
      <c r="JL32" s="61">
        <v>38</v>
      </c>
      <c r="JM32" s="61">
        <v>36</v>
      </c>
      <c r="JN32" s="61">
        <v>39</v>
      </c>
      <c r="JO32" s="61">
        <v>23</v>
      </c>
      <c r="JP32" s="62">
        <v>162</v>
      </c>
      <c r="JQ32" s="63">
        <v>185</v>
      </c>
      <c r="JR32" s="60">
        <v>2</v>
      </c>
      <c r="JS32" s="61">
        <v>3</v>
      </c>
      <c r="JT32" s="62">
        <v>5</v>
      </c>
      <c r="JU32" s="231"/>
      <c r="JV32" s="61">
        <v>5</v>
      </c>
      <c r="JW32" s="61">
        <v>2</v>
      </c>
      <c r="JX32" s="61">
        <v>3</v>
      </c>
      <c r="JY32" s="61">
        <v>0</v>
      </c>
      <c r="JZ32" s="61">
        <v>3</v>
      </c>
      <c r="KA32" s="62">
        <v>13</v>
      </c>
      <c r="KB32" s="63">
        <v>18</v>
      </c>
      <c r="KC32" s="60">
        <v>73</v>
      </c>
      <c r="KD32" s="61">
        <v>78</v>
      </c>
      <c r="KE32" s="62">
        <v>151</v>
      </c>
      <c r="KF32" s="231"/>
      <c r="KG32" s="61">
        <v>144</v>
      </c>
      <c r="KH32" s="61">
        <v>133</v>
      </c>
      <c r="KI32" s="61">
        <v>127</v>
      </c>
      <c r="KJ32" s="61">
        <v>104</v>
      </c>
      <c r="KK32" s="61">
        <v>69</v>
      </c>
      <c r="KL32" s="62">
        <v>577</v>
      </c>
      <c r="KM32" s="63">
        <v>728</v>
      </c>
    </row>
    <row r="33" spans="2:299" ht="21" customHeight="1" x14ac:dyDescent="0.2">
      <c r="B33" s="472" t="s">
        <v>30</v>
      </c>
      <c r="C33" s="293">
        <v>27</v>
      </c>
      <c r="D33" s="72">
        <v>10</v>
      </c>
      <c r="E33" s="73">
        <v>37</v>
      </c>
      <c r="F33" s="228"/>
      <c r="G33" s="72">
        <v>29</v>
      </c>
      <c r="H33" s="72">
        <v>24</v>
      </c>
      <c r="I33" s="72">
        <v>22</v>
      </c>
      <c r="J33" s="72">
        <v>36</v>
      </c>
      <c r="K33" s="72">
        <v>12</v>
      </c>
      <c r="L33" s="74">
        <v>123</v>
      </c>
      <c r="M33" s="75">
        <v>160</v>
      </c>
      <c r="N33" s="60">
        <v>3</v>
      </c>
      <c r="O33" s="61">
        <v>2</v>
      </c>
      <c r="P33" s="62">
        <v>5</v>
      </c>
      <c r="Q33" s="231"/>
      <c r="R33" s="61">
        <v>1</v>
      </c>
      <c r="S33" s="61">
        <v>1</v>
      </c>
      <c r="T33" s="61">
        <v>0</v>
      </c>
      <c r="U33" s="61">
        <v>2</v>
      </c>
      <c r="V33" s="61">
        <v>1</v>
      </c>
      <c r="W33" s="62">
        <v>5</v>
      </c>
      <c r="X33" s="63">
        <v>10</v>
      </c>
      <c r="Y33" s="60">
        <v>7</v>
      </c>
      <c r="Z33" s="61">
        <v>1</v>
      </c>
      <c r="AA33" s="62">
        <v>8</v>
      </c>
      <c r="AB33" s="231"/>
      <c r="AC33" s="61">
        <v>2</v>
      </c>
      <c r="AD33" s="61">
        <v>6</v>
      </c>
      <c r="AE33" s="61">
        <v>3</v>
      </c>
      <c r="AF33" s="61">
        <v>2</v>
      </c>
      <c r="AG33" s="61">
        <v>1</v>
      </c>
      <c r="AH33" s="62">
        <v>14</v>
      </c>
      <c r="AI33" s="63">
        <v>22</v>
      </c>
      <c r="AJ33" s="60">
        <v>3</v>
      </c>
      <c r="AK33" s="61">
        <v>2</v>
      </c>
      <c r="AL33" s="62">
        <v>5</v>
      </c>
      <c r="AM33" s="231"/>
      <c r="AN33" s="61">
        <v>2</v>
      </c>
      <c r="AO33" s="61">
        <v>4</v>
      </c>
      <c r="AP33" s="61">
        <v>3</v>
      </c>
      <c r="AQ33" s="61">
        <v>8</v>
      </c>
      <c r="AR33" s="61">
        <v>2</v>
      </c>
      <c r="AS33" s="62">
        <v>19</v>
      </c>
      <c r="AT33" s="63">
        <v>24</v>
      </c>
      <c r="AU33" s="60">
        <v>6</v>
      </c>
      <c r="AV33" s="61">
        <v>1</v>
      </c>
      <c r="AW33" s="62">
        <v>7</v>
      </c>
      <c r="AX33" s="231"/>
      <c r="AY33" s="61">
        <v>10</v>
      </c>
      <c r="AZ33" s="61">
        <v>4</v>
      </c>
      <c r="BA33" s="61">
        <v>4</v>
      </c>
      <c r="BB33" s="61">
        <v>7</v>
      </c>
      <c r="BC33" s="61">
        <v>2</v>
      </c>
      <c r="BD33" s="62">
        <v>27</v>
      </c>
      <c r="BE33" s="63">
        <v>34</v>
      </c>
      <c r="BF33" s="60">
        <v>5</v>
      </c>
      <c r="BG33" s="61">
        <v>1</v>
      </c>
      <c r="BH33" s="62">
        <v>6</v>
      </c>
      <c r="BI33" s="231"/>
      <c r="BJ33" s="61">
        <v>7</v>
      </c>
      <c r="BK33" s="61">
        <v>5</v>
      </c>
      <c r="BL33" s="61">
        <v>8</v>
      </c>
      <c r="BM33" s="61">
        <v>8</v>
      </c>
      <c r="BN33" s="61">
        <v>2</v>
      </c>
      <c r="BO33" s="62">
        <v>30</v>
      </c>
      <c r="BP33" s="63">
        <v>36</v>
      </c>
      <c r="BQ33" s="60">
        <v>3</v>
      </c>
      <c r="BR33" s="61">
        <v>3</v>
      </c>
      <c r="BS33" s="62">
        <v>6</v>
      </c>
      <c r="BT33" s="231"/>
      <c r="BU33" s="61">
        <v>7</v>
      </c>
      <c r="BV33" s="61">
        <v>4</v>
      </c>
      <c r="BW33" s="61">
        <v>4</v>
      </c>
      <c r="BX33" s="61">
        <v>9</v>
      </c>
      <c r="BY33" s="61">
        <v>4</v>
      </c>
      <c r="BZ33" s="62">
        <v>28</v>
      </c>
      <c r="CA33" s="63">
        <v>34</v>
      </c>
      <c r="CB33" s="60">
        <v>1</v>
      </c>
      <c r="CC33" s="61">
        <v>0</v>
      </c>
      <c r="CD33" s="62">
        <v>1</v>
      </c>
      <c r="CE33" s="231"/>
      <c r="CF33" s="61">
        <v>2</v>
      </c>
      <c r="CG33" s="61">
        <v>2</v>
      </c>
      <c r="CH33" s="61">
        <v>3</v>
      </c>
      <c r="CI33" s="61">
        <v>1</v>
      </c>
      <c r="CJ33" s="61">
        <v>1</v>
      </c>
      <c r="CK33" s="62">
        <v>9</v>
      </c>
      <c r="CL33" s="63">
        <v>10</v>
      </c>
      <c r="CM33" s="60">
        <v>28</v>
      </c>
      <c r="CN33" s="61">
        <v>10</v>
      </c>
      <c r="CO33" s="62">
        <v>38</v>
      </c>
      <c r="CP33" s="231"/>
      <c r="CQ33" s="61">
        <v>31</v>
      </c>
      <c r="CR33" s="61">
        <v>26</v>
      </c>
      <c r="CS33" s="61">
        <v>25</v>
      </c>
      <c r="CT33" s="61">
        <v>37</v>
      </c>
      <c r="CU33" s="61">
        <v>13</v>
      </c>
      <c r="CV33" s="62">
        <v>132</v>
      </c>
      <c r="CW33" s="63">
        <v>170</v>
      </c>
      <c r="CX33" s="113">
        <v>43</v>
      </c>
      <c r="CY33" s="72">
        <v>37</v>
      </c>
      <c r="CZ33" s="73">
        <v>80</v>
      </c>
      <c r="DA33" s="228"/>
      <c r="DB33" s="72">
        <v>92</v>
      </c>
      <c r="DC33" s="72">
        <v>54</v>
      </c>
      <c r="DD33" s="72">
        <v>71</v>
      </c>
      <c r="DE33" s="72">
        <v>67</v>
      </c>
      <c r="DF33" s="72">
        <v>39</v>
      </c>
      <c r="DG33" s="74">
        <v>323</v>
      </c>
      <c r="DH33" s="75">
        <v>403</v>
      </c>
      <c r="DI33" s="60">
        <v>1</v>
      </c>
      <c r="DJ33" s="61">
        <v>0</v>
      </c>
      <c r="DK33" s="62">
        <v>1</v>
      </c>
      <c r="DL33" s="231"/>
      <c r="DM33" s="61">
        <v>1</v>
      </c>
      <c r="DN33" s="61">
        <v>0</v>
      </c>
      <c r="DO33" s="61">
        <v>1</v>
      </c>
      <c r="DP33" s="61">
        <v>0</v>
      </c>
      <c r="DQ33" s="61">
        <v>1</v>
      </c>
      <c r="DR33" s="62">
        <v>3</v>
      </c>
      <c r="DS33" s="63">
        <v>4</v>
      </c>
      <c r="DT33" s="60">
        <v>5</v>
      </c>
      <c r="DU33" s="61">
        <v>1</v>
      </c>
      <c r="DV33" s="62">
        <v>6</v>
      </c>
      <c r="DW33" s="231"/>
      <c r="DX33" s="61">
        <v>0</v>
      </c>
      <c r="DY33" s="61">
        <v>4</v>
      </c>
      <c r="DZ33" s="61">
        <v>3</v>
      </c>
      <c r="EA33" s="61">
        <v>3</v>
      </c>
      <c r="EB33" s="61">
        <v>2</v>
      </c>
      <c r="EC33" s="62">
        <v>12</v>
      </c>
      <c r="ED33" s="63">
        <v>18</v>
      </c>
      <c r="EE33" s="60">
        <v>7</v>
      </c>
      <c r="EF33" s="61">
        <v>5</v>
      </c>
      <c r="EG33" s="62">
        <v>12</v>
      </c>
      <c r="EH33" s="231"/>
      <c r="EI33" s="61">
        <v>13</v>
      </c>
      <c r="EJ33" s="61">
        <v>7</v>
      </c>
      <c r="EK33" s="61">
        <v>8</v>
      </c>
      <c r="EL33" s="61">
        <v>3</v>
      </c>
      <c r="EM33" s="61">
        <v>2</v>
      </c>
      <c r="EN33" s="62">
        <v>33</v>
      </c>
      <c r="EO33" s="63">
        <v>45</v>
      </c>
      <c r="EP33" s="60">
        <v>13</v>
      </c>
      <c r="EQ33" s="61">
        <v>9</v>
      </c>
      <c r="ER33" s="62">
        <v>22</v>
      </c>
      <c r="ES33" s="231"/>
      <c r="ET33" s="61">
        <v>26</v>
      </c>
      <c r="EU33" s="61">
        <v>10</v>
      </c>
      <c r="EV33" s="61">
        <v>11</v>
      </c>
      <c r="EW33" s="61">
        <v>9</v>
      </c>
      <c r="EX33" s="61">
        <v>11</v>
      </c>
      <c r="EY33" s="62">
        <v>67</v>
      </c>
      <c r="EZ33" s="63">
        <v>89</v>
      </c>
      <c r="FA33" s="60">
        <v>10</v>
      </c>
      <c r="FB33" s="61">
        <v>10</v>
      </c>
      <c r="FC33" s="62">
        <v>20</v>
      </c>
      <c r="FD33" s="231"/>
      <c r="FE33" s="61">
        <v>26</v>
      </c>
      <c r="FF33" s="61">
        <v>11</v>
      </c>
      <c r="FG33" s="61">
        <v>15</v>
      </c>
      <c r="FH33" s="61">
        <v>19</v>
      </c>
      <c r="FI33" s="61">
        <v>10</v>
      </c>
      <c r="FJ33" s="62">
        <v>81</v>
      </c>
      <c r="FK33" s="63">
        <v>101</v>
      </c>
      <c r="FL33" s="60">
        <v>7</v>
      </c>
      <c r="FM33" s="61">
        <v>12</v>
      </c>
      <c r="FN33" s="62">
        <v>19</v>
      </c>
      <c r="FO33" s="231"/>
      <c r="FP33" s="61">
        <v>26</v>
      </c>
      <c r="FQ33" s="61">
        <v>22</v>
      </c>
      <c r="FR33" s="61">
        <v>33</v>
      </c>
      <c r="FS33" s="61">
        <v>33</v>
      </c>
      <c r="FT33" s="61">
        <v>13</v>
      </c>
      <c r="FU33" s="62">
        <v>127</v>
      </c>
      <c r="FV33" s="63">
        <v>146</v>
      </c>
      <c r="FW33" s="60">
        <v>0</v>
      </c>
      <c r="FX33" s="61">
        <v>1</v>
      </c>
      <c r="FY33" s="62">
        <v>1</v>
      </c>
      <c r="FZ33" s="231"/>
      <c r="GA33" s="61">
        <v>1</v>
      </c>
      <c r="GB33" s="61">
        <v>0</v>
      </c>
      <c r="GC33" s="61">
        <v>1</v>
      </c>
      <c r="GD33" s="61">
        <v>2</v>
      </c>
      <c r="GE33" s="61">
        <v>0</v>
      </c>
      <c r="GF33" s="62">
        <v>4</v>
      </c>
      <c r="GG33" s="63">
        <v>5</v>
      </c>
      <c r="GH33" s="60">
        <v>43</v>
      </c>
      <c r="GI33" s="61">
        <v>38</v>
      </c>
      <c r="GJ33" s="62">
        <v>81</v>
      </c>
      <c r="GK33" s="231"/>
      <c r="GL33" s="61">
        <v>93</v>
      </c>
      <c r="GM33" s="61">
        <v>54</v>
      </c>
      <c r="GN33" s="61">
        <v>72</v>
      </c>
      <c r="GO33" s="61">
        <v>69</v>
      </c>
      <c r="GP33" s="61">
        <v>39</v>
      </c>
      <c r="GQ33" s="62">
        <v>327</v>
      </c>
      <c r="GR33" s="63">
        <v>408</v>
      </c>
      <c r="GS33" s="113">
        <v>70</v>
      </c>
      <c r="GT33" s="72">
        <v>47</v>
      </c>
      <c r="GU33" s="73">
        <v>117</v>
      </c>
      <c r="GV33" s="228"/>
      <c r="GW33" s="72">
        <v>121</v>
      </c>
      <c r="GX33" s="72">
        <v>78</v>
      </c>
      <c r="GY33" s="72">
        <v>93</v>
      </c>
      <c r="GZ33" s="72">
        <v>103</v>
      </c>
      <c r="HA33" s="72">
        <v>51</v>
      </c>
      <c r="HB33" s="74">
        <v>446</v>
      </c>
      <c r="HC33" s="75">
        <v>563</v>
      </c>
      <c r="HD33" s="60">
        <v>4</v>
      </c>
      <c r="HE33" s="61">
        <v>2</v>
      </c>
      <c r="HF33" s="62">
        <v>6</v>
      </c>
      <c r="HG33" s="231"/>
      <c r="HH33" s="61">
        <v>2</v>
      </c>
      <c r="HI33" s="61">
        <v>1</v>
      </c>
      <c r="HJ33" s="61">
        <v>1</v>
      </c>
      <c r="HK33" s="61">
        <v>2</v>
      </c>
      <c r="HL33" s="61">
        <v>2</v>
      </c>
      <c r="HM33" s="62">
        <v>8</v>
      </c>
      <c r="HN33" s="63">
        <v>14</v>
      </c>
      <c r="HO33" s="60">
        <v>12</v>
      </c>
      <c r="HP33" s="61">
        <v>2</v>
      </c>
      <c r="HQ33" s="62">
        <v>14</v>
      </c>
      <c r="HR33" s="231"/>
      <c r="HS33" s="61">
        <v>2</v>
      </c>
      <c r="HT33" s="61">
        <v>10</v>
      </c>
      <c r="HU33" s="61">
        <v>6</v>
      </c>
      <c r="HV33" s="61">
        <v>5</v>
      </c>
      <c r="HW33" s="61">
        <v>3</v>
      </c>
      <c r="HX33" s="62">
        <v>26</v>
      </c>
      <c r="HY33" s="63">
        <v>40</v>
      </c>
      <c r="HZ33" s="60">
        <v>10</v>
      </c>
      <c r="IA33" s="61">
        <v>7</v>
      </c>
      <c r="IB33" s="62">
        <v>17</v>
      </c>
      <c r="IC33" s="231"/>
      <c r="ID33" s="61">
        <v>15</v>
      </c>
      <c r="IE33" s="61">
        <v>11</v>
      </c>
      <c r="IF33" s="61">
        <v>11</v>
      </c>
      <c r="IG33" s="61">
        <v>11</v>
      </c>
      <c r="IH33" s="61">
        <v>4</v>
      </c>
      <c r="II33" s="62">
        <v>52</v>
      </c>
      <c r="IJ33" s="63">
        <v>69</v>
      </c>
      <c r="IK33" s="60">
        <v>19</v>
      </c>
      <c r="IL33" s="61">
        <v>10</v>
      </c>
      <c r="IM33" s="62">
        <v>29</v>
      </c>
      <c r="IN33" s="231"/>
      <c r="IO33" s="61">
        <v>36</v>
      </c>
      <c r="IP33" s="61">
        <v>14</v>
      </c>
      <c r="IQ33" s="61">
        <v>15</v>
      </c>
      <c r="IR33" s="61">
        <v>16</v>
      </c>
      <c r="IS33" s="61">
        <v>13</v>
      </c>
      <c r="IT33" s="62">
        <v>94</v>
      </c>
      <c r="IU33" s="63">
        <v>123</v>
      </c>
      <c r="IV33" s="60">
        <v>15</v>
      </c>
      <c r="IW33" s="61">
        <v>11</v>
      </c>
      <c r="IX33" s="62">
        <v>26</v>
      </c>
      <c r="IY33" s="231"/>
      <c r="IZ33" s="61">
        <v>33</v>
      </c>
      <c r="JA33" s="61">
        <v>16</v>
      </c>
      <c r="JB33" s="61">
        <v>23</v>
      </c>
      <c r="JC33" s="61">
        <v>27</v>
      </c>
      <c r="JD33" s="61">
        <v>12</v>
      </c>
      <c r="JE33" s="62">
        <v>111</v>
      </c>
      <c r="JF33" s="63">
        <v>137</v>
      </c>
      <c r="JG33" s="60">
        <v>10</v>
      </c>
      <c r="JH33" s="61">
        <v>15</v>
      </c>
      <c r="JI33" s="62">
        <v>25</v>
      </c>
      <c r="JJ33" s="231"/>
      <c r="JK33" s="61">
        <v>33</v>
      </c>
      <c r="JL33" s="61">
        <v>26</v>
      </c>
      <c r="JM33" s="61">
        <v>37</v>
      </c>
      <c r="JN33" s="61">
        <v>42</v>
      </c>
      <c r="JO33" s="61">
        <v>17</v>
      </c>
      <c r="JP33" s="62">
        <v>155</v>
      </c>
      <c r="JQ33" s="63">
        <v>180</v>
      </c>
      <c r="JR33" s="60">
        <v>1</v>
      </c>
      <c r="JS33" s="61">
        <v>1</v>
      </c>
      <c r="JT33" s="62">
        <v>2</v>
      </c>
      <c r="JU33" s="231"/>
      <c r="JV33" s="61">
        <v>3</v>
      </c>
      <c r="JW33" s="61">
        <v>2</v>
      </c>
      <c r="JX33" s="61">
        <v>4</v>
      </c>
      <c r="JY33" s="61">
        <v>3</v>
      </c>
      <c r="JZ33" s="61">
        <v>1</v>
      </c>
      <c r="KA33" s="62">
        <v>13</v>
      </c>
      <c r="KB33" s="63">
        <v>15</v>
      </c>
      <c r="KC33" s="60">
        <v>71</v>
      </c>
      <c r="KD33" s="61">
        <v>48</v>
      </c>
      <c r="KE33" s="62">
        <v>119</v>
      </c>
      <c r="KF33" s="231"/>
      <c r="KG33" s="61">
        <v>124</v>
      </c>
      <c r="KH33" s="61">
        <v>80</v>
      </c>
      <c r="KI33" s="61">
        <v>97</v>
      </c>
      <c r="KJ33" s="61">
        <v>106</v>
      </c>
      <c r="KK33" s="61">
        <v>52</v>
      </c>
      <c r="KL33" s="62">
        <v>459</v>
      </c>
      <c r="KM33" s="63">
        <v>578</v>
      </c>
    </row>
    <row r="34" spans="2:299" ht="21" customHeight="1" x14ac:dyDescent="0.2">
      <c r="B34" s="472" t="s">
        <v>31</v>
      </c>
      <c r="C34" s="293">
        <v>22</v>
      </c>
      <c r="D34" s="72">
        <v>39</v>
      </c>
      <c r="E34" s="73">
        <v>61</v>
      </c>
      <c r="F34" s="228"/>
      <c r="G34" s="72">
        <v>56</v>
      </c>
      <c r="H34" s="72">
        <v>39</v>
      </c>
      <c r="I34" s="72">
        <v>36</v>
      </c>
      <c r="J34" s="72">
        <v>35</v>
      </c>
      <c r="K34" s="72">
        <v>17</v>
      </c>
      <c r="L34" s="74">
        <v>183</v>
      </c>
      <c r="M34" s="75">
        <v>244</v>
      </c>
      <c r="N34" s="60">
        <v>0</v>
      </c>
      <c r="O34" s="61">
        <v>2</v>
      </c>
      <c r="P34" s="62">
        <v>2</v>
      </c>
      <c r="Q34" s="231"/>
      <c r="R34" s="61">
        <v>1</v>
      </c>
      <c r="S34" s="61">
        <v>3</v>
      </c>
      <c r="T34" s="61">
        <v>4</v>
      </c>
      <c r="U34" s="61">
        <v>2</v>
      </c>
      <c r="V34" s="61">
        <v>1</v>
      </c>
      <c r="W34" s="62">
        <v>11</v>
      </c>
      <c r="X34" s="63">
        <v>13</v>
      </c>
      <c r="Y34" s="60">
        <v>3</v>
      </c>
      <c r="Z34" s="61">
        <v>5</v>
      </c>
      <c r="AA34" s="62">
        <v>8</v>
      </c>
      <c r="AB34" s="231"/>
      <c r="AC34" s="61">
        <v>7</v>
      </c>
      <c r="AD34" s="61">
        <v>7</v>
      </c>
      <c r="AE34" s="61">
        <v>4</v>
      </c>
      <c r="AF34" s="61">
        <v>5</v>
      </c>
      <c r="AG34" s="61">
        <v>3</v>
      </c>
      <c r="AH34" s="62">
        <v>26</v>
      </c>
      <c r="AI34" s="63">
        <v>34</v>
      </c>
      <c r="AJ34" s="60">
        <v>5</v>
      </c>
      <c r="AK34" s="61">
        <v>7</v>
      </c>
      <c r="AL34" s="62">
        <v>12</v>
      </c>
      <c r="AM34" s="231"/>
      <c r="AN34" s="61">
        <v>6</v>
      </c>
      <c r="AO34" s="61">
        <v>3</v>
      </c>
      <c r="AP34" s="61">
        <v>8</v>
      </c>
      <c r="AQ34" s="61">
        <v>7</v>
      </c>
      <c r="AR34" s="61">
        <v>4</v>
      </c>
      <c r="AS34" s="62">
        <v>28</v>
      </c>
      <c r="AT34" s="63">
        <v>40</v>
      </c>
      <c r="AU34" s="60">
        <v>4</v>
      </c>
      <c r="AV34" s="61">
        <v>11</v>
      </c>
      <c r="AW34" s="62">
        <v>15</v>
      </c>
      <c r="AX34" s="231"/>
      <c r="AY34" s="61">
        <v>12</v>
      </c>
      <c r="AZ34" s="61">
        <v>9</v>
      </c>
      <c r="BA34" s="61">
        <v>3</v>
      </c>
      <c r="BB34" s="61">
        <v>5</v>
      </c>
      <c r="BC34" s="61">
        <v>1</v>
      </c>
      <c r="BD34" s="62">
        <v>30</v>
      </c>
      <c r="BE34" s="63">
        <v>45</v>
      </c>
      <c r="BF34" s="60">
        <v>4</v>
      </c>
      <c r="BG34" s="61">
        <v>6</v>
      </c>
      <c r="BH34" s="62">
        <v>10</v>
      </c>
      <c r="BI34" s="231"/>
      <c r="BJ34" s="61">
        <v>18</v>
      </c>
      <c r="BK34" s="61">
        <v>7</v>
      </c>
      <c r="BL34" s="61">
        <v>6</v>
      </c>
      <c r="BM34" s="61">
        <v>11</v>
      </c>
      <c r="BN34" s="61">
        <v>4</v>
      </c>
      <c r="BO34" s="62">
        <v>46</v>
      </c>
      <c r="BP34" s="63">
        <v>56</v>
      </c>
      <c r="BQ34" s="60">
        <v>6</v>
      </c>
      <c r="BR34" s="61">
        <v>8</v>
      </c>
      <c r="BS34" s="62">
        <v>14</v>
      </c>
      <c r="BT34" s="231"/>
      <c r="BU34" s="61">
        <v>12</v>
      </c>
      <c r="BV34" s="61">
        <v>10</v>
      </c>
      <c r="BW34" s="61">
        <v>11</v>
      </c>
      <c r="BX34" s="61">
        <v>5</v>
      </c>
      <c r="BY34" s="61">
        <v>4</v>
      </c>
      <c r="BZ34" s="62">
        <v>42</v>
      </c>
      <c r="CA34" s="63">
        <v>56</v>
      </c>
      <c r="CB34" s="60">
        <v>0</v>
      </c>
      <c r="CC34" s="61">
        <v>4</v>
      </c>
      <c r="CD34" s="62">
        <v>4</v>
      </c>
      <c r="CE34" s="231"/>
      <c r="CF34" s="61">
        <v>1</v>
      </c>
      <c r="CG34" s="61">
        <v>1</v>
      </c>
      <c r="CH34" s="61">
        <v>0</v>
      </c>
      <c r="CI34" s="61">
        <v>1</v>
      </c>
      <c r="CJ34" s="61">
        <v>0</v>
      </c>
      <c r="CK34" s="62">
        <v>3</v>
      </c>
      <c r="CL34" s="63">
        <v>7</v>
      </c>
      <c r="CM34" s="60">
        <v>22</v>
      </c>
      <c r="CN34" s="61">
        <v>43</v>
      </c>
      <c r="CO34" s="62">
        <v>65</v>
      </c>
      <c r="CP34" s="231"/>
      <c r="CQ34" s="61">
        <v>57</v>
      </c>
      <c r="CR34" s="61">
        <v>40</v>
      </c>
      <c r="CS34" s="61">
        <v>36</v>
      </c>
      <c r="CT34" s="61">
        <v>36</v>
      </c>
      <c r="CU34" s="61">
        <v>17</v>
      </c>
      <c r="CV34" s="62">
        <v>186</v>
      </c>
      <c r="CW34" s="63">
        <v>251</v>
      </c>
      <c r="CX34" s="113">
        <v>51</v>
      </c>
      <c r="CY34" s="72">
        <v>78</v>
      </c>
      <c r="CZ34" s="73">
        <v>129</v>
      </c>
      <c r="DA34" s="228"/>
      <c r="DB34" s="72">
        <v>102</v>
      </c>
      <c r="DC34" s="72">
        <v>96</v>
      </c>
      <c r="DD34" s="72">
        <v>73</v>
      </c>
      <c r="DE34" s="72">
        <v>70</v>
      </c>
      <c r="DF34" s="72">
        <v>41</v>
      </c>
      <c r="DG34" s="74">
        <v>382</v>
      </c>
      <c r="DH34" s="75">
        <v>511</v>
      </c>
      <c r="DI34" s="60">
        <v>0</v>
      </c>
      <c r="DJ34" s="61">
        <v>2</v>
      </c>
      <c r="DK34" s="62">
        <v>2</v>
      </c>
      <c r="DL34" s="231"/>
      <c r="DM34" s="61">
        <v>0</v>
      </c>
      <c r="DN34" s="61">
        <v>2</v>
      </c>
      <c r="DO34" s="61">
        <v>1</v>
      </c>
      <c r="DP34" s="61">
        <v>2</v>
      </c>
      <c r="DQ34" s="61">
        <v>2</v>
      </c>
      <c r="DR34" s="62">
        <v>7</v>
      </c>
      <c r="DS34" s="63">
        <v>9</v>
      </c>
      <c r="DT34" s="60">
        <v>2</v>
      </c>
      <c r="DU34" s="61">
        <v>4</v>
      </c>
      <c r="DV34" s="62">
        <v>6</v>
      </c>
      <c r="DW34" s="231"/>
      <c r="DX34" s="61">
        <v>11</v>
      </c>
      <c r="DY34" s="61">
        <v>5</v>
      </c>
      <c r="DZ34" s="61">
        <v>5</v>
      </c>
      <c r="EA34" s="61">
        <v>3</v>
      </c>
      <c r="EB34" s="61">
        <v>3</v>
      </c>
      <c r="EC34" s="62">
        <v>27</v>
      </c>
      <c r="ED34" s="63">
        <v>33</v>
      </c>
      <c r="EE34" s="60">
        <v>4</v>
      </c>
      <c r="EF34" s="61">
        <v>4</v>
      </c>
      <c r="EG34" s="62">
        <v>8</v>
      </c>
      <c r="EH34" s="231"/>
      <c r="EI34" s="61">
        <v>12</v>
      </c>
      <c r="EJ34" s="61">
        <v>8</v>
      </c>
      <c r="EK34" s="61">
        <v>5</v>
      </c>
      <c r="EL34" s="61">
        <v>8</v>
      </c>
      <c r="EM34" s="61">
        <v>1</v>
      </c>
      <c r="EN34" s="62">
        <v>34</v>
      </c>
      <c r="EO34" s="63">
        <v>42</v>
      </c>
      <c r="EP34" s="60">
        <v>14</v>
      </c>
      <c r="EQ34" s="61">
        <v>27</v>
      </c>
      <c r="ER34" s="62">
        <v>41</v>
      </c>
      <c r="ES34" s="231"/>
      <c r="ET34" s="61">
        <v>14</v>
      </c>
      <c r="EU34" s="61">
        <v>18</v>
      </c>
      <c r="EV34" s="61">
        <v>13</v>
      </c>
      <c r="EW34" s="61">
        <v>5</v>
      </c>
      <c r="EX34" s="61">
        <v>5</v>
      </c>
      <c r="EY34" s="62">
        <v>55</v>
      </c>
      <c r="EZ34" s="63">
        <v>96</v>
      </c>
      <c r="FA34" s="60">
        <v>22</v>
      </c>
      <c r="FB34" s="61">
        <v>22</v>
      </c>
      <c r="FC34" s="62">
        <v>44</v>
      </c>
      <c r="FD34" s="231"/>
      <c r="FE34" s="61">
        <v>28</v>
      </c>
      <c r="FF34" s="61">
        <v>27</v>
      </c>
      <c r="FG34" s="61">
        <v>21</v>
      </c>
      <c r="FH34" s="61">
        <v>16</v>
      </c>
      <c r="FI34" s="61">
        <v>12</v>
      </c>
      <c r="FJ34" s="62">
        <v>104</v>
      </c>
      <c r="FK34" s="63">
        <v>148</v>
      </c>
      <c r="FL34" s="60">
        <v>9</v>
      </c>
      <c r="FM34" s="61">
        <v>19</v>
      </c>
      <c r="FN34" s="62">
        <v>28</v>
      </c>
      <c r="FO34" s="231"/>
      <c r="FP34" s="61">
        <v>37</v>
      </c>
      <c r="FQ34" s="61">
        <v>36</v>
      </c>
      <c r="FR34" s="61">
        <v>28</v>
      </c>
      <c r="FS34" s="61">
        <v>36</v>
      </c>
      <c r="FT34" s="61">
        <v>18</v>
      </c>
      <c r="FU34" s="62">
        <v>155</v>
      </c>
      <c r="FV34" s="63">
        <v>183</v>
      </c>
      <c r="FW34" s="60">
        <v>0</v>
      </c>
      <c r="FX34" s="61">
        <v>0</v>
      </c>
      <c r="FY34" s="62">
        <v>0</v>
      </c>
      <c r="FZ34" s="231"/>
      <c r="GA34" s="61">
        <v>1</v>
      </c>
      <c r="GB34" s="61">
        <v>0</v>
      </c>
      <c r="GC34" s="61">
        <v>0</v>
      </c>
      <c r="GD34" s="61">
        <v>1</v>
      </c>
      <c r="GE34" s="61">
        <v>1</v>
      </c>
      <c r="GF34" s="62">
        <v>3</v>
      </c>
      <c r="GG34" s="63">
        <v>3</v>
      </c>
      <c r="GH34" s="60">
        <v>51</v>
      </c>
      <c r="GI34" s="61">
        <v>78</v>
      </c>
      <c r="GJ34" s="62">
        <v>129</v>
      </c>
      <c r="GK34" s="231"/>
      <c r="GL34" s="61">
        <v>103</v>
      </c>
      <c r="GM34" s="61">
        <v>96</v>
      </c>
      <c r="GN34" s="61">
        <v>73</v>
      </c>
      <c r="GO34" s="61">
        <v>71</v>
      </c>
      <c r="GP34" s="61">
        <v>42</v>
      </c>
      <c r="GQ34" s="62">
        <v>385</v>
      </c>
      <c r="GR34" s="63">
        <v>514</v>
      </c>
      <c r="GS34" s="113">
        <v>73</v>
      </c>
      <c r="GT34" s="72">
        <v>117</v>
      </c>
      <c r="GU34" s="73">
        <v>190</v>
      </c>
      <c r="GV34" s="228"/>
      <c r="GW34" s="72">
        <v>158</v>
      </c>
      <c r="GX34" s="72">
        <v>135</v>
      </c>
      <c r="GY34" s="72">
        <v>109</v>
      </c>
      <c r="GZ34" s="72">
        <v>105</v>
      </c>
      <c r="HA34" s="72">
        <v>58</v>
      </c>
      <c r="HB34" s="74">
        <v>565</v>
      </c>
      <c r="HC34" s="75">
        <v>755</v>
      </c>
      <c r="HD34" s="60">
        <v>0</v>
      </c>
      <c r="HE34" s="61">
        <v>4</v>
      </c>
      <c r="HF34" s="62">
        <v>4</v>
      </c>
      <c r="HG34" s="231"/>
      <c r="HH34" s="61">
        <v>1</v>
      </c>
      <c r="HI34" s="61">
        <v>5</v>
      </c>
      <c r="HJ34" s="61">
        <v>5</v>
      </c>
      <c r="HK34" s="61">
        <v>4</v>
      </c>
      <c r="HL34" s="61">
        <v>3</v>
      </c>
      <c r="HM34" s="62">
        <v>18</v>
      </c>
      <c r="HN34" s="63">
        <v>22</v>
      </c>
      <c r="HO34" s="60">
        <v>5</v>
      </c>
      <c r="HP34" s="61">
        <v>9</v>
      </c>
      <c r="HQ34" s="62">
        <v>14</v>
      </c>
      <c r="HR34" s="231"/>
      <c r="HS34" s="61">
        <v>18</v>
      </c>
      <c r="HT34" s="61">
        <v>12</v>
      </c>
      <c r="HU34" s="61">
        <v>9</v>
      </c>
      <c r="HV34" s="61">
        <v>8</v>
      </c>
      <c r="HW34" s="61">
        <v>6</v>
      </c>
      <c r="HX34" s="62">
        <v>53</v>
      </c>
      <c r="HY34" s="63">
        <v>67</v>
      </c>
      <c r="HZ34" s="60">
        <v>9</v>
      </c>
      <c r="IA34" s="61">
        <v>11</v>
      </c>
      <c r="IB34" s="62">
        <v>20</v>
      </c>
      <c r="IC34" s="231"/>
      <c r="ID34" s="61">
        <v>18</v>
      </c>
      <c r="IE34" s="61">
        <v>11</v>
      </c>
      <c r="IF34" s="61">
        <v>13</v>
      </c>
      <c r="IG34" s="61">
        <v>15</v>
      </c>
      <c r="IH34" s="61">
        <v>5</v>
      </c>
      <c r="II34" s="62">
        <v>62</v>
      </c>
      <c r="IJ34" s="63">
        <v>82</v>
      </c>
      <c r="IK34" s="60">
        <v>18</v>
      </c>
      <c r="IL34" s="61">
        <v>38</v>
      </c>
      <c r="IM34" s="62">
        <v>56</v>
      </c>
      <c r="IN34" s="231"/>
      <c r="IO34" s="61">
        <v>26</v>
      </c>
      <c r="IP34" s="61">
        <v>27</v>
      </c>
      <c r="IQ34" s="61">
        <v>16</v>
      </c>
      <c r="IR34" s="61">
        <v>10</v>
      </c>
      <c r="IS34" s="61">
        <v>6</v>
      </c>
      <c r="IT34" s="62">
        <v>85</v>
      </c>
      <c r="IU34" s="63">
        <v>141</v>
      </c>
      <c r="IV34" s="60">
        <v>26</v>
      </c>
      <c r="IW34" s="61">
        <v>28</v>
      </c>
      <c r="IX34" s="62">
        <v>54</v>
      </c>
      <c r="IY34" s="231"/>
      <c r="IZ34" s="61">
        <v>46</v>
      </c>
      <c r="JA34" s="61">
        <v>34</v>
      </c>
      <c r="JB34" s="61">
        <v>27</v>
      </c>
      <c r="JC34" s="61">
        <v>27</v>
      </c>
      <c r="JD34" s="61">
        <v>16</v>
      </c>
      <c r="JE34" s="62">
        <v>150</v>
      </c>
      <c r="JF34" s="63">
        <v>204</v>
      </c>
      <c r="JG34" s="60">
        <v>15</v>
      </c>
      <c r="JH34" s="61">
        <v>27</v>
      </c>
      <c r="JI34" s="62">
        <v>42</v>
      </c>
      <c r="JJ34" s="231"/>
      <c r="JK34" s="61">
        <v>49</v>
      </c>
      <c r="JL34" s="61">
        <v>46</v>
      </c>
      <c r="JM34" s="61">
        <v>39</v>
      </c>
      <c r="JN34" s="61">
        <v>41</v>
      </c>
      <c r="JO34" s="61">
        <v>22</v>
      </c>
      <c r="JP34" s="62">
        <v>197</v>
      </c>
      <c r="JQ34" s="63">
        <v>239</v>
      </c>
      <c r="JR34" s="60">
        <v>0</v>
      </c>
      <c r="JS34" s="61">
        <v>4</v>
      </c>
      <c r="JT34" s="62">
        <v>4</v>
      </c>
      <c r="JU34" s="231"/>
      <c r="JV34" s="61">
        <v>2</v>
      </c>
      <c r="JW34" s="61">
        <v>1</v>
      </c>
      <c r="JX34" s="61">
        <v>0</v>
      </c>
      <c r="JY34" s="61">
        <v>2</v>
      </c>
      <c r="JZ34" s="61">
        <v>1</v>
      </c>
      <c r="KA34" s="62">
        <v>6</v>
      </c>
      <c r="KB34" s="63">
        <v>10</v>
      </c>
      <c r="KC34" s="60">
        <v>73</v>
      </c>
      <c r="KD34" s="61">
        <v>121</v>
      </c>
      <c r="KE34" s="62">
        <v>194</v>
      </c>
      <c r="KF34" s="231"/>
      <c r="KG34" s="61">
        <v>160</v>
      </c>
      <c r="KH34" s="61">
        <v>136</v>
      </c>
      <c r="KI34" s="61">
        <v>109</v>
      </c>
      <c r="KJ34" s="61">
        <v>107</v>
      </c>
      <c r="KK34" s="61">
        <v>59</v>
      </c>
      <c r="KL34" s="62">
        <v>571</v>
      </c>
      <c r="KM34" s="63">
        <v>765</v>
      </c>
    </row>
    <row r="35" spans="2:299" ht="21" customHeight="1" x14ac:dyDescent="0.2">
      <c r="B35" s="472" t="s">
        <v>32</v>
      </c>
      <c r="C35" s="293">
        <v>23</v>
      </c>
      <c r="D35" s="72">
        <v>27</v>
      </c>
      <c r="E35" s="73">
        <v>50</v>
      </c>
      <c r="F35" s="228"/>
      <c r="G35" s="72">
        <v>79</v>
      </c>
      <c r="H35" s="72">
        <v>54</v>
      </c>
      <c r="I35" s="72">
        <v>36</v>
      </c>
      <c r="J35" s="72">
        <v>31</v>
      </c>
      <c r="K35" s="72">
        <v>28</v>
      </c>
      <c r="L35" s="74">
        <v>228</v>
      </c>
      <c r="M35" s="75">
        <v>278</v>
      </c>
      <c r="N35" s="60">
        <v>3</v>
      </c>
      <c r="O35" s="61">
        <v>1</v>
      </c>
      <c r="P35" s="62">
        <v>4</v>
      </c>
      <c r="Q35" s="231"/>
      <c r="R35" s="61">
        <v>5</v>
      </c>
      <c r="S35" s="61">
        <v>2</v>
      </c>
      <c r="T35" s="61">
        <v>3</v>
      </c>
      <c r="U35" s="61">
        <v>2</v>
      </c>
      <c r="V35" s="61">
        <v>0</v>
      </c>
      <c r="W35" s="62">
        <v>12</v>
      </c>
      <c r="X35" s="63">
        <v>16</v>
      </c>
      <c r="Y35" s="60">
        <v>4</v>
      </c>
      <c r="Z35" s="61">
        <v>1</v>
      </c>
      <c r="AA35" s="62">
        <v>5</v>
      </c>
      <c r="AB35" s="231"/>
      <c r="AC35" s="61">
        <v>4</v>
      </c>
      <c r="AD35" s="61">
        <v>8</v>
      </c>
      <c r="AE35" s="61">
        <v>3</v>
      </c>
      <c r="AF35" s="61">
        <v>6</v>
      </c>
      <c r="AG35" s="61">
        <v>5</v>
      </c>
      <c r="AH35" s="62">
        <v>26</v>
      </c>
      <c r="AI35" s="63">
        <v>31</v>
      </c>
      <c r="AJ35" s="60">
        <v>2</v>
      </c>
      <c r="AK35" s="61">
        <v>1</v>
      </c>
      <c r="AL35" s="62">
        <v>3</v>
      </c>
      <c r="AM35" s="231"/>
      <c r="AN35" s="61">
        <v>10</v>
      </c>
      <c r="AO35" s="61">
        <v>7</v>
      </c>
      <c r="AP35" s="61">
        <v>4</v>
      </c>
      <c r="AQ35" s="61">
        <v>1</v>
      </c>
      <c r="AR35" s="61">
        <v>5</v>
      </c>
      <c r="AS35" s="62">
        <v>27</v>
      </c>
      <c r="AT35" s="63">
        <v>30</v>
      </c>
      <c r="AU35" s="60">
        <v>7</v>
      </c>
      <c r="AV35" s="61">
        <v>9</v>
      </c>
      <c r="AW35" s="62">
        <v>16</v>
      </c>
      <c r="AX35" s="231"/>
      <c r="AY35" s="61">
        <v>24</v>
      </c>
      <c r="AZ35" s="61">
        <v>16</v>
      </c>
      <c r="BA35" s="61">
        <v>6</v>
      </c>
      <c r="BB35" s="61">
        <v>9</v>
      </c>
      <c r="BC35" s="61">
        <v>9</v>
      </c>
      <c r="BD35" s="62">
        <v>64</v>
      </c>
      <c r="BE35" s="63">
        <v>80</v>
      </c>
      <c r="BF35" s="60">
        <v>3</v>
      </c>
      <c r="BG35" s="61">
        <v>9</v>
      </c>
      <c r="BH35" s="62">
        <v>12</v>
      </c>
      <c r="BI35" s="231"/>
      <c r="BJ35" s="61">
        <v>24</v>
      </c>
      <c r="BK35" s="61">
        <v>10</v>
      </c>
      <c r="BL35" s="61">
        <v>15</v>
      </c>
      <c r="BM35" s="61">
        <v>12</v>
      </c>
      <c r="BN35" s="61">
        <v>5</v>
      </c>
      <c r="BO35" s="62">
        <v>66</v>
      </c>
      <c r="BP35" s="63">
        <v>78</v>
      </c>
      <c r="BQ35" s="60">
        <v>4</v>
      </c>
      <c r="BR35" s="61">
        <v>6</v>
      </c>
      <c r="BS35" s="62">
        <v>10</v>
      </c>
      <c r="BT35" s="231"/>
      <c r="BU35" s="61">
        <v>12</v>
      </c>
      <c r="BV35" s="61">
        <v>11</v>
      </c>
      <c r="BW35" s="61">
        <v>5</v>
      </c>
      <c r="BX35" s="61">
        <v>1</v>
      </c>
      <c r="BY35" s="61">
        <v>4</v>
      </c>
      <c r="BZ35" s="62">
        <v>33</v>
      </c>
      <c r="CA35" s="63">
        <v>43</v>
      </c>
      <c r="CB35" s="60">
        <v>1</v>
      </c>
      <c r="CC35" s="61">
        <v>2</v>
      </c>
      <c r="CD35" s="62">
        <v>3</v>
      </c>
      <c r="CE35" s="231"/>
      <c r="CF35" s="61">
        <v>2</v>
      </c>
      <c r="CG35" s="61">
        <v>4</v>
      </c>
      <c r="CH35" s="61">
        <v>1</v>
      </c>
      <c r="CI35" s="61">
        <v>3</v>
      </c>
      <c r="CJ35" s="61">
        <v>5</v>
      </c>
      <c r="CK35" s="62">
        <v>15</v>
      </c>
      <c r="CL35" s="63">
        <v>18</v>
      </c>
      <c r="CM35" s="60">
        <v>24</v>
      </c>
      <c r="CN35" s="61">
        <v>29</v>
      </c>
      <c r="CO35" s="62">
        <v>53</v>
      </c>
      <c r="CP35" s="231"/>
      <c r="CQ35" s="61">
        <v>81</v>
      </c>
      <c r="CR35" s="61">
        <v>58</v>
      </c>
      <c r="CS35" s="61">
        <v>37</v>
      </c>
      <c r="CT35" s="61">
        <v>34</v>
      </c>
      <c r="CU35" s="61">
        <v>33</v>
      </c>
      <c r="CV35" s="62">
        <v>243</v>
      </c>
      <c r="CW35" s="63">
        <v>296</v>
      </c>
      <c r="CX35" s="113">
        <v>43</v>
      </c>
      <c r="CY35" s="72">
        <v>71</v>
      </c>
      <c r="CZ35" s="73">
        <v>114</v>
      </c>
      <c r="DA35" s="228"/>
      <c r="DB35" s="72">
        <v>131</v>
      </c>
      <c r="DC35" s="72">
        <v>82</v>
      </c>
      <c r="DD35" s="72">
        <v>80</v>
      </c>
      <c r="DE35" s="72">
        <v>81</v>
      </c>
      <c r="DF35" s="72">
        <v>41</v>
      </c>
      <c r="DG35" s="74">
        <v>415</v>
      </c>
      <c r="DH35" s="75">
        <v>529</v>
      </c>
      <c r="DI35" s="60">
        <v>2</v>
      </c>
      <c r="DJ35" s="61">
        <v>0</v>
      </c>
      <c r="DK35" s="62">
        <v>2</v>
      </c>
      <c r="DL35" s="231"/>
      <c r="DM35" s="61">
        <v>5</v>
      </c>
      <c r="DN35" s="61">
        <v>5</v>
      </c>
      <c r="DO35" s="61">
        <v>1</v>
      </c>
      <c r="DP35" s="61">
        <v>0</v>
      </c>
      <c r="DQ35" s="61">
        <v>0</v>
      </c>
      <c r="DR35" s="62">
        <v>11</v>
      </c>
      <c r="DS35" s="63">
        <v>13</v>
      </c>
      <c r="DT35" s="60">
        <v>2</v>
      </c>
      <c r="DU35" s="61">
        <v>4</v>
      </c>
      <c r="DV35" s="62">
        <v>6</v>
      </c>
      <c r="DW35" s="231"/>
      <c r="DX35" s="61">
        <v>8</v>
      </c>
      <c r="DY35" s="61">
        <v>1</v>
      </c>
      <c r="DZ35" s="61">
        <v>3</v>
      </c>
      <c r="EA35" s="61">
        <v>6</v>
      </c>
      <c r="EB35" s="61">
        <v>4</v>
      </c>
      <c r="EC35" s="62">
        <v>22</v>
      </c>
      <c r="ED35" s="63">
        <v>28</v>
      </c>
      <c r="EE35" s="60">
        <v>3</v>
      </c>
      <c r="EF35" s="61">
        <v>7</v>
      </c>
      <c r="EG35" s="62">
        <v>10</v>
      </c>
      <c r="EH35" s="231"/>
      <c r="EI35" s="61">
        <v>23</v>
      </c>
      <c r="EJ35" s="61">
        <v>4</v>
      </c>
      <c r="EK35" s="61">
        <v>7</v>
      </c>
      <c r="EL35" s="61">
        <v>3</v>
      </c>
      <c r="EM35" s="61">
        <v>5</v>
      </c>
      <c r="EN35" s="62">
        <v>42</v>
      </c>
      <c r="EO35" s="63">
        <v>52</v>
      </c>
      <c r="EP35" s="60">
        <v>19</v>
      </c>
      <c r="EQ35" s="61">
        <v>19</v>
      </c>
      <c r="ER35" s="62">
        <v>38</v>
      </c>
      <c r="ES35" s="231"/>
      <c r="ET35" s="61">
        <v>29</v>
      </c>
      <c r="EU35" s="61">
        <v>21</v>
      </c>
      <c r="EV35" s="61">
        <v>19</v>
      </c>
      <c r="EW35" s="61">
        <v>10</v>
      </c>
      <c r="EX35" s="61">
        <v>7</v>
      </c>
      <c r="EY35" s="62">
        <v>86</v>
      </c>
      <c r="EZ35" s="63">
        <v>124</v>
      </c>
      <c r="FA35" s="60">
        <v>10</v>
      </c>
      <c r="FB35" s="61">
        <v>22</v>
      </c>
      <c r="FC35" s="62">
        <v>32</v>
      </c>
      <c r="FD35" s="231"/>
      <c r="FE35" s="61">
        <v>30</v>
      </c>
      <c r="FF35" s="61">
        <v>23</v>
      </c>
      <c r="FG35" s="61">
        <v>19</v>
      </c>
      <c r="FH35" s="61">
        <v>19</v>
      </c>
      <c r="FI35" s="61">
        <v>11</v>
      </c>
      <c r="FJ35" s="62">
        <v>102</v>
      </c>
      <c r="FK35" s="63">
        <v>134</v>
      </c>
      <c r="FL35" s="60">
        <v>7</v>
      </c>
      <c r="FM35" s="61">
        <v>19</v>
      </c>
      <c r="FN35" s="62">
        <v>26</v>
      </c>
      <c r="FO35" s="231"/>
      <c r="FP35" s="61">
        <v>36</v>
      </c>
      <c r="FQ35" s="61">
        <v>28</v>
      </c>
      <c r="FR35" s="61">
        <v>31</v>
      </c>
      <c r="FS35" s="61">
        <v>43</v>
      </c>
      <c r="FT35" s="61">
        <v>14</v>
      </c>
      <c r="FU35" s="62">
        <v>152</v>
      </c>
      <c r="FV35" s="63">
        <v>178</v>
      </c>
      <c r="FW35" s="60">
        <v>0</v>
      </c>
      <c r="FX35" s="61">
        <v>2</v>
      </c>
      <c r="FY35" s="62">
        <v>2</v>
      </c>
      <c r="FZ35" s="231"/>
      <c r="GA35" s="61">
        <v>2</v>
      </c>
      <c r="GB35" s="61">
        <v>4</v>
      </c>
      <c r="GC35" s="61">
        <v>1</v>
      </c>
      <c r="GD35" s="61">
        <v>0</v>
      </c>
      <c r="GE35" s="61">
        <v>1</v>
      </c>
      <c r="GF35" s="62">
        <v>8</v>
      </c>
      <c r="GG35" s="63">
        <v>10</v>
      </c>
      <c r="GH35" s="60">
        <v>43</v>
      </c>
      <c r="GI35" s="61">
        <v>73</v>
      </c>
      <c r="GJ35" s="62">
        <v>116</v>
      </c>
      <c r="GK35" s="231"/>
      <c r="GL35" s="61">
        <v>133</v>
      </c>
      <c r="GM35" s="61">
        <v>86</v>
      </c>
      <c r="GN35" s="61">
        <v>81</v>
      </c>
      <c r="GO35" s="61">
        <v>81</v>
      </c>
      <c r="GP35" s="61">
        <v>42</v>
      </c>
      <c r="GQ35" s="62">
        <v>423</v>
      </c>
      <c r="GR35" s="63">
        <v>539</v>
      </c>
      <c r="GS35" s="113">
        <v>66</v>
      </c>
      <c r="GT35" s="72">
        <v>98</v>
      </c>
      <c r="GU35" s="73">
        <v>164</v>
      </c>
      <c r="GV35" s="228"/>
      <c r="GW35" s="72">
        <v>210</v>
      </c>
      <c r="GX35" s="72">
        <v>136</v>
      </c>
      <c r="GY35" s="72">
        <v>116</v>
      </c>
      <c r="GZ35" s="72">
        <v>112</v>
      </c>
      <c r="HA35" s="72">
        <v>69</v>
      </c>
      <c r="HB35" s="74">
        <v>643</v>
      </c>
      <c r="HC35" s="75">
        <v>807</v>
      </c>
      <c r="HD35" s="60">
        <v>5</v>
      </c>
      <c r="HE35" s="61">
        <v>1</v>
      </c>
      <c r="HF35" s="62">
        <v>6</v>
      </c>
      <c r="HG35" s="231"/>
      <c r="HH35" s="61">
        <v>10</v>
      </c>
      <c r="HI35" s="61">
        <v>7</v>
      </c>
      <c r="HJ35" s="61">
        <v>4</v>
      </c>
      <c r="HK35" s="61">
        <v>2</v>
      </c>
      <c r="HL35" s="61">
        <v>0</v>
      </c>
      <c r="HM35" s="62">
        <v>23</v>
      </c>
      <c r="HN35" s="63">
        <v>29</v>
      </c>
      <c r="HO35" s="60">
        <v>6</v>
      </c>
      <c r="HP35" s="61">
        <v>5</v>
      </c>
      <c r="HQ35" s="62">
        <v>11</v>
      </c>
      <c r="HR35" s="231"/>
      <c r="HS35" s="61">
        <v>12</v>
      </c>
      <c r="HT35" s="61">
        <v>9</v>
      </c>
      <c r="HU35" s="61">
        <v>6</v>
      </c>
      <c r="HV35" s="61">
        <v>12</v>
      </c>
      <c r="HW35" s="61">
        <v>9</v>
      </c>
      <c r="HX35" s="62">
        <v>48</v>
      </c>
      <c r="HY35" s="63">
        <v>59</v>
      </c>
      <c r="HZ35" s="60">
        <v>5</v>
      </c>
      <c r="IA35" s="61">
        <v>8</v>
      </c>
      <c r="IB35" s="62">
        <v>13</v>
      </c>
      <c r="IC35" s="231"/>
      <c r="ID35" s="61">
        <v>33</v>
      </c>
      <c r="IE35" s="61">
        <v>11</v>
      </c>
      <c r="IF35" s="61">
        <v>11</v>
      </c>
      <c r="IG35" s="61">
        <v>4</v>
      </c>
      <c r="IH35" s="61">
        <v>10</v>
      </c>
      <c r="II35" s="62">
        <v>69</v>
      </c>
      <c r="IJ35" s="63">
        <v>82</v>
      </c>
      <c r="IK35" s="60">
        <v>26</v>
      </c>
      <c r="IL35" s="61">
        <v>28</v>
      </c>
      <c r="IM35" s="62">
        <v>54</v>
      </c>
      <c r="IN35" s="231"/>
      <c r="IO35" s="61">
        <v>53</v>
      </c>
      <c r="IP35" s="61">
        <v>37</v>
      </c>
      <c r="IQ35" s="61">
        <v>25</v>
      </c>
      <c r="IR35" s="61">
        <v>19</v>
      </c>
      <c r="IS35" s="61">
        <v>16</v>
      </c>
      <c r="IT35" s="62">
        <v>150</v>
      </c>
      <c r="IU35" s="63">
        <v>204</v>
      </c>
      <c r="IV35" s="60">
        <v>13</v>
      </c>
      <c r="IW35" s="61">
        <v>31</v>
      </c>
      <c r="IX35" s="62">
        <v>44</v>
      </c>
      <c r="IY35" s="231"/>
      <c r="IZ35" s="61">
        <v>54</v>
      </c>
      <c r="JA35" s="61">
        <v>33</v>
      </c>
      <c r="JB35" s="61">
        <v>34</v>
      </c>
      <c r="JC35" s="61">
        <v>31</v>
      </c>
      <c r="JD35" s="61">
        <v>16</v>
      </c>
      <c r="JE35" s="62">
        <v>168</v>
      </c>
      <c r="JF35" s="63">
        <v>212</v>
      </c>
      <c r="JG35" s="60">
        <v>11</v>
      </c>
      <c r="JH35" s="61">
        <v>25</v>
      </c>
      <c r="JI35" s="62">
        <v>36</v>
      </c>
      <c r="JJ35" s="231"/>
      <c r="JK35" s="61">
        <v>48</v>
      </c>
      <c r="JL35" s="61">
        <v>39</v>
      </c>
      <c r="JM35" s="61">
        <v>36</v>
      </c>
      <c r="JN35" s="61">
        <v>44</v>
      </c>
      <c r="JO35" s="61">
        <v>18</v>
      </c>
      <c r="JP35" s="62">
        <v>185</v>
      </c>
      <c r="JQ35" s="63">
        <v>221</v>
      </c>
      <c r="JR35" s="60">
        <v>1</v>
      </c>
      <c r="JS35" s="61">
        <v>4</v>
      </c>
      <c r="JT35" s="62">
        <v>5</v>
      </c>
      <c r="JU35" s="231"/>
      <c r="JV35" s="61">
        <v>4</v>
      </c>
      <c r="JW35" s="61">
        <v>8</v>
      </c>
      <c r="JX35" s="61">
        <v>2</v>
      </c>
      <c r="JY35" s="61">
        <v>3</v>
      </c>
      <c r="JZ35" s="61">
        <v>6</v>
      </c>
      <c r="KA35" s="62">
        <v>23</v>
      </c>
      <c r="KB35" s="63">
        <v>28</v>
      </c>
      <c r="KC35" s="60">
        <v>67</v>
      </c>
      <c r="KD35" s="61">
        <v>102</v>
      </c>
      <c r="KE35" s="62">
        <v>169</v>
      </c>
      <c r="KF35" s="231"/>
      <c r="KG35" s="61">
        <v>214</v>
      </c>
      <c r="KH35" s="61">
        <v>144</v>
      </c>
      <c r="KI35" s="61">
        <v>118</v>
      </c>
      <c r="KJ35" s="61">
        <v>115</v>
      </c>
      <c r="KK35" s="61">
        <v>75</v>
      </c>
      <c r="KL35" s="62">
        <v>666</v>
      </c>
      <c r="KM35" s="63">
        <v>835</v>
      </c>
    </row>
    <row r="36" spans="2:299" ht="21" customHeight="1" x14ac:dyDescent="0.2">
      <c r="B36" s="472" t="s">
        <v>33</v>
      </c>
      <c r="C36" s="293">
        <v>34</v>
      </c>
      <c r="D36" s="72">
        <v>28</v>
      </c>
      <c r="E36" s="73">
        <v>62</v>
      </c>
      <c r="F36" s="228"/>
      <c r="G36" s="72">
        <v>58</v>
      </c>
      <c r="H36" s="72">
        <v>41</v>
      </c>
      <c r="I36" s="72">
        <v>48</v>
      </c>
      <c r="J36" s="72">
        <v>25</v>
      </c>
      <c r="K36" s="72">
        <v>19</v>
      </c>
      <c r="L36" s="74">
        <v>191</v>
      </c>
      <c r="M36" s="75">
        <v>253</v>
      </c>
      <c r="N36" s="60">
        <v>1</v>
      </c>
      <c r="O36" s="61">
        <v>0</v>
      </c>
      <c r="P36" s="62">
        <v>1</v>
      </c>
      <c r="Q36" s="231"/>
      <c r="R36" s="61">
        <v>3</v>
      </c>
      <c r="S36" s="61">
        <v>1</v>
      </c>
      <c r="T36" s="61">
        <v>5</v>
      </c>
      <c r="U36" s="61">
        <v>1</v>
      </c>
      <c r="V36" s="61">
        <v>0</v>
      </c>
      <c r="W36" s="62">
        <v>10</v>
      </c>
      <c r="X36" s="63">
        <v>11</v>
      </c>
      <c r="Y36" s="60">
        <v>4</v>
      </c>
      <c r="Z36" s="61">
        <v>6</v>
      </c>
      <c r="AA36" s="62">
        <v>10</v>
      </c>
      <c r="AB36" s="231"/>
      <c r="AC36" s="61">
        <v>7</v>
      </c>
      <c r="AD36" s="61">
        <v>6</v>
      </c>
      <c r="AE36" s="61">
        <v>6</v>
      </c>
      <c r="AF36" s="61">
        <v>6</v>
      </c>
      <c r="AG36" s="61">
        <v>4</v>
      </c>
      <c r="AH36" s="62">
        <v>29</v>
      </c>
      <c r="AI36" s="63">
        <v>39</v>
      </c>
      <c r="AJ36" s="60">
        <v>6</v>
      </c>
      <c r="AK36" s="61">
        <v>6</v>
      </c>
      <c r="AL36" s="62">
        <v>12</v>
      </c>
      <c r="AM36" s="231"/>
      <c r="AN36" s="61">
        <v>11</v>
      </c>
      <c r="AO36" s="61">
        <v>8</v>
      </c>
      <c r="AP36" s="61">
        <v>7</v>
      </c>
      <c r="AQ36" s="61">
        <v>2</v>
      </c>
      <c r="AR36" s="61">
        <v>6</v>
      </c>
      <c r="AS36" s="62">
        <v>34</v>
      </c>
      <c r="AT36" s="63">
        <v>46</v>
      </c>
      <c r="AU36" s="60">
        <v>13</v>
      </c>
      <c r="AV36" s="61">
        <v>8</v>
      </c>
      <c r="AW36" s="62">
        <v>21</v>
      </c>
      <c r="AX36" s="231"/>
      <c r="AY36" s="61">
        <v>15</v>
      </c>
      <c r="AZ36" s="61">
        <v>9</v>
      </c>
      <c r="BA36" s="61">
        <v>11</v>
      </c>
      <c r="BB36" s="61">
        <v>9</v>
      </c>
      <c r="BC36" s="61">
        <v>4</v>
      </c>
      <c r="BD36" s="62">
        <v>48</v>
      </c>
      <c r="BE36" s="63">
        <v>69</v>
      </c>
      <c r="BF36" s="60">
        <v>6</v>
      </c>
      <c r="BG36" s="61">
        <v>5</v>
      </c>
      <c r="BH36" s="62">
        <v>11</v>
      </c>
      <c r="BI36" s="231"/>
      <c r="BJ36" s="61">
        <v>12</v>
      </c>
      <c r="BK36" s="61">
        <v>7</v>
      </c>
      <c r="BL36" s="61">
        <v>14</v>
      </c>
      <c r="BM36" s="61">
        <v>5</v>
      </c>
      <c r="BN36" s="61">
        <v>3</v>
      </c>
      <c r="BO36" s="62">
        <v>41</v>
      </c>
      <c r="BP36" s="63">
        <v>52</v>
      </c>
      <c r="BQ36" s="60">
        <v>4</v>
      </c>
      <c r="BR36" s="61">
        <v>3</v>
      </c>
      <c r="BS36" s="62">
        <v>7</v>
      </c>
      <c r="BT36" s="231"/>
      <c r="BU36" s="61">
        <v>10</v>
      </c>
      <c r="BV36" s="61">
        <v>10</v>
      </c>
      <c r="BW36" s="61">
        <v>5</v>
      </c>
      <c r="BX36" s="61">
        <v>2</v>
      </c>
      <c r="BY36" s="61">
        <v>2</v>
      </c>
      <c r="BZ36" s="62">
        <v>29</v>
      </c>
      <c r="CA36" s="63">
        <v>36</v>
      </c>
      <c r="CB36" s="60">
        <v>1</v>
      </c>
      <c r="CC36" s="61">
        <v>0</v>
      </c>
      <c r="CD36" s="62">
        <v>1</v>
      </c>
      <c r="CE36" s="231"/>
      <c r="CF36" s="61">
        <v>1</v>
      </c>
      <c r="CG36" s="61">
        <v>1</v>
      </c>
      <c r="CH36" s="61">
        <v>0</v>
      </c>
      <c r="CI36" s="61">
        <v>0</v>
      </c>
      <c r="CJ36" s="61">
        <v>0</v>
      </c>
      <c r="CK36" s="62">
        <v>2</v>
      </c>
      <c r="CL36" s="63">
        <v>3</v>
      </c>
      <c r="CM36" s="60">
        <v>35</v>
      </c>
      <c r="CN36" s="61">
        <v>28</v>
      </c>
      <c r="CO36" s="62">
        <v>63</v>
      </c>
      <c r="CP36" s="231"/>
      <c r="CQ36" s="61">
        <v>59</v>
      </c>
      <c r="CR36" s="61">
        <v>42</v>
      </c>
      <c r="CS36" s="61">
        <v>48</v>
      </c>
      <c r="CT36" s="61">
        <v>25</v>
      </c>
      <c r="CU36" s="61">
        <v>19</v>
      </c>
      <c r="CV36" s="62">
        <v>193</v>
      </c>
      <c r="CW36" s="63">
        <v>256</v>
      </c>
      <c r="CX36" s="113">
        <v>44</v>
      </c>
      <c r="CY36" s="72">
        <v>72</v>
      </c>
      <c r="CZ36" s="73">
        <v>116</v>
      </c>
      <c r="DA36" s="228"/>
      <c r="DB36" s="72">
        <v>124</v>
      </c>
      <c r="DC36" s="72">
        <v>84</v>
      </c>
      <c r="DD36" s="72">
        <v>74</v>
      </c>
      <c r="DE36" s="72">
        <v>73</v>
      </c>
      <c r="DF36" s="72">
        <v>62</v>
      </c>
      <c r="DG36" s="74">
        <v>417</v>
      </c>
      <c r="DH36" s="75">
        <v>533</v>
      </c>
      <c r="DI36" s="60">
        <v>1</v>
      </c>
      <c r="DJ36" s="61">
        <v>2</v>
      </c>
      <c r="DK36" s="62">
        <v>3</v>
      </c>
      <c r="DL36" s="231"/>
      <c r="DM36" s="61">
        <v>2</v>
      </c>
      <c r="DN36" s="61">
        <v>1</v>
      </c>
      <c r="DO36" s="61">
        <v>0</v>
      </c>
      <c r="DP36" s="61">
        <v>3</v>
      </c>
      <c r="DQ36" s="61">
        <v>1</v>
      </c>
      <c r="DR36" s="62">
        <v>7</v>
      </c>
      <c r="DS36" s="63">
        <v>10</v>
      </c>
      <c r="DT36" s="60">
        <v>4</v>
      </c>
      <c r="DU36" s="61">
        <v>5</v>
      </c>
      <c r="DV36" s="62">
        <v>9</v>
      </c>
      <c r="DW36" s="231"/>
      <c r="DX36" s="61">
        <v>4</v>
      </c>
      <c r="DY36" s="61">
        <v>4</v>
      </c>
      <c r="DZ36" s="61">
        <v>2</v>
      </c>
      <c r="EA36" s="61">
        <v>4</v>
      </c>
      <c r="EB36" s="61">
        <v>4</v>
      </c>
      <c r="EC36" s="62">
        <v>18</v>
      </c>
      <c r="ED36" s="63">
        <v>27</v>
      </c>
      <c r="EE36" s="60">
        <v>3</v>
      </c>
      <c r="EF36" s="61">
        <v>10</v>
      </c>
      <c r="EG36" s="62">
        <v>13</v>
      </c>
      <c r="EH36" s="231"/>
      <c r="EI36" s="61">
        <v>12</v>
      </c>
      <c r="EJ36" s="61">
        <v>5</v>
      </c>
      <c r="EK36" s="61">
        <v>7</v>
      </c>
      <c r="EL36" s="61">
        <v>7</v>
      </c>
      <c r="EM36" s="61">
        <v>10</v>
      </c>
      <c r="EN36" s="62">
        <v>41</v>
      </c>
      <c r="EO36" s="63">
        <v>54</v>
      </c>
      <c r="EP36" s="60">
        <v>9</v>
      </c>
      <c r="EQ36" s="61">
        <v>14</v>
      </c>
      <c r="ER36" s="62">
        <v>23</v>
      </c>
      <c r="ES36" s="231"/>
      <c r="ET36" s="61">
        <v>29</v>
      </c>
      <c r="EU36" s="61">
        <v>17</v>
      </c>
      <c r="EV36" s="61">
        <v>12</v>
      </c>
      <c r="EW36" s="61">
        <v>11</v>
      </c>
      <c r="EX36" s="61">
        <v>10</v>
      </c>
      <c r="EY36" s="62">
        <v>79</v>
      </c>
      <c r="EZ36" s="63">
        <v>102</v>
      </c>
      <c r="FA36" s="60">
        <v>21</v>
      </c>
      <c r="FB36" s="61">
        <v>19</v>
      </c>
      <c r="FC36" s="62">
        <v>40</v>
      </c>
      <c r="FD36" s="231"/>
      <c r="FE36" s="61">
        <v>41</v>
      </c>
      <c r="FF36" s="61">
        <v>18</v>
      </c>
      <c r="FG36" s="61">
        <v>19</v>
      </c>
      <c r="FH36" s="61">
        <v>18</v>
      </c>
      <c r="FI36" s="61">
        <v>13</v>
      </c>
      <c r="FJ36" s="62">
        <v>109</v>
      </c>
      <c r="FK36" s="63">
        <v>149</v>
      </c>
      <c r="FL36" s="60">
        <v>6</v>
      </c>
      <c r="FM36" s="61">
        <v>22</v>
      </c>
      <c r="FN36" s="62">
        <v>28</v>
      </c>
      <c r="FO36" s="231"/>
      <c r="FP36" s="61">
        <v>36</v>
      </c>
      <c r="FQ36" s="61">
        <v>39</v>
      </c>
      <c r="FR36" s="61">
        <v>34</v>
      </c>
      <c r="FS36" s="61">
        <v>30</v>
      </c>
      <c r="FT36" s="61">
        <v>24</v>
      </c>
      <c r="FU36" s="62">
        <v>163</v>
      </c>
      <c r="FV36" s="63">
        <v>191</v>
      </c>
      <c r="FW36" s="60">
        <v>0</v>
      </c>
      <c r="FX36" s="61">
        <v>0</v>
      </c>
      <c r="FY36" s="62">
        <v>0</v>
      </c>
      <c r="FZ36" s="231"/>
      <c r="GA36" s="61">
        <v>1</v>
      </c>
      <c r="GB36" s="61">
        <v>0</v>
      </c>
      <c r="GC36" s="61">
        <v>0</v>
      </c>
      <c r="GD36" s="61">
        <v>0</v>
      </c>
      <c r="GE36" s="61">
        <v>1</v>
      </c>
      <c r="GF36" s="62">
        <v>2</v>
      </c>
      <c r="GG36" s="63">
        <v>2</v>
      </c>
      <c r="GH36" s="60">
        <v>44</v>
      </c>
      <c r="GI36" s="61">
        <v>72</v>
      </c>
      <c r="GJ36" s="62">
        <v>116</v>
      </c>
      <c r="GK36" s="231"/>
      <c r="GL36" s="61">
        <v>125</v>
      </c>
      <c r="GM36" s="61">
        <v>84</v>
      </c>
      <c r="GN36" s="61">
        <v>74</v>
      </c>
      <c r="GO36" s="61">
        <v>73</v>
      </c>
      <c r="GP36" s="61">
        <v>63</v>
      </c>
      <c r="GQ36" s="62">
        <v>419</v>
      </c>
      <c r="GR36" s="63">
        <v>535</v>
      </c>
      <c r="GS36" s="113">
        <v>78</v>
      </c>
      <c r="GT36" s="72">
        <v>100</v>
      </c>
      <c r="GU36" s="73">
        <v>178</v>
      </c>
      <c r="GV36" s="228"/>
      <c r="GW36" s="72">
        <v>182</v>
      </c>
      <c r="GX36" s="72">
        <v>125</v>
      </c>
      <c r="GY36" s="72">
        <v>122</v>
      </c>
      <c r="GZ36" s="72">
        <v>98</v>
      </c>
      <c r="HA36" s="72">
        <v>81</v>
      </c>
      <c r="HB36" s="74">
        <v>608</v>
      </c>
      <c r="HC36" s="75">
        <v>786</v>
      </c>
      <c r="HD36" s="60">
        <v>2</v>
      </c>
      <c r="HE36" s="61">
        <v>2</v>
      </c>
      <c r="HF36" s="62">
        <v>4</v>
      </c>
      <c r="HG36" s="231"/>
      <c r="HH36" s="61">
        <v>5</v>
      </c>
      <c r="HI36" s="61">
        <v>2</v>
      </c>
      <c r="HJ36" s="61">
        <v>5</v>
      </c>
      <c r="HK36" s="61">
        <v>4</v>
      </c>
      <c r="HL36" s="61">
        <v>1</v>
      </c>
      <c r="HM36" s="62">
        <v>17</v>
      </c>
      <c r="HN36" s="63">
        <v>21</v>
      </c>
      <c r="HO36" s="60">
        <v>8</v>
      </c>
      <c r="HP36" s="61">
        <v>11</v>
      </c>
      <c r="HQ36" s="62">
        <v>19</v>
      </c>
      <c r="HR36" s="231"/>
      <c r="HS36" s="61">
        <v>11</v>
      </c>
      <c r="HT36" s="61">
        <v>10</v>
      </c>
      <c r="HU36" s="61">
        <v>8</v>
      </c>
      <c r="HV36" s="61">
        <v>10</v>
      </c>
      <c r="HW36" s="61">
        <v>8</v>
      </c>
      <c r="HX36" s="62">
        <v>47</v>
      </c>
      <c r="HY36" s="63">
        <v>66</v>
      </c>
      <c r="HZ36" s="60">
        <v>9</v>
      </c>
      <c r="IA36" s="61">
        <v>16</v>
      </c>
      <c r="IB36" s="62">
        <v>25</v>
      </c>
      <c r="IC36" s="231"/>
      <c r="ID36" s="61">
        <v>23</v>
      </c>
      <c r="IE36" s="61">
        <v>13</v>
      </c>
      <c r="IF36" s="61">
        <v>14</v>
      </c>
      <c r="IG36" s="61">
        <v>9</v>
      </c>
      <c r="IH36" s="61">
        <v>16</v>
      </c>
      <c r="II36" s="62">
        <v>75</v>
      </c>
      <c r="IJ36" s="63">
        <v>100</v>
      </c>
      <c r="IK36" s="60">
        <v>22</v>
      </c>
      <c r="IL36" s="61">
        <v>22</v>
      </c>
      <c r="IM36" s="62">
        <v>44</v>
      </c>
      <c r="IN36" s="231"/>
      <c r="IO36" s="61">
        <v>44</v>
      </c>
      <c r="IP36" s="61">
        <v>26</v>
      </c>
      <c r="IQ36" s="61">
        <v>23</v>
      </c>
      <c r="IR36" s="61">
        <v>20</v>
      </c>
      <c r="IS36" s="61">
        <v>14</v>
      </c>
      <c r="IT36" s="62">
        <v>127</v>
      </c>
      <c r="IU36" s="63">
        <v>171</v>
      </c>
      <c r="IV36" s="60">
        <v>27</v>
      </c>
      <c r="IW36" s="61">
        <v>24</v>
      </c>
      <c r="IX36" s="62">
        <v>51</v>
      </c>
      <c r="IY36" s="231"/>
      <c r="IZ36" s="61">
        <v>53</v>
      </c>
      <c r="JA36" s="61">
        <v>25</v>
      </c>
      <c r="JB36" s="61">
        <v>33</v>
      </c>
      <c r="JC36" s="61">
        <v>23</v>
      </c>
      <c r="JD36" s="61">
        <v>16</v>
      </c>
      <c r="JE36" s="62">
        <v>150</v>
      </c>
      <c r="JF36" s="63">
        <v>201</v>
      </c>
      <c r="JG36" s="60">
        <v>10</v>
      </c>
      <c r="JH36" s="61">
        <v>25</v>
      </c>
      <c r="JI36" s="62">
        <v>35</v>
      </c>
      <c r="JJ36" s="231"/>
      <c r="JK36" s="61">
        <v>46</v>
      </c>
      <c r="JL36" s="61">
        <v>49</v>
      </c>
      <c r="JM36" s="61">
        <v>39</v>
      </c>
      <c r="JN36" s="61">
        <v>32</v>
      </c>
      <c r="JO36" s="61">
        <v>26</v>
      </c>
      <c r="JP36" s="62">
        <v>192</v>
      </c>
      <c r="JQ36" s="63">
        <v>227</v>
      </c>
      <c r="JR36" s="60">
        <v>1</v>
      </c>
      <c r="JS36" s="61">
        <v>0</v>
      </c>
      <c r="JT36" s="62">
        <v>1</v>
      </c>
      <c r="JU36" s="231"/>
      <c r="JV36" s="61">
        <v>2</v>
      </c>
      <c r="JW36" s="61">
        <v>1</v>
      </c>
      <c r="JX36" s="61">
        <v>0</v>
      </c>
      <c r="JY36" s="61">
        <v>0</v>
      </c>
      <c r="JZ36" s="61">
        <v>1</v>
      </c>
      <c r="KA36" s="62">
        <v>4</v>
      </c>
      <c r="KB36" s="63">
        <v>5</v>
      </c>
      <c r="KC36" s="60">
        <v>79</v>
      </c>
      <c r="KD36" s="61">
        <v>100</v>
      </c>
      <c r="KE36" s="62">
        <v>179</v>
      </c>
      <c r="KF36" s="231"/>
      <c r="KG36" s="61">
        <v>184</v>
      </c>
      <c r="KH36" s="61">
        <v>126</v>
      </c>
      <c r="KI36" s="61">
        <v>122</v>
      </c>
      <c r="KJ36" s="61">
        <v>98</v>
      </c>
      <c r="KK36" s="61">
        <v>82</v>
      </c>
      <c r="KL36" s="62">
        <v>612</v>
      </c>
      <c r="KM36" s="63">
        <v>791</v>
      </c>
    </row>
    <row r="37" spans="2:299" ht="21" customHeight="1" x14ac:dyDescent="0.2">
      <c r="B37" s="472" t="s">
        <v>34</v>
      </c>
      <c r="C37" s="293">
        <v>14</v>
      </c>
      <c r="D37" s="72">
        <v>15</v>
      </c>
      <c r="E37" s="73">
        <v>29</v>
      </c>
      <c r="F37" s="228"/>
      <c r="G37" s="72">
        <v>36</v>
      </c>
      <c r="H37" s="72">
        <v>39</v>
      </c>
      <c r="I37" s="72">
        <v>17</v>
      </c>
      <c r="J37" s="72">
        <v>23</v>
      </c>
      <c r="K37" s="72">
        <v>8</v>
      </c>
      <c r="L37" s="74">
        <v>123</v>
      </c>
      <c r="M37" s="75">
        <v>152</v>
      </c>
      <c r="N37" s="60">
        <v>0</v>
      </c>
      <c r="O37" s="61">
        <v>2</v>
      </c>
      <c r="P37" s="62">
        <v>2</v>
      </c>
      <c r="Q37" s="231"/>
      <c r="R37" s="61">
        <v>1</v>
      </c>
      <c r="S37" s="61">
        <v>3</v>
      </c>
      <c r="T37" s="61">
        <v>2</v>
      </c>
      <c r="U37" s="61">
        <v>1</v>
      </c>
      <c r="V37" s="61">
        <v>0</v>
      </c>
      <c r="W37" s="62">
        <v>7</v>
      </c>
      <c r="X37" s="63">
        <v>9</v>
      </c>
      <c r="Y37" s="60">
        <v>2</v>
      </c>
      <c r="Z37" s="61">
        <v>2</v>
      </c>
      <c r="AA37" s="62">
        <v>4</v>
      </c>
      <c r="AB37" s="231"/>
      <c r="AC37" s="61">
        <v>2</v>
      </c>
      <c r="AD37" s="61">
        <v>1</v>
      </c>
      <c r="AE37" s="61">
        <v>1</v>
      </c>
      <c r="AF37" s="61">
        <v>0</v>
      </c>
      <c r="AG37" s="61">
        <v>0</v>
      </c>
      <c r="AH37" s="62">
        <v>4</v>
      </c>
      <c r="AI37" s="63">
        <v>8</v>
      </c>
      <c r="AJ37" s="60">
        <v>1</v>
      </c>
      <c r="AK37" s="61">
        <v>2</v>
      </c>
      <c r="AL37" s="62">
        <v>3</v>
      </c>
      <c r="AM37" s="231"/>
      <c r="AN37" s="61">
        <v>3</v>
      </c>
      <c r="AO37" s="61">
        <v>6</v>
      </c>
      <c r="AP37" s="61">
        <v>2</v>
      </c>
      <c r="AQ37" s="61">
        <v>9</v>
      </c>
      <c r="AR37" s="61">
        <v>2</v>
      </c>
      <c r="AS37" s="62">
        <v>22</v>
      </c>
      <c r="AT37" s="63">
        <v>25</v>
      </c>
      <c r="AU37" s="60">
        <v>7</v>
      </c>
      <c r="AV37" s="61">
        <v>2</v>
      </c>
      <c r="AW37" s="62">
        <v>9</v>
      </c>
      <c r="AX37" s="231"/>
      <c r="AY37" s="61">
        <v>10</v>
      </c>
      <c r="AZ37" s="61">
        <v>11</v>
      </c>
      <c r="BA37" s="61">
        <v>2</v>
      </c>
      <c r="BB37" s="61">
        <v>4</v>
      </c>
      <c r="BC37" s="61">
        <v>2</v>
      </c>
      <c r="BD37" s="62">
        <v>29</v>
      </c>
      <c r="BE37" s="63">
        <v>38</v>
      </c>
      <c r="BF37" s="60">
        <v>3</v>
      </c>
      <c r="BG37" s="61">
        <v>5</v>
      </c>
      <c r="BH37" s="62">
        <v>8</v>
      </c>
      <c r="BI37" s="231"/>
      <c r="BJ37" s="61">
        <v>12</v>
      </c>
      <c r="BK37" s="61">
        <v>8</v>
      </c>
      <c r="BL37" s="61">
        <v>5</v>
      </c>
      <c r="BM37" s="61">
        <v>6</v>
      </c>
      <c r="BN37" s="61">
        <v>3</v>
      </c>
      <c r="BO37" s="62">
        <v>34</v>
      </c>
      <c r="BP37" s="63">
        <v>42</v>
      </c>
      <c r="BQ37" s="60">
        <v>1</v>
      </c>
      <c r="BR37" s="61">
        <v>2</v>
      </c>
      <c r="BS37" s="62">
        <v>3</v>
      </c>
      <c r="BT37" s="231"/>
      <c r="BU37" s="61">
        <v>8</v>
      </c>
      <c r="BV37" s="61">
        <v>10</v>
      </c>
      <c r="BW37" s="61">
        <v>5</v>
      </c>
      <c r="BX37" s="61">
        <v>3</v>
      </c>
      <c r="BY37" s="61">
        <v>1</v>
      </c>
      <c r="BZ37" s="62">
        <v>27</v>
      </c>
      <c r="CA37" s="63">
        <v>30</v>
      </c>
      <c r="CB37" s="60">
        <v>0</v>
      </c>
      <c r="CC37" s="61">
        <v>0</v>
      </c>
      <c r="CD37" s="62">
        <v>0</v>
      </c>
      <c r="CE37" s="231"/>
      <c r="CF37" s="61">
        <v>3</v>
      </c>
      <c r="CG37" s="61">
        <v>2</v>
      </c>
      <c r="CH37" s="61">
        <v>0</v>
      </c>
      <c r="CI37" s="61">
        <v>1</v>
      </c>
      <c r="CJ37" s="61">
        <v>1</v>
      </c>
      <c r="CK37" s="62">
        <v>7</v>
      </c>
      <c r="CL37" s="63">
        <v>7</v>
      </c>
      <c r="CM37" s="60">
        <v>14</v>
      </c>
      <c r="CN37" s="61">
        <v>15</v>
      </c>
      <c r="CO37" s="62">
        <v>29</v>
      </c>
      <c r="CP37" s="231"/>
      <c r="CQ37" s="61">
        <v>39</v>
      </c>
      <c r="CR37" s="61">
        <v>41</v>
      </c>
      <c r="CS37" s="61">
        <v>17</v>
      </c>
      <c r="CT37" s="61">
        <v>24</v>
      </c>
      <c r="CU37" s="61">
        <v>9</v>
      </c>
      <c r="CV37" s="62">
        <v>130</v>
      </c>
      <c r="CW37" s="63">
        <v>159</v>
      </c>
      <c r="CX37" s="113">
        <v>42</v>
      </c>
      <c r="CY37" s="72">
        <v>37</v>
      </c>
      <c r="CZ37" s="73">
        <v>79</v>
      </c>
      <c r="DA37" s="228"/>
      <c r="DB37" s="72">
        <v>96</v>
      </c>
      <c r="DC37" s="72">
        <v>52</v>
      </c>
      <c r="DD37" s="72">
        <v>44</v>
      </c>
      <c r="DE37" s="72">
        <v>46</v>
      </c>
      <c r="DF37" s="72">
        <v>22</v>
      </c>
      <c r="DG37" s="74">
        <v>260</v>
      </c>
      <c r="DH37" s="75">
        <v>339</v>
      </c>
      <c r="DI37" s="60">
        <v>0</v>
      </c>
      <c r="DJ37" s="61">
        <v>1</v>
      </c>
      <c r="DK37" s="62">
        <v>1</v>
      </c>
      <c r="DL37" s="231"/>
      <c r="DM37" s="61">
        <v>1</v>
      </c>
      <c r="DN37" s="61">
        <v>0</v>
      </c>
      <c r="DO37" s="61">
        <v>1</v>
      </c>
      <c r="DP37" s="61">
        <v>0</v>
      </c>
      <c r="DQ37" s="61">
        <v>2</v>
      </c>
      <c r="DR37" s="62">
        <v>4</v>
      </c>
      <c r="DS37" s="63">
        <v>5</v>
      </c>
      <c r="DT37" s="60">
        <v>2</v>
      </c>
      <c r="DU37" s="61">
        <v>0</v>
      </c>
      <c r="DV37" s="62">
        <v>2</v>
      </c>
      <c r="DW37" s="231"/>
      <c r="DX37" s="61">
        <v>5</v>
      </c>
      <c r="DY37" s="61">
        <v>2</v>
      </c>
      <c r="DZ37" s="61">
        <v>2</v>
      </c>
      <c r="EA37" s="61">
        <v>2</v>
      </c>
      <c r="EB37" s="61">
        <v>3</v>
      </c>
      <c r="EC37" s="62">
        <v>14</v>
      </c>
      <c r="ED37" s="63">
        <v>16</v>
      </c>
      <c r="EE37" s="60">
        <v>7</v>
      </c>
      <c r="EF37" s="61">
        <v>4</v>
      </c>
      <c r="EG37" s="62">
        <v>11</v>
      </c>
      <c r="EH37" s="231"/>
      <c r="EI37" s="61">
        <v>7</v>
      </c>
      <c r="EJ37" s="61">
        <v>2</v>
      </c>
      <c r="EK37" s="61">
        <v>6</v>
      </c>
      <c r="EL37" s="61">
        <v>3</v>
      </c>
      <c r="EM37" s="61">
        <v>0</v>
      </c>
      <c r="EN37" s="62">
        <v>18</v>
      </c>
      <c r="EO37" s="63">
        <v>29</v>
      </c>
      <c r="EP37" s="60">
        <v>8</v>
      </c>
      <c r="EQ37" s="61">
        <v>6</v>
      </c>
      <c r="ER37" s="62">
        <v>14</v>
      </c>
      <c r="ES37" s="231"/>
      <c r="ET37" s="61">
        <v>22</v>
      </c>
      <c r="EU37" s="61">
        <v>12</v>
      </c>
      <c r="EV37" s="61">
        <v>10</v>
      </c>
      <c r="EW37" s="61">
        <v>4</v>
      </c>
      <c r="EX37" s="61">
        <v>4</v>
      </c>
      <c r="EY37" s="62">
        <v>52</v>
      </c>
      <c r="EZ37" s="63">
        <v>66</v>
      </c>
      <c r="FA37" s="60">
        <v>17</v>
      </c>
      <c r="FB37" s="61">
        <v>21</v>
      </c>
      <c r="FC37" s="62">
        <v>38</v>
      </c>
      <c r="FD37" s="231"/>
      <c r="FE37" s="61">
        <v>29</v>
      </c>
      <c r="FF37" s="61">
        <v>15</v>
      </c>
      <c r="FG37" s="61">
        <v>11</v>
      </c>
      <c r="FH37" s="61">
        <v>12</v>
      </c>
      <c r="FI37" s="61">
        <v>1</v>
      </c>
      <c r="FJ37" s="62">
        <v>68</v>
      </c>
      <c r="FK37" s="63">
        <v>106</v>
      </c>
      <c r="FL37" s="60">
        <v>8</v>
      </c>
      <c r="FM37" s="61">
        <v>5</v>
      </c>
      <c r="FN37" s="62">
        <v>13</v>
      </c>
      <c r="FO37" s="231"/>
      <c r="FP37" s="61">
        <v>32</v>
      </c>
      <c r="FQ37" s="61">
        <v>21</v>
      </c>
      <c r="FR37" s="61">
        <v>14</v>
      </c>
      <c r="FS37" s="61">
        <v>25</v>
      </c>
      <c r="FT37" s="61">
        <v>12</v>
      </c>
      <c r="FU37" s="62">
        <v>104</v>
      </c>
      <c r="FV37" s="63">
        <v>117</v>
      </c>
      <c r="FW37" s="60">
        <v>0</v>
      </c>
      <c r="FX37" s="61">
        <v>1</v>
      </c>
      <c r="FY37" s="62">
        <v>1</v>
      </c>
      <c r="FZ37" s="231"/>
      <c r="GA37" s="61">
        <v>1</v>
      </c>
      <c r="GB37" s="61">
        <v>1</v>
      </c>
      <c r="GC37" s="61">
        <v>1</v>
      </c>
      <c r="GD37" s="61">
        <v>0</v>
      </c>
      <c r="GE37" s="61">
        <v>1</v>
      </c>
      <c r="GF37" s="62">
        <v>4</v>
      </c>
      <c r="GG37" s="63">
        <v>5</v>
      </c>
      <c r="GH37" s="60">
        <v>42</v>
      </c>
      <c r="GI37" s="61">
        <v>38</v>
      </c>
      <c r="GJ37" s="62">
        <v>80</v>
      </c>
      <c r="GK37" s="231"/>
      <c r="GL37" s="61">
        <v>97</v>
      </c>
      <c r="GM37" s="61">
        <v>53</v>
      </c>
      <c r="GN37" s="61">
        <v>45</v>
      </c>
      <c r="GO37" s="61">
        <v>46</v>
      </c>
      <c r="GP37" s="61">
        <v>23</v>
      </c>
      <c r="GQ37" s="62">
        <v>264</v>
      </c>
      <c r="GR37" s="63">
        <v>344</v>
      </c>
      <c r="GS37" s="113">
        <v>56</v>
      </c>
      <c r="GT37" s="72">
        <v>52</v>
      </c>
      <c r="GU37" s="73">
        <v>108</v>
      </c>
      <c r="GV37" s="228"/>
      <c r="GW37" s="72">
        <v>132</v>
      </c>
      <c r="GX37" s="72">
        <v>91</v>
      </c>
      <c r="GY37" s="72">
        <v>61</v>
      </c>
      <c r="GZ37" s="72">
        <v>69</v>
      </c>
      <c r="HA37" s="72">
        <v>30</v>
      </c>
      <c r="HB37" s="74">
        <v>383</v>
      </c>
      <c r="HC37" s="75">
        <v>491</v>
      </c>
      <c r="HD37" s="60">
        <v>0</v>
      </c>
      <c r="HE37" s="61">
        <v>3</v>
      </c>
      <c r="HF37" s="62">
        <v>3</v>
      </c>
      <c r="HG37" s="231"/>
      <c r="HH37" s="61">
        <v>2</v>
      </c>
      <c r="HI37" s="61">
        <v>3</v>
      </c>
      <c r="HJ37" s="61">
        <v>3</v>
      </c>
      <c r="HK37" s="61">
        <v>1</v>
      </c>
      <c r="HL37" s="61">
        <v>2</v>
      </c>
      <c r="HM37" s="62">
        <v>11</v>
      </c>
      <c r="HN37" s="63">
        <v>14</v>
      </c>
      <c r="HO37" s="60">
        <v>4</v>
      </c>
      <c r="HP37" s="61">
        <v>2</v>
      </c>
      <c r="HQ37" s="62">
        <v>6</v>
      </c>
      <c r="HR37" s="231"/>
      <c r="HS37" s="61">
        <v>7</v>
      </c>
      <c r="HT37" s="61">
        <v>3</v>
      </c>
      <c r="HU37" s="61">
        <v>3</v>
      </c>
      <c r="HV37" s="61">
        <v>2</v>
      </c>
      <c r="HW37" s="61">
        <v>3</v>
      </c>
      <c r="HX37" s="62">
        <v>18</v>
      </c>
      <c r="HY37" s="63">
        <v>24</v>
      </c>
      <c r="HZ37" s="60">
        <v>8</v>
      </c>
      <c r="IA37" s="61">
        <v>6</v>
      </c>
      <c r="IB37" s="62">
        <v>14</v>
      </c>
      <c r="IC37" s="231"/>
      <c r="ID37" s="61">
        <v>10</v>
      </c>
      <c r="IE37" s="61">
        <v>8</v>
      </c>
      <c r="IF37" s="61">
        <v>8</v>
      </c>
      <c r="IG37" s="61">
        <v>12</v>
      </c>
      <c r="IH37" s="61">
        <v>2</v>
      </c>
      <c r="II37" s="62">
        <v>40</v>
      </c>
      <c r="IJ37" s="63">
        <v>54</v>
      </c>
      <c r="IK37" s="60">
        <v>15</v>
      </c>
      <c r="IL37" s="61">
        <v>8</v>
      </c>
      <c r="IM37" s="62">
        <v>23</v>
      </c>
      <c r="IN37" s="231"/>
      <c r="IO37" s="61">
        <v>32</v>
      </c>
      <c r="IP37" s="61">
        <v>23</v>
      </c>
      <c r="IQ37" s="61">
        <v>12</v>
      </c>
      <c r="IR37" s="61">
        <v>8</v>
      </c>
      <c r="IS37" s="61">
        <v>6</v>
      </c>
      <c r="IT37" s="62">
        <v>81</v>
      </c>
      <c r="IU37" s="63">
        <v>104</v>
      </c>
      <c r="IV37" s="60">
        <v>20</v>
      </c>
      <c r="IW37" s="61">
        <v>26</v>
      </c>
      <c r="IX37" s="62">
        <v>46</v>
      </c>
      <c r="IY37" s="231"/>
      <c r="IZ37" s="61">
        <v>41</v>
      </c>
      <c r="JA37" s="61">
        <v>23</v>
      </c>
      <c r="JB37" s="61">
        <v>16</v>
      </c>
      <c r="JC37" s="61">
        <v>18</v>
      </c>
      <c r="JD37" s="61">
        <v>4</v>
      </c>
      <c r="JE37" s="62">
        <v>102</v>
      </c>
      <c r="JF37" s="63">
        <v>148</v>
      </c>
      <c r="JG37" s="60">
        <v>9</v>
      </c>
      <c r="JH37" s="61">
        <v>7</v>
      </c>
      <c r="JI37" s="62">
        <v>16</v>
      </c>
      <c r="JJ37" s="231"/>
      <c r="JK37" s="61">
        <v>40</v>
      </c>
      <c r="JL37" s="61">
        <v>31</v>
      </c>
      <c r="JM37" s="61">
        <v>19</v>
      </c>
      <c r="JN37" s="61">
        <v>28</v>
      </c>
      <c r="JO37" s="61">
        <v>13</v>
      </c>
      <c r="JP37" s="62">
        <v>131</v>
      </c>
      <c r="JQ37" s="63">
        <v>147</v>
      </c>
      <c r="JR37" s="60">
        <v>0</v>
      </c>
      <c r="JS37" s="61">
        <v>1</v>
      </c>
      <c r="JT37" s="62">
        <v>1</v>
      </c>
      <c r="JU37" s="231"/>
      <c r="JV37" s="61">
        <v>4</v>
      </c>
      <c r="JW37" s="61">
        <v>3</v>
      </c>
      <c r="JX37" s="61">
        <v>1</v>
      </c>
      <c r="JY37" s="61">
        <v>1</v>
      </c>
      <c r="JZ37" s="61">
        <v>2</v>
      </c>
      <c r="KA37" s="62">
        <v>11</v>
      </c>
      <c r="KB37" s="63">
        <v>12</v>
      </c>
      <c r="KC37" s="60">
        <v>56</v>
      </c>
      <c r="KD37" s="61">
        <v>53</v>
      </c>
      <c r="KE37" s="62">
        <v>109</v>
      </c>
      <c r="KF37" s="231"/>
      <c r="KG37" s="61">
        <v>136</v>
      </c>
      <c r="KH37" s="61">
        <v>94</v>
      </c>
      <c r="KI37" s="61">
        <v>62</v>
      </c>
      <c r="KJ37" s="61">
        <v>70</v>
      </c>
      <c r="KK37" s="61">
        <v>32</v>
      </c>
      <c r="KL37" s="62">
        <v>394</v>
      </c>
      <c r="KM37" s="63">
        <v>503</v>
      </c>
    </row>
    <row r="38" spans="2:299" ht="21" customHeight="1" x14ac:dyDescent="0.2">
      <c r="B38" s="472" t="s">
        <v>35</v>
      </c>
      <c r="C38" s="293">
        <v>67</v>
      </c>
      <c r="D38" s="72">
        <v>54</v>
      </c>
      <c r="E38" s="73">
        <v>121</v>
      </c>
      <c r="F38" s="228"/>
      <c r="G38" s="72">
        <v>159</v>
      </c>
      <c r="H38" s="72">
        <v>74</v>
      </c>
      <c r="I38" s="72">
        <v>69</v>
      </c>
      <c r="J38" s="72">
        <v>53</v>
      </c>
      <c r="K38" s="72">
        <v>27</v>
      </c>
      <c r="L38" s="74">
        <v>382</v>
      </c>
      <c r="M38" s="75">
        <v>503</v>
      </c>
      <c r="N38" s="60">
        <v>1</v>
      </c>
      <c r="O38" s="61">
        <v>4</v>
      </c>
      <c r="P38" s="62">
        <v>5</v>
      </c>
      <c r="Q38" s="231"/>
      <c r="R38" s="61">
        <v>12</v>
      </c>
      <c r="S38" s="61">
        <v>2</v>
      </c>
      <c r="T38" s="61">
        <v>7</v>
      </c>
      <c r="U38" s="61">
        <v>4</v>
      </c>
      <c r="V38" s="61">
        <v>4</v>
      </c>
      <c r="W38" s="62">
        <v>29</v>
      </c>
      <c r="X38" s="63">
        <v>34</v>
      </c>
      <c r="Y38" s="60">
        <v>8</v>
      </c>
      <c r="Z38" s="61">
        <v>4</v>
      </c>
      <c r="AA38" s="62">
        <v>12</v>
      </c>
      <c r="AB38" s="231"/>
      <c r="AC38" s="61">
        <v>10</v>
      </c>
      <c r="AD38" s="61">
        <v>7</v>
      </c>
      <c r="AE38" s="61">
        <v>5</v>
      </c>
      <c r="AF38" s="61">
        <v>4</v>
      </c>
      <c r="AG38" s="61">
        <v>2</v>
      </c>
      <c r="AH38" s="62">
        <v>28</v>
      </c>
      <c r="AI38" s="63">
        <v>40</v>
      </c>
      <c r="AJ38" s="60">
        <v>13</v>
      </c>
      <c r="AK38" s="61">
        <v>11</v>
      </c>
      <c r="AL38" s="62">
        <v>24</v>
      </c>
      <c r="AM38" s="231"/>
      <c r="AN38" s="61">
        <v>24</v>
      </c>
      <c r="AO38" s="61">
        <v>6</v>
      </c>
      <c r="AP38" s="61">
        <v>10</v>
      </c>
      <c r="AQ38" s="61">
        <v>13</v>
      </c>
      <c r="AR38" s="61">
        <v>8</v>
      </c>
      <c r="AS38" s="62">
        <v>61</v>
      </c>
      <c r="AT38" s="63">
        <v>85</v>
      </c>
      <c r="AU38" s="60">
        <v>22</v>
      </c>
      <c r="AV38" s="61">
        <v>20</v>
      </c>
      <c r="AW38" s="62">
        <v>42</v>
      </c>
      <c r="AX38" s="231"/>
      <c r="AY38" s="61">
        <v>50</v>
      </c>
      <c r="AZ38" s="61">
        <v>25</v>
      </c>
      <c r="BA38" s="61">
        <v>17</v>
      </c>
      <c r="BB38" s="61">
        <v>6</v>
      </c>
      <c r="BC38" s="61">
        <v>5</v>
      </c>
      <c r="BD38" s="62">
        <v>103</v>
      </c>
      <c r="BE38" s="63">
        <v>145</v>
      </c>
      <c r="BF38" s="60">
        <v>12</v>
      </c>
      <c r="BG38" s="61">
        <v>9</v>
      </c>
      <c r="BH38" s="62">
        <v>21</v>
      </c>
      <c r="BI38" s="231"/>
      <c r="BJ38" s="61">
        <v>42</v>
      </c>
      <c r="BK38" s="61">
        <v>12</v>
      </c>
      <c r="BL38" s="61">
        <v>14</v>
      </c>
      <c r="BM38" s="61">
        <v>11</v>
      </c>
      <c r="BN38" s="61">
        <v>2</v>
      </c>
      <c r="BO38" s="62">
        <v>81</v>
      </c>
      <c r="BP38" s="63">
        <v>102</v>
      </c>
      <c r="BQ38" s="60">
        <v>11</v>
      </c>
      <c r="BR38" s="61">
        <v>6</v>
      </c>
      <c r="BS38" s="62">
        <v>17</v>
      </c>
      <c r="BT38" s="231"/>
      <c r="BU38" s="61">
        <v>21</v>
      </c>
      <c r="BV38" s="61">
        <v>22</v>
      </c>
      <c r="BW38" s="61">
        <v>16</v>
      </c>
      <c r="BX38" s="61">
        <v>15</v>
      </c>
      <c r="BY38" s="61">
        <v>6</v>
      </c>
      <c r="BZ38" s="62">
        <v>80</v>
      </c>
      <c r="CA38" s="63">
        <v>97</v>
      </c>
      <c r="CB38" s="60">
        <v>1</v>
      </c>
      <c r="CC38" s="61">
        <v>2</v>
      </c>
      <c r="CD38" s="62">
        <v>3</v>
      </c>
      <c r="CE38" s="231"/>
      <c r="CF38" s="61">
        <v>5</v>
      </c>
      <c r="CG38" s="61">
        <v>3</v>
      </c>
      <c r="CH38" s="61">
        <v>2</v>
      </c>
      <c r="CI38" s="61">
        <v>2</v>
      </c>
      <c r="CJ38" s="61">
        <v>2</v>
      </c>
      <c r="CK38" s="62">
        <v>14</v>
      </c>
      <c r="CL38" s="63">
        <v>17</v>
      </c>
      <c r="CM38" s="60">
        <v>68</v>
      </c>
      <c r="CN38" s="61">
        <v>56</v>
      </c>
      <c r="CO38" s="62">
        <v>124</v>
      </c>
      <c r="CP38" s="231"/>
      <c r="CQ38" s="61">
        <v>164</v>
      </c>
      <c r="CR38" s="61">
        <v>77</v>
      </c>
      <c r="CS38" s="61">
        <v>71</v>
      </c>
      <c r="CT38" s="61">
        <v>55</v>
      </c>
      <c r="CU38" s="61">
        <v>29</v>
      </c>
      <c r="CV38" s="62">
        <v>396</v>
      </c>
      <c r="CW38" s="63">
        <v>520</v>
      </c>
      <c r="CX38" s="113">
        <v>137</v>
      </c>
      <c r="CY38" s="72">
        <v>163</v>
      </c>
      <c r="CZ38" s="73">
        <v>300</v>
      </c>
      <c r="DA38" s="228"/>
      <c r="DB38" s="72">
        <v>313</v>
      </c>
      <c r="DC38" s="72">
        <v>174</v>
      </c>
      <c r="DD38" s="72">
        <v>161</v>
      </c>
      <c r="DE38" s="72">
        <v>149</v>
      </c>
      <c r="DF38" s="72">
        <v>97</v>
      </c>
      <c r="DG38" s="74">
        <v>894</v>
      </c>
      <c r="DH38" s="75">
        <v>1194</v>
      </c>
      <c r="DI38" s="60">
        <v>2</v>
      </c>
      <c r="DJ38" s="61">
        <v>3</v>
      </c>
      <c r="DK38" s="62">
        <v>5</v>
      </c>
      <c r="DL38" s="231"/>
      <c r="DM38" s="61">
        <v>5</v>
      </c>
      <c r="DN38" s="61">
        <v>5</v>
      </c>
      <c r="DO38" s="61">
        <v>4</v>
      </c>
      <c r="DP38" s="61">
        <v>3</v>
      </c>
      <c r="DQ38" s="61">
        <v>2</v>
      </c>
      <c r="DR38" s="62">
        <v>19</v>
      </c>
      <c r="DS38" s="63">
        <v>24</v>
      </c>
      <c r="DT38" s="60">
        <v>8</v>
      </c>
      <c r="DU38" s="61">
        <v>12</v>
      </c>
      <c r="DV38" s="62">
        <v>20</v>
      </c>
      <c r="DW38" s="231"/>
      <c r="DX38" s="61">
        <v>15</v>
      </c>
      <c r="DY38" s="61">
        <v>8</v>
      </c>
      <c r="DZ38" s="61">
        <v>8</v>
      </c>
      <c r="EA38" s="61">
        <v>10</v>
      </c>
      <c r="EB38" s="61">
        <v>4</v>
      </c>
      <c r="EC38" s="62">
        <v>45</v>
      </c>
      <c r="ED38" s="63">
        <v>65</v>
      </c>
      <c r="EE38" s="60">
        <v>17</v>
      </c>
      <c r="EF38" s="61">
        <v>28</v>
      </c>
      <c r="EG38" s="62">
        <v>45</v>
      </c>
      <c r="EH38" s="231"/>
      <c r="EI38" s="61">
        <v>24</v>
      </c>
      <c r="EJ38" s="61">
        <v>18</v>
      </c>
      <c r="EK38" s="61">
        <v>7</v>
      </c>
      <c r="EL38" s="61">
        <v>11</v>
      </c>
      <c r="EM38" s="61">
        <v>15</v>
      </c>
      <c r="EN38" s="62">
        <v>75</v>
      </c>
      <c r="EO38" s="63">
        <v>120</v>
      </c>
      <c r="EP38" s="60">
        <v>46</v>
      </c>
      <c r="EQ38" s="61">
        <v>35</v>
      </c>
      <c r="ER38" s="62">
        <v>81</v>
      </c>
      <c r="ES38" s="231"/>
      <c r="ET38" s="61">
        <v>65</v>
      </c>
      <c r="EU38" s="61">
        <v>36</v>
      </c>
      <c r="EV38" s="61">
        <v>34</v>
      </c>
      <c r="EW38" s="61">
        <v>24</v>
      </c>
      <c r="EX38" s="61">
        <v>15</v>
      </c>
      <c r="EY38" s="62">
        <v>174</v>
      </c>
      <c r="EZ38" s="63">
        <v>255</v>
      </c>
      <c r="FA38" s="60">
        <v>39</v>
      </c>
      <c r="FB38" s="61">
        <v>50</v>
      </c>
      <c r="FC38" s="62">
        <v>89</v>
      </c>
      <c r="FD38" s="231"/>
      <c r="FE38" s="61">
        <v>112</v>
      </c>
      <c r="FF38" s="61">
        <v>39</v>
      </c>
      <c r="FG38" s="61">
        <v>50</v>
      </c>
      <c r="FH38" s="61">
        <v>36</v>
      </c>
      <c r="FI38" s="61">
        <v>29</v>
      </c>
      <c r="FJ38" s="62">
        <v>266</v>
      </c>
      <c r="FK38" s="63">
        <v>355</v>
      </c>
      <c r="FL38" s="60">
        <v>25</v>
      </c>
      <c r="FM38" s="61">
        <v>35</v>
      </c>
      <c r="FN38" s="62">
        <v>60</v>
      </c>
      <c r="FO38" s="231"/>
      <c r="FP38" s="61">
        <v>92</v>
      </c>
      <c r="FQ38" s="61">
        <v>68</v>
      </c>
      <c r="FR38" s="61">
        <v>58</v>
      </c>
      <c r="FS38" s="61">
        <v>65</v>
      </c>
      <c r="FT38" s="61">
        <v>32</v>
      </c>
      <c r="FU38" s="62">
        <v>315</v>
      </c>
      <c r="FV38" s="63">
        <v>375</v>
      </c>
      <c r="FW38" s="60">
        <v>0</v>
      </c>
      <c r="FX38" s="61">
        <v>0</v>
      </c>
      <c r="FY38" s="62">
        <v>0</v>
      </c>
      <c r="FZ38" s="231"/>
      <c r="GA38" s="61">
        <v>1</v>
      </c>
      <c r="GB38" s="61">
        <v>3</v>
      </c>
      <c r="GC38" s="61">
        <v>2</v>
      </c>
      <c r="GD38" s="61">
        <v>0</v>
      </c>
      <c r="GE38" s="61">
        <v>1</v>
      </c>
      <c r="GF38" s="62">
        <v>7</v>
      </c>
      <c r="GG38" s="63">
        <v>7</v>
      </c>
      <c r="GH38" s="60">
        <v>137</v>
      </c>
      <c r="GI38" s="61">
        <v>163</v>
      </c>
      <c r="GJ38" s="62">
        <v>300</v>
      </c>
      <c r="GK38" s="231"/>
      <c r="GL38" s="61">
        <v>314</v>
      </c>
      <c r="GM38" s="61">
        <v>177</v>
      </c>
      <c r="GN38" s="61">
        <v>163</v>
      </c>
      <c r="GO38" s="61">
        <v>149</v>
      </c>
      <c r="GP38" s="61">
        <v>98</v>
      </c>
      <c r="GQ38" s="62">
        <v>901</v>
      </c>
      <c r="GR38" s="63">
        <v>1201</v>
      </c>
      <c r="GS38" s="113">
        <v>204</v>
      </c>
      <c r="GT38" s="72">
        <v>217</v>
      </c>
      <c r="GU38" s="73">
        <v>421</v>
      </c>
      <c r="GV38" s="228"/>
      <c r="GW38" s="72">
        <v>472</v>
      </c>
      <c r="GX38" s="72">
        <v>248</v>
      </c>
      <c r="GY38" s="72">
        <v>230</v>
      </c>
      <c r="GZ38" s="72">
        <v>202</v>
      </c>
      <c r="HA38" s="72">
        <v>124</v>
      </c>
      <c r="HB38" s="74">
        <v>1276</v>
      </c>
      <c r="HC38" s="75">
        <v>1697</v>
      </c>
      <c r="HD38" s="60">
        <v>3</v>
      </c>
      <c r="HE38" s="61">
        <v>7</v>
      </c>
      <c r="HF38" s="62">
        <v>10</v>
      </c>
      <c r="HG38" s="231"/>
      <c r="HH38" s="61">
        <v>17</v>
      </c>
      <c r="HI38" s="61">
        <v>7</v>
      </c>
      <c r="HJ38" s="61">
        <v>11</v>
      </c>
      <c r="HK38" s="61">
        <v>7</v>
      </c>
      <c r="HL38" s="61">
        <v>6</v>
      </c>
      <c r="HM38" s="62">
        <v>48</v>
      </c>
      <c r="HN38" s="63">
        <v>58</v>
      </c>
      <c r="HO38" s="60">
        <v>16</v>
      </c>
      <c r="HP38" s="61">
        <v>16</v>
      </c>
      <c r="HQ38" s="62">
        <v>32</v>
      </c>
      <c r="HR38" s="231"/>
      <c r="HS38" s="61">
        <v>25</v>
      </c>
      <c r="HT38" s="61">
        <v>15</v>
      </c>
      <c r="HU38" s="61">
        <v>13</v>
      </c>
      <c r="HV38" s="61">
        <v>14</v>
      </c>
      <c r="HW38" s="61">
        <v>6</v>
      </c>
      <c r="HX38" s="62">
        <v>73</v>
      </c>
      <c r="HY38" s="63">
        <v>105</v>
      </c>
      <c r="HZ38" s="60">
        <v>30</v>
      </c>
      <c r="IA38" s="61">
        <v>39</v>
      </c>
      <c r="IB38" s="62">
        <v>69</v>
      </c>
      <c r="IC38" s="231"/>
      <c r="ID38" s="61">
        <v>48</v>
      </c>
      <c r="IE38" s="61">
        <v>24</v>
      </c>
      <c r="IF38" s="61">
        <v>17</v>
      </c>
      <c r="IG38" s="61">
        <v>24</v>
      </c>
      <c r="IH38" s="61">
        <v>23</v>
      </c>
      <c r="II38" s="62">
        <v>136</v>
      </c>
      <c r="IJ38" s="63">
        <v>205</v>
      </c>
      <c r="IK38" s="60">
        <v>68</v>
      </c>
      <c r="IL38" s="61">
        <v>55</v>
      </c>
      <c r="IM38" s="62">
        <v>123</v>
      </c>
      <c r="IN38" s="231"/>
      <c r="IO38" s="61">
        <v>115</v>
      </c>
      <c r="IP38" s="61">
        <v>61</v>
      </c>
      <c r="IQ38" s="61">
        <v>51</v>
      </c>
      <c r="IR38" s="61">
        <v>30</v>
      </c>
      <c r="IS38" s="61">
        <v>20</v>
      </c>
      <c r="IT38" s="62">
        <v>277</v>
      </c>
      <c r="IU38" s="63">
        <v>400</v>
      </c>
      <c r="IV38" s="60">
        <v>51</v>
      </c>
      <c r="IW38" s="61">
        <v>59</v>
      </c>
      <c r="IX38" s="62">
        <v>110</v>
      </c>
      <c r="IY38" s="231"/>
      <c r="IZ38" s="61">
        <v>154</v>
      </c>
      <c r="JA38" s="61">
        <v>51</v>
      </c>
      <c r="JB38" s="61">
        <v>64</v>
      </c>
      <c r="JC38" s="61">
        <v>47</v>
      </c>
      <c r="JD38" s="61">
        <v>31</v>
      </c>
      <c r="JE38" s="62">
        <v>347</v>
      </c>
      <c r="JF38" s="63">
        <v>457</v>
      </c>
      <c r="JG38" s="60">
        <v>36</v>
      </c>
      <c r="JH38" s="61">
        <v>41</v>
      </c>
      <c r="JI38" s="62">
        <v>77</v>
      </c>
      <c r="JJ38" s="231"/>
      <c r="JK38" s="61">
        <v>113</v>
      </c>
      <c r="JL38" s="61">
        <v>90</v>
      </c>
      <c r="JM38" s="61">
        <v>74</v>
      </c>
      <c r="JN38" s="61">
        <v>80</v>
      </c>
      <c r="JO38" s="61">
        <v>38</v>
      </c>
      <c r="JP38" s="62">
        <v>395</v>
      </c>
      <c r="JQ38" s="63">
        <v>472</v>
      </c>
      <c r="JR38" s="60">
        <v>1</v>
      </c>
      <c r="JS38" s="61">
        <v>2</v>
      </c>
      <c r="JT38" s="62">
        <v>3</v>
      </c>
      <c r="JU38" s="231"/>
      <c r="JV38" s="61">
        <v>6</v>
      </c>
      <c r="JW38" s="61">
        <v>6</v>
      </c>
      <c r="JX38" s="61">
        <v>4</v>
      </c>
      <c r="JY38" s="61">
        <v>2</v>
      </c>
      <c r="JZ38" s="61">
        <v>3</v>
      </c>
      <c r="KA38" s="62">
        <v>21</v>
      </c>
      <c r="KB38" s="63">
        <v>24</v>
      </c>
      <c r="KC38" s="60">
        <v>205</v>
      </c>
      <c r="KD38" s="61">
        <v>219</v>
      </c>
      <c r="KE38" s="62">
        <v>424</v>
      </c>
      <c r="KF38" s="231"/>
      <c r="KG38" s="61">
        <v>478</v>
      </c>
      <c r="KH38" s="61">
        <v>254</v>
      </c>
      <c r="KI38" s="61">
        <v>234</v>
      </c>
      <c r="KJ38" s="61">
        <v>204</v>
      </c>
      <c r="KK38" s="61">
        <v>127</v>
      </c>
      <c r="KL38" s="62">
        <v>1297</v>
      </c>
      <c r="KM38" s="63">
        <v>1721</v>
      </c>
    </row>
    <row r="39" spans="2:299" ht="21" customHeight="1" x14ac:dyDescent="0.2">
      <c r="B39" s="472" t="s">
        <v>36</v>
      </c>
      <c r="C39" s="293">
        <v>60</v>
      </c>
      <c r="D39" s="72">
        <v>87</v>
      </c>
      <c r="E39" s="73">
        <v>147</v>
      </c>
      <c r="F39" s="228"/>
      <c r="G39" s="72">
        <v>167</v>
      </c>
      <c r="H39" s="72">
        <v>144</v>
      </c>
      <c r="I39" s="72">
        <v>105</v>
      </c>
      <c r="J39" s="72">
        <v>92</v>
      </c>
      <c r="K39" s="72">
        <v>47</v>
      </c>
      <c r="L39" s="74">
        <v>555</v>
      </c>
      <c r="M39" s="75">
        <v>702</v>
      </c>
      <c r="N39" s="60">
        <v>5</v>
      </c>
      <c r="O39" s="61">
        <v>5</v>
      </c>
      <c r="P39" s="62">
        <v>10</v>
      </c>
      <c r="Q39" s="231"/>
      <c r="R39" s="61">
        <v>12</v>
      </c>
      <c r="S39" s="61">
        <v>12</v>
      </c>
      <c r="T39" s="61">
        <v>6</v>
      </c>
      <c r="U39" s="61">
        <v>6</v>
      </c>
      <c r="V39" s="61">
        <v>5</v>
      </c>
      <c r="W39" s="62">
        <v>41</v>
      </c>
      <c r="X39" s="63">
        <v>51</v>
      </c>
      <c r="Y39" s="60">
        <v>4</v>
      </c>
      <c r="Z39" s="61">
        <v>14</v>
      </c>
      <c r="AA39" s="62">
        <v>18</v>
      </c>
      <c r="AB39" s="231"/>
      <c r="AC39" s="61">
        <v>19</v>
      </c>
      <c r="AD39" s="61">
        <v>27</v>
      </c>
      <c r="AE39" s="61">
        <v>15</v>
      </c>
      <c r="AF39" s="61">
        <v>9</v>
      </c>
      <c r="AG39" s="61">
        <v>6</v>
      </c>
      <c r="AH39" s="62">
        <v>76</v>
      </c>
      <c r="AI39" s="63">
        <v>94</v>
      </c>
      <c r="AJ39" s="60">
        <v>15</v>
      </c>
      <c r="AK39" s="61">
        <v>16</v>
      </c>
      <c r="AL39" s="62">
        <v>31</v>
      </c>
      <c r="AM39" s="231"/>
      <c r="AN39" s="61">
        <v>33</v>
      </c>
      <c r="AO39" s="61">
        <v>20</v>
      </c>
      <c r="AP39" s="61">
        <v>20</v>
      </c>
      <c r="AQ39" s="61">
        <v>15</v>
      </c>
      <c r="AR39" s="61">
        <v>8</v>
      </c>
      <c r="AS39" s="62">
        <v>96</v>
      </c>
      <c r="AT39" s="63">
        <v>127</v>
      </c>
      <c r="AU39" s="60">
        <v>16</v>
      </c>
      <c r="AV39" s="61">
        <v>24</v>
      </c>
      <c r="AW39" s="62">
        <v>40</v>
      </c>
      <c r="AX39" s="231"/>
      <c r="AY39" s="61">
        <v>50</v>
      </c>
      <c r="AZ39" s="61">
        <v>33</v>
      </c>
      <c r="BA39" s="61">
        <v>27</v>
      </c>
      <c r="BB39" s="61">
        <v>28</v>
      </c>
      <c r="BC39" s="61">
        <v>11</v>
      </c>
      <c r="BD39" s="62">
        <v>149</v>
      </c>
      <c r="BE39" s="63">
        <v>189</v>
      </c>
      <c r="BF39" s="60">
        <v>17</v>
      </c>
      <c r="BG39" s="61">
        <v>14</v>
      </c>
      <c r="BH39" s="62">
        <v>31</v>
      </c>
      <c r="BI39" s="231"/>
      <c r="BJ39" s="61">
        <v>36</v>
      </c>
      <c r="BK39" s="61">
        <v>28</v>
      </c>
      <c r="BL39" s="61">
        <v>23</v>
      </c>
      <c r="BM39" s="61">
        <v>18</v>
      </c>
      <c r="BN39" s="61">
        <v>10</v>
      </c>
      <c r="BO39" s="62">
        <v>115</v>
      </c>
      <c r="BP39" s="63">
        <v>146</v>
      </c>
      <c r="BQ39" s="60">
        <v>3</v>
      </c>
      <c r="BR39" s="61">
        <v>14</v>
      </c>
      <c r="BS39" s="62">
        <v>17</v>
      </c>
      <c r="BT39" s="231"/>
      <c r="BU39" s="61">
        <v>17</v>
      </c>
      <c r="BV39" s="61">
        <v>24</v>
      </c>
      <c r="BW39" s="61">
        <v>14</v>
      </c>
      <c r="BX39" s="61">
        <v>16</v>
      </c>
      <c r="BY39" s="61">
        <v>7</v>
      </c>
      <c r="BZ39" s="62">
        <v>78</v>
      </c>
      <c r="CA39" s="63">
        <v>95</v>
      </c>
      <c r="CB39" s="60">
        <v>2</v>
      </c>
      <c r="CC39" s="61">
        <v>1</v>
      </c>
      <c r="CD39" s="62">
        <v>3</v>
      </c>
      <c r="CE39" s="231"/>
      <c r="CF39" s="61">
        <v>8</v>
      </c>
      <c r="CG39" s="61">
        <v>4</v>
      </c>
      <c r="CH39" s="61">
        <v>6</v>
      </c>
      <c r="CI39" s="61">
        <v>7</v>
      </c>
      <c r="CJ39" s="61">
        <v>2</v>
      </c>
      <c r="CK39" s="62">
        <v>27</v>
      </c>
      <c r="CL39" s="63">
        <v>30</v>
      </c>
      <c r="CM39" s="60">
        <v>62</v>
      </c>
      <c r="CN39" s="61">
        <v>88</v>
      </c>
      <c r="CO39" s="62">
        <v>150</v>
      </c>
      <c r="CP39" s="231"/>
      <c r="CQ39" s="61">
        <v>175</v>
      </c>
      <c r="CR39" s="61">
        <v>148</v>
      </c>
      <c r="CS39" s="61">
        <v>111</v>
      </c>
      <c r="CT39" s="61">
        <v>99</v>
      </c>
      <c r="CU39" s="61">
        <v>49</v>
      </c>
      <c r="CV39" s="62">
        <v>582</v>
      </c>
      <c r="CW39" s="63">
        <v>732</v>
      </c>
      <c r="CX39" s="113">
        <v>97</v>
      </c>
      <c r="CY39" s="72">
        <v>191</v>
      </c>
      <c r="CZ39" s="73">
        <v>288</v>
      </c>
      <c r="DA39" s="228"/>
      <c r="DB39" s="72">
        <v>261</v>
      </c>
      <c r="DC39" s="72">
        <v>217</v>
      </c>
      <c r="DD39" s="72">
        <v>179</v>
      </c>
      <c r="DE39" s="72">
        <v>167</v>
      </c>
      <c r="DF39" s="72">
        <v>141</v>
      </c>
      <c r="DG39" s="74">
        <v>965</v>
      </c>
      <c r="DH39" s="75">
        <v>1253</v>
      </c>
      <c r="DI39" s="60">
        <v>1</v>
      </c>
      <c r="DJ39" s="61">
        <v>4</v>
      </c>
      <c r="DK39" s="62">
        <v>5</v>
      </c>
      <c r="DL39" s="231"/>
      <c r="DM39" s="61">
        <v>6</v>
      </c>
      <c r="DN39" s="61">
        <v>8</v>
      </c>
      <c r="DO39" s="61">
        <v>3</v>
      </c>
      <c r="DP39" s="61">
        <v>3</v>
      </c>
      <c r="DQ39" s="61">
        <v>4</v>
      </c>
      <c r="DR39" s="62">
        <v>24</v>
      </c>
      <c r="DS39" s="63">
        <v>29</v>
      </c>
      <c r="DT39" s="60">
        <v>6</v>
      </c>
      <c r="DU39" s="61">
        <v>19</v>
      </c>
      <c r="DV39" s="62">
        <v>25</v>
      </c>
      <c r="DW39" s="231"/>
      <c r="DX39" s="61">
        <v>25</v>
      </c>
      <c r="DY39" s="61">
        <v>18</v>
      </c>
      <c r="DZ39" s="61">
        <v>12</v>
      </c>
      <c r="EA39" s="61">
        <v>8</v>
      </c>
      <c r="EB39" s="61">
        <v>11</v>
      </c>
      <c r="EC39" s="62">
        <v>74</v>
      </c>
      <c r="ED39" s="63">
        <v>99</v>
      </c>
      <c r="EE39" s="60">
        <v>13</v>
      </c>
      <c r="EF39" s="61">
        <v>37</v>
      </c>
      <c r="EG39" s="62">
        <v>50</v>
      </c>
      <c r="EH39" s="231"/>
      <c r="EI39" s="61">
        <v>39</v>
      </c>
      <c r="EJ39" s="61">
        <v>34</v>
      </c>
      <c r="EK39" s="61">
        <v>16</v>
      </c>
      <c r="EL39" s="61">
        <v>24</v>
      </c>
      <c r="EM39" s="61">
        <v>18</v>
      </c>
      <c r="EN39" s="62">
        <v>131</v>
      </c>
      <c r="EO39" s="63">
        <v>181</v>
      </c>
      <c r="EP39" s="60">
        <v>37</v>
      </c>
      <c r="EQ39" s="61">
        <v>58</v>
      </c>
      <c r="ER39" s="62">
        <v>95</v>
      </c>
      <c r="ES39" s="231"/>
      <c r="ET39" s="61">
        <v>76</v>
      </c>
      <c r="EU39" s="61">
        <v>55</v>
      </c>
      <c r="EV39" s="61">
        <v>33</v>
      </c>
      <c r="EW39" s="61">
        <v>32</v>
      </c>
      <c r="EX39" s="61">
        <v>29</v>
      </c>
      <c r="EY39" s="62">
        <v>225</v>
      </c>
      <c r="EZ39" s="63">
        <v>320</v>
      </c>
      <c r="FA39" s="60">
        <v>25</v>
      </c>
      <c r="FB39" s="61">
        <v>50</v>
      </c>
      <c r="FC39" s="62">
        <v>75</v>
      </c>
      <c r="FD39" s="231"/>
      <c r="FE39" s="61">
        <v>68</v>
      </c>
      <c r="FF39" s="61">
        <v>47</v>
      </c>
      <c r="FG39" s="61">
        <v>58</v>
      </c>
      <c r="FH39" s="61">
        <v>37</v>
      </c>
      <c r="FI39" s="61">
        <v>38</v>
      </c>
      <c r="FJ39" s="62">
        <v>248</v>
      </c>
      <c r="FK39" s="63">
        <v>323</v>
      </c>
      <c r="FL39" s="60">
        <v>15</v>
      </c>
      <c r="FM39" s="61">
        <v>23</v>
      </c>
      <c r="FN39" s="62">
        <v>38</v>
      </c>
      <c r="FO39" s="231"/>
      <c r="FP39" s="61">
        <v>47</v>
      </c>
      <c r="FQ39" s="61">
        <v>55</v>
      </c>
      <c r="FR39" s="61">
        <v>57</v>
      </c>
      <c r="FS39" s="61">
        <v>63</v>
      </c>
      <c r="FT39" s="61">
        <v>41</v>
      </c>
      <c r="FU39" s="62">
        <v>263</v>
      </c>
      <c r="FV39" s="63">
        <v>301</v>
      </c>
      <c r="FW39" s="60">
        <v>1</v>
      </c>
      <c r="FX39" s="61">
        <v>2</v>
      </c>
      <c r="FY39" s="62">
        <v>3</v>
      </c>
      <c r="FZ39" s="231"/>
      <c r="GA39" s="61">
        <v>2</v>
      </c>
      <c r="GB39" s="61">
        <v>4</v>
      </c>
      <c r="GC39" s="61">
        <v>1</v>
      </c>
      <c r="GD39" s="61">
        <v>5</v>
      </c>
      <c r="GE39" s="61">
        <v>2</v>
      </c>
      <c r="GF39" s="62">
        <v>14</v>
      </c>
      <c r="GG39" s="63">
        <v>17</v>
      </c>
      <c r="GH39" s="60">
        <v>98</v>
      </c>
      <c r="GI39" s="61">
        <v>193</v>
      </c>
      <c r="GJ39" s="62">
        <v>291</v>
      </c>
      <c r="GK39" s="231"/>
      <c r="GL39" s="61">
        <v>263</v>
      </c>
      <c r="GM39" s="61">
        <v>221</v>
      </c>
      <c r="GN39" s="61">
        <v>180</v>
      </c>
      <c r="GO39" s="61">
        <v>172</v>
      </c>
      <c r="GP39" s="61">
        <v>143</v>
      </c>
      <c r="GQ39" s="62">
        <v>979</v>
      </c>
      <c r="GR39" s="63">
        <v>1270</v>
      </c>
      <c r="GS39" s="113">
        <v>157</v>
      </c>
      <c r="GT39" s="72">
        <v>278</v>
      </c>
      <c r="GU39" s="73">
        <v>435</v>
      </c>
      <c r="GV39" s="228"/>
      <c r="GW39" s="72">
        <v>428</v>
      </c>
      <c r="GX39" s="72">
        <v>361</v>
      </c>
      <c r="GY39" s="72">
        <v>284</v>
      </c>
      <c r="GZ39" s="72">
        <v>259</v>
      </c>
      <c r="HA39" s="72">
        <v>188</v>
      </c>
      <c r="HB39" s="74">
        <v>1520</v>
      </c>
      <c r="HC39" s="75">
        <v>1955</v>
      </c>
      <c r="HD39" s="60">
        <v>6</v>
      </c>
      <c r="HE39" s="61">
        <v>9</v>
      </c>
      <c r="HF39" s="62">
        <v>15</v>
      </c>
      <c r="HG39" s="231"/>
      <c r="HH39" s="61">
        <v>18</v>
      </c>
      <c r="HI39" s="61">
        <v>20</v>
      </c>
      <c r="HJ39" s="61">
        <v>9</v>
      </c>
      <c r="HK39" s="61">
        <v>9</v>
      </c>
      <c r="HL39" s="61">
        <v>9</v>
      </c>
      <c r="HM39" s="62">
        <v>65</v>
      </c>
      <c r="HN39" s="63">
        <v>80</v>
      </c>
      <c r="HO39" s="60">
        <v>10</v>
      </c>
      <c r="HP39" s="61">
        <v>33</v>
      </c>
      <c r="HQ39" s="62">
        <v>43</v>
      </c>
      <c r="HR39" s="231"/>
      <c r="HS39" s="61">
        <v>44</v>
      </c>
      <c r="HT39" s="61">
        <v>45</v>
      </c>
      <c r="HU39" s="61">
        <v>27</v>
      </c>
      <c r="HV39" s="61">
        <v>17</v>
      </c>
      <c r="HW39" s="61">
        <v>17</v>
      </c>
      <c r="HX39" s="62">
        <v>150</v>
      </c>
      <c r="HY39" s="63">
        <v>193</v>
      </c>
      <c r="HZ39" s="60">
        <v>28</v>
      </c>
      <c r="IA39" s="61">
        <v>53</v>
      </c>
      <c r="IB39" s="62">
        <v>81</v>
      </c>
      <c r="IC39" s="231"/>
      <c r="ID39" s="61">
        <v>72</v>
      </c>
      <c r="IE39" s="61">
        <v>54</v>
      </c>
      <c r="IF39" s="61">
        <v>36</v>
      </c>
      <c r="IG39" s="61">
        <v>39</v>
      </c>
      <c r="IH39" s="61">
        <v>26</v>
      </c>
      <c r="II39" s="62">
        <v>227</v>
      </c>
      <c r="IJ39" s="63">
        <v>308</v>
      </c>
      <c r="IK39" s="60">
        <v>53</v>
      </c>
      <c r="IL39" s="61">
        <v>82</v>
      </c>
      <c r="IM39" s="62">
        <v>135</v>
      </c>
      <c r="IN39" s="231"/>
      <c r="IO39" s="61">
        <v>126</v>
      </c>
      <c r="IP39" s="61">
        <v>88</v>
      </c>
      <c r="IQ39" s="61">
        <v>60</v>
      </c>
      <c r="IR39" s="61">
        <v>60</v>
      </c>
      <c r="IS39" s="61">
        <v>40</v>
      </c>
      <c r="IT39" s="62">
        <v>374</v>
      </c>
      <c r="IU39" s="63">
        <v>509</v>
      </c>
      <c r="IV39" s="60">
        <v>42</v>
      </c>
      <c r="IW39" s="61">
        <v>64</v>
      </c>
      <c r="IX39" s="62">
        <v>106</v>
      </c>
      <c r="IY39" s="231"/>
      <c r="IZ39" s="61">
        <v>104</v>
      </c>
      <c r="JA39" s="61">
        <v>75</v>
      </c>
      <c r="JB39" s="61">
        <v>81</v>
      </c>
      <c r="JC39" s="61">
        <v>55</v>
      </c>
      <c r="JD39" s="61">
        <v>48</v>
      </c>
      <c r="JE39" s="62">
        <v>363</v>
      </c>
      <c r="JF39" s="63">
        <v>469</v>
      </c>
      <c r="JG39" s="60">
        <v>18</v>
      </c>
      <c r="JH39" s="61">
        <v>37</v>
      </c>
      <c r="JI39" s="62">
        <v>55</v>
      </c>
      <c r="JJ39" s="231"/>
      <c r="JK39" s="61">
        <v>64</v>
      </c>
      <c r="JL39" s="61">
        <v>79</v>
      </c>
      <c r="JM39" s="61">
        <v>71</v>
      </c>
      <c r="JN39" s="61">
        <v>79</v>
      </c>
      <c r="JO39" s="61">
        <v>48</v>
      </c>
      <c r="JP39" s="62">
        <v>341</v>
      </c>
      <c r="JQ39" s="63">
        <v>396</v>
      </c>
      <c r="JR39" s="60">
        <v>3</v>
      </c>
      <c r="JS39" s="61">
        <v>3</v>
      </c>
      <c r="JT39" s="62">
        <v>6</v>
      </c>
      <c r="JU39" s="231"/>
      <c r="JV39" s="61">
        <v>10</v>
      </c>
      <c r="JW39" s="61">
        <v>8</v>
      </c>
      <c r="JX39" s="61">
        <v>7</v>
      </c>
      <c r="JY39" s="61">
        <v>12</v>
      </c>
      <c r="JZ39" s="61">
        <v>4</v>
      </c>
      <c r="KA39" s="62">
        <v>41</v>
      </c>
      <c r="KB39" s="63">
        <v>47</v>
      </c>
      <c r="KC39" s="60">
        <v>160</v>
      </c>
      <c r="KD39" s="61">
        <v>281</v>
      </c>
      <c r="KE39" s="62">
        <v>441</v>
      </c>
      <c r="KF39" s="231"/>
      <c r="KG39" s="61">
        <v>438</v>
      </c>
      <c r="KH39" s="61">
        <v>369</v>
      </c>
      <c r="KI39" s="61">
        <v>291</v>
      </c>
      <c r="KJ39" s="61">
        <v>271</v>
      </c>
      <c r="KK39" s="61">
        <v>192</v>
      </c>
      <c r="KL39" s="62">
        <v>1561</v>
      </c>
      <c r="KM39" s="63">
        <v>2002</v>
      </c>
    </row>
    <row r="40" spans="2:299" ht="21" customHeight="1" thickBot="1" x14ac:dyDescent="0.25">
      <c r="B40" s="473" t="s">
        <v>37</v>
      </c>
      <c r="C40" s="294">
        <v>4</v>
      </c>
      <c r="D40" s="77">
        <v>0</v>
      </c>
      <c r="E40" s="78">
        <v>4</v>
      </c>
      <c r="F40" s="229"/>
      <c r="G40" s="77">
        <v>10</v>
      </c>
      <c r="H40" s="77">
        <v>6</v>
      </c>
      <c r="I40" s="77">
        <v>9</v>
      </c>
      <c r="J40" s="77">
        <v>9</v>
      </c>
      <c r="K40" s="77">
        <v>1</v>
      </c>
      <c r="L40" s="79">
        <v>35</v>
      </c>
      <c r="M40" s="80">
        <v>39</v>
      </c>
      <c r="N40" s="64">
        <v>1</v>
      </c>
      <c r="O40" s="65">
        <v>0</v>
      </c>
      <c r="P40" s="66">
        <v>1</v>
      </c>
      <c r="Q40" s="232"/>
      <c r="R40" s="65">
        <v>0</v>
      </c>
      <c r="S40" s="65">
        <v>1</v>
      </c>
      <c r="T40" s="65">
        <v>0</v>
      </c>
      <c r="U40" s="65">
        <v>1</v>
      </c>
      <c r="V40" s="65">
        <v>0</v>
      </c>
      <c r="W40" s="66">
        <v>2</v>
      </c>
      <c r="X40" s="67">
        <v>3</v>
      </c>
      <c r="Y40" s="64">
        <v>1</v>
      </c>
      <c r="Z40" s="65">
        <v>0</v>
      </c>
      <c r="AA40" s="66">
        <v>1</v>
      </c>
      <c r="AB40" s="232"/>
      <c r="AC40" s="65">
        <v>0</v>
      </c>
      <c r="AD40" s="65">
        <v>1</v>
      </c>
      <c r="AE40" s="65">
        <v>1</v>
      </c>
      <c r="AF40" s="65">
        <v>2</v>
      </c>
      <c r="AG40" s="65">
        <v>0</v>
      </c>
      <c r="AH40" s="66">
        <v>4</v>
      </c>
      <c r="AI40" s="67">
        <v>5</v>
      </c>
      <c r="AJ40" s="64">
        <v>0</v>
      </c>
      <c r="AK40" s="65">
        <v>0</v>
      </c>
      <c r="AL40" s="66">
        <v>0</v>
      </c>
      <c r="AM40" s="232"/>
      <c r="AN40" s="65">
        <v>2</v>
      </c>
      <c r="AO40" s="65">
        <v>1</v>
      </c>
      <c r="AP40" s="65">
        <v>3</v>
      </c>
      <c r="AQ40" s="65">
        <v>0</v>
      </c>
      <c r="AR40" s="65">
        <v>0</v>
      </c>
      <c r="AS40" s="66">
        <v>6</v>
      </c>
      <c r="AT40" s="67">
        <v>6</v>
      </c>
      <c r="AU40" s="64">
        <v>1</v>
      </c>
      <c r="AV40" s="65">
        <v>0</v>
      </c>
      <c r="AW40" s="66">
        <v>1</v>
      </c>
      <c r="AX40" s="232"/>
      <c r="AY40" s="65">
        <v>4</v>
      </c>
      <c r="AZ40" s="65">
        <v>1</v>
      </c>
      <c r="BA40" s="65">
        <v>1</v>
      </c>
      <c r="BB40" s="65">
        <v>2</v>
      </c>
      <c r="BC40" s="65">
        <v>0</v>
      </c>
      <c r="BD40" s="66">
        <v>8</v>
      </c>
      <c r="BE40" s="67">
        <v>9</v>
      </c>
      <c r="BF40" s="64">
        <v>0</v>
      </c>
      <c r="BG40" s="65">
        <v>0</v>
      </c>
      <c r="BH40" s="66">
        <v>0</v>
      </c>
      <c r="BI40" s="232"/>
      <c r="BJ40" s="65">
        <v>1</v>
      </c>
      <c r="BK40" s="65">
        <v>1</v>
      </c>
      <c r="BL40" s="65">
        <v>3</v>
      </c>
      <c r="BM40" s="65">
        <v>3</v>
      </c>
      <c r="BN40" s="65">
        <v>0</v>
      </c>
      <c r="BO40" s="66">
        <v>8</v>
      </c>
      <c r="BP40" s="67">
        <v>8</v>
      </c>
      <c r="BQ40" s="64">
        <v>1</v>
      </c>
      <c r="BR40" s="65">
        <v>0</v>
      </c>
      <c r="BS40" s="66">
        <v>1</v>
      </c>
      <c r="BT40" s="232"/>
      <c r="BU40" s="65">
        <v>3</v>
      </c>
      <c r="BV40" s="65">
        <v>1</v>
      </c>
      <c r="BW40" s="65">
        <v>1</v>
      </c>
      <c r="BX40" s="65">
        <v>1</v>
      </c>
      <c r="BY40" s="65">
        <v>1</v>
      </c>
      <c r="BZ40" s="66">
        <v>7</v>
      </c>
      <c r="CA40" s="67">
        <v>8</v>
      </c>
      <c r="CB40" s="64">
        <v>0</v>
      </c>
      <c r="CC40" s="65">
        <v>0</v>
      </c>
      <c r="CD40" s="66">
        <v>0</v>
      </c>
      <c r="CE40" s="232"/>
      <c r="CF40" s="65">
        <v>0</v>
      </c>
      <c r="CG40" s="65">
        <v>1</v>
      </c>
      <c r="CH40" s="65">
        <v>0</v>
      </c>
      <c r="CI40" s="65">
        <v>1</v>
      </c>
      <c r="CJ40" s="65">
        <v>0</v>
      </c>
      <c r="CK40" s="66">
        <v>2</v>
      </c>
      <c r="CL40" s="67">
        <v>2</v>
      </c>
      <c r="CM40" s="64">
        <v>4</v>
      </c>
      <c r="CN40" s="65">
        <v>0</v>
      </c>
      <c r="CO40" s="66">
        <v>4</v>
      </c>
      <c r="CP40" s="232"/>
      <c r="CQ40" s="65">
        <v>10</v>
      </c>
      <c r="CR40" s="65">
        <v>7</v>
      </c>
      <c r="CS40" s="65">
        <v>9</v>
      </c>
      <c r="CT40" s="65">
        <v>10</v>
      </c>
      <c r="CU40" s="65">
        <v>1</v>
      </c>
      <c r="CV40" s="66">
        <v>37</v>
      </c>
      <c r="CW40" s="67">
        <v>41</v>
      </c>
      <c r="CX40" s="114">
        <v>18</v>
      </c>
      <c r="CY40" s="77">
        <v>2</v>
      </c>
      <c r="CZ40" s="78">
        <v>20</v>
      </c>
      <c r="DA40" s="229"/>
      <c r="DB40" s="77">
        <v>25</v>
      </c>
      <c r="DC40" s="77">
        <v>16</v>
      </c>
      <c r="DD40" s="77">
        <v>24</v>
      </c>
      <c r="DE40" s="77">
        <v>17</v>
      </c>
      <c r="DF40" s="77">
        <v>17</v>
      </c>
      <c r="DG40" s="79">
        <v>99</v>
      </c>
      <c r="DH40" s="80">
        <v>119</v>
      </c>
      <c r="DI40" s="64">
        <v>0</v>
      </c>
      <c r="DJ40" s="65">
        <v>0</v>
      </c>
      <c r="DK40" s="66">
        <v>0</v>
      </c>
      <c r="DL40" s="232"/>
      <c r="DM40" s="65">
        <v>0</v>
      </c>
      <c r="DN40" s="65">
        <v>0</v>
      </c>
      <c r="DO40" s="65">
        <v>1</v>
      </c>
      <c r="DP40" s="65">
        <v>0</v>
      </c>
      <c r="DQ40" s="65">
        <v>1</v>
      </c>
      <c r="DR40" s="66">
        <v>2</v>
      </c>
      <c r="DS40" s="67">
        <v>2</v>
      </c>
      <c r="DT40" s="64">
        <v>2</v>
      </c>
      <c r="DU40" s="65">
        <v>0</v>
      </c>
      <c r="DV40" s="66">
        <v>2</v>
      </c>
      <c r="DW40" s="232"/>
      <c r="DX40" s="65">
        <v>0</v>
      </c>
      <c r="DY40" s="65">
        <v>0</v>
      </c>
      <c r="DZ40" s="65">
        <v>0</v>
      </c>
      <c r="EA40" s="65">
        <v>2</v>
      </c>
      <c r="EB40" s="65">
        <v>1</v>
      </c>
      <c r="EC40" s="66">
        <v>3</v>
      </c>
      <c r="ED40" s="67">
        <v>5</v>
      </c>
      <c r="EE40" s="64">
        <v>1</v>
      </c>
      <c r="EF40" s="65">
        <v>0</v>
      </c>
      <c r="EG40" s="66">
        <v>1</v>
      </c>
      <c r="EH40" s="232"/>
      <c r="EI40" s="65">
        <v>0</v>
      </c>
      <c r="EJ40" s="65">
        <v>3</v>
      </c>
      <c r="EK40" s="65">
        <v>4</v>
      </c>
      <c r="EL40" s="65">
        <v>2</v>
      </c>
      <c r="EM40" s="65">
        <v>0</v>
      </c>
      <c r="EN40" s="66">
        <v>9</v>
      </c>
      <c r="EO40" s="67">
        <v>10</v>
      </c>
      <c r="EP40" s="64">
        <v>6</v>
      </c>
      <c r="EQ40" s="65">
        <v>1</v>
      </c>
      <c r="ER40" s="66">
        <v>7</v>
      </c>
      <c r="ES40" s="232"/>
      <c r="ET40" s="65">
        <v>7</v>
      </c>
      <c r="EU40" s="65">
        <v>3</v>
      </c>
      <c r="EV40" s="65">
        <v>2</v>
      </c>
      <c r="EW40" s="65">
        <v>3</v>
      </c>
      <c r="EX40" s="65">
        <v>4</v>
      </c>
      <c r="EY40" s="66">
        <v>19</v>
      </c>
      <c r="EZ40" s="67">
        <v>26</v>
      </c>
      <c r="FA40" s="64">
        <v>7</v>
      </c>
      <c r="FB40" s="65">
        <v>1</v>
      </c>
      <c r="FC40" s="66">
        <v>8</v>
      </c>
      <c r="FD40" s="232"/>
      <c r="FE40" s="65">
        <v>10</v>
      </c>
      <c r="FF40" s="65">
        <v>4</v>
      </c>
      <c r="FG40" s="65">
        <v>9</v>
      </c>
      <c r="FH40" s="65">
        <v>5</v>
      </c>
      <c r="FI40" s="65">
        <v>6</v>
      </c>
      <c r="FJ40" s="66">
        <v>34</v>
      </c>
      <c r="FK40" s="67">
        <v>42</v>
      </c>
      <c r="FL40" s="64">
        <v>2</v>
      </c>
      <c r="FM40" s="65">
        <v>0</v>
      </c>
      <c r="FN40" s="66">
        <v>2</v>
      </c>
      <c r="FO40" s="232"/>
      <c r="FP40" s="65">
        <v>8</v>
      </c>
      <c r="FQ40" s="65">
        <v>6</v>
      </c>
      <c r="FR40" s="65">
        <v>8</v>
      </c>
      <c r="FS40" s="65">
        <v>5</v>
      </c>
      <c r="FT40" s="65">
        <v>5</v>
      </c>
      <c r="FU40" s="66">
        <v>32</v>
      </c>
      <c r="FV40" s="67">
        <v>34</v>
      </c>
      <c r="FW40" s="64">
        <v>0</v>
      </c>
      <c r="FX40" s="65">
        <v>0</v>
      </c>
      <c r="FY40" s="66">
        <v>0</v>
      </c>
      <c r="FZ40" s="232"/>
      <c r="GA40" s="65">
        <v>0</v>
      </c>
      <c r="GB40" s="65">
        <v>2</v>
      </c>
      <c r="GC40" s="65">
        <v>0</v>
      </c>
      <c r="GD40" s="65">
        <v>0</v>
      </c>
      <c r="GE40" s="65">
        <v>0</v>
      </c>
      <c r="GF40" s="66">
        <v>2</v>
      </c>
      <c r="GG40" s="67">
        <v>2</v>
      </c>
      <c r="GH40" s="64">
        <v>18</v>
      </c>
      <c r="GI40" s="65">
        <v>2</v>
      </c>
      <c r="GJ40" s="66">
        <v>20</v>
      </c>
      <c r="GK40" s="232"/>
      <c r="GL40" s="65">
        <v>25</v>
      </c>
      <c r="GM40" s="65">
        <v>18</v>
      </c>
      <c r="GN40" s="65">
        <v>24</v>
      </c>
      <c r="GO40" s="65">
        <v>17</v>
      </c>
      <c r="GP40" s="65">
        <v>17</v>
      </c>
      <c r="GQ40" s="66">
        <v>101</v>
      </c>
      <c r="GR40" s="67">
        <v>121</v>
      </c>
      <c r="GS40" s="114">
        <v>22</v>
      </c>
      <c r="GT40" s="77">
        <v>2</v>
      </c>
      <c r="GU40" s="78">
        <v>24</v>
      </c>
      <c r="GV40" s="229"/>
      <c r="GW40" s="77">
        <v>35</v>
      </c>
      <c r="GX40" s="77">
        <v>22</v>
      </c>
      <c r="GY40" s="77">
        <v>33</v>
      </c>
      <c r="GZ40" s="77">
        <v>26</v>
      </c>
      <c r="HA40" s="77">
        <v>18</v>
      </c>
      <c r="HB40" s="79">
        <v>134</v>
      </c>
      <c r="HC40" s="80">
        <v>158</v>
      </c>
      <c r="HD40" s="64">
        <v>1</v>
      </c>
      <c r="HE40" s="65">
        <v>0</v>
      </c>
      <c r="HF40" s="66">
        <v>1</v>
      </c>
      <c r="HG40" s="232"/>
      <c r="HH40" s="65">
        <v>0</v>
      </c>
      <c r="HI40" s="65">
        <v>1</v>
      </c>
      <c r="HJ40" s="65">
        <v>1</v>
      </c>
      <c r="HK40" s="65">
        <v>1</v>
      </c>
      <c r="HL40" s="65">
        <v>1</v>
      </c>
      <c r="HM40" s="66">
        <v>4</v>
      </c>
      <c r="HN40" s="67">
        <v>5</v>
      </c>
      <c r="HO40" s="64">
        <v>3</v>
      </c>
      <c r="HP40" s="65">
        <v>0</v>
      </c>
      <c r="HQ40" s="66">
        <v>3</v>
      </c>
      <c r="HR40" s="232"/>
      <c r="HS40" s="65">
        <v>0</v>
      </c>
      <c r="HT40" s="65">
        <v>1</v>
      </c>
      <c r="HU40" s="65">
        <v>1</v>
      </c>
      <c r="HV40" s="65">
        <v>4</v>
      </c>
      <c r="HW40" s="65">
        <v>1</v>
      </c>
      <c r="HX40" s="66">
        <v>7</v>
      </c>
      <c r="HY40" s="67">
        <v>10</v>
      </c>
      <c r="HZ40" s="64">
        <v>1</v>
      </c>
      <c r="IA40" s="65">
        <v>0</v>
      </c>
      <c r="IB40" s="66">
        <v>1</v>
      </c>
      <c r="IC40" s="232"/>
      <c r="ID40" s="65">
        <v>2</v>
      </c>
      <c r="IE40" s="65">
        <v>4</v>
      </c>
      <c r="IF40" s="65">
        <v>7</v>
      </c>
      <c r="IG40" s="65">
        <v>2</v>
      </c>
      <c r="IH40" s="65">
        <v>0</v>
      </c>
      <c r="II40" s="66">
        <v>15</v>
      </c>
      <c r="IJ40" s="67">
        <v>16</v>
      </c>
      <c r="IK40" s="64">
        <v>7</v>
      </c>
      <c r="IL40" s="65">
        <v>1</v>
      </c>
      <c r="IM40" s="66">
        <v>8</v>
      </c>
      <c r="IN40" s="232"/>
      <c r="IO40" s="65">
        <v>11</v>
      </c>
      <c r="IP40" s="65">
        <v>4</v>
      </c>
      <c r="IQ40" s="65">
        <v>3</v>
      </c>
      <c r="IR40" s="65">
        <v>5</v>
      </c>
      <c r="IS40" s="65">
        <v>4</v>
      </c>
      <c r="IT40" s="66">
        <v>27</v>
      </c>
      <c r="IU40" s="67">
        <v>35</v>
      </c>
      <c r="IV40" s="64">
        <v>7</v>
      </c>
      <c r="IW40" s="65">
        <v>1</v>
      </c>
      <c r="IX40" s="66">
        <v>8</v>
      </c>
      <c r="IY40" s="232"/>
      <c r="IZ40" s="65">
        <v>11</v>
      </c>
      <c r="JA40" s="65">
        <v>5</v>
      </c>
      <c r="JB40" s="65">
        <v>12</v>
      </c>
      <c r="JC40" s="65">
        <v>8</v>
      </c>
      <c r="JD40" s="65">
        <v>6</v>
      </c>
      <c r="JE40" s="66">
        <v>42</v>
      </c>
      <c r="JF40" s="67">
        <v>50</v>
      </c>
      <c r="JG40" s="64">
        <v>3</v>
      </c>
      <c r="JH40" s="65">
        <v>0</v>
      </c>
      <c r="JI40" s="66">
        <v>3</v>
      </c>
      <c r="JJ40" s="232"/>
      <c r="JK40" s="65">
        <v>11</v>
      </c>
      <c r="JL40" s="65">
        <v>7</v>
      </c>
      <c r="JM40" s="65">
        <v>9</v>
      </c>
      <c r="JN40" s="65">
        <v>6</v>
      </c>
      <c r="JO40" s="65">
        <v>6</v>
      </c>
      <c r="JP40" s="66">
        <v>39</v>
      </c>
      <c r="JQ40" s="67">
        <v>42</v>
      </c>
      <c r="JR40" s="64">
        <v>0</v>
      </c>
      <c r="JS40" s="65">
        <v>0</v>
      </c>
      <c r="JT40" s="66">
        <v>0</v>
      </c>
      <c r="JU40" s="232"/>
      <c r="JV40" s="65">
        <v>0</v>
      </c>
      <c r="JW40" s="65">
        <v>3</v>
      </c>
      <c r="JX40" s="65">
        <v>0</v>
      </c>
      <c r="JY40" s="65">
        <v>1</v>
      </c>
      <c r="JZ40" s="65">
        <v>0</v>
      </c>
      <c r="KA40" s="66">
        <v>4</v>
      </c>
      <c r="KB40" s="67">
        <v>4</v>
      </c>
      <c r="KC40" s="64">
        <v>22</v>
      </c>
      <c r="KD40" s="65">
        <v>2</v>
      </c>
      <c r="KE40" s="66">
        <v>24</v>
      </c>
      <c r="KF40" s="232"/>
      <c r="KG40" s="65">
        <v>35</v>
      </c>
      <c r="KH40" s="65">
        <v>25</v>
      </c>
      <c r="KI40" s="65">
        <v>33</v>
      </c>
      <c r="KJ40" s="65">
        <v>27</v>
      </c>
      <c r="KK40" s="65">
        <v>18</v>
      </c>
      <c r="KL40" s="66">
        <v>138</v>
      </c>
      <c r="KM40" s="67">
        <v>162</v>
      </c>
    </row>
    <row r="41" spans="2:299" ht="32.25" customHeight="1" x14ac:dyDescent="0.2">
      <c r="C41" s="289"/>
    </row>
  </sheetData>
  <mergeCells count="36">
    <mergeCell ref="GS3:KM3"/>
    <mergeCell ref="GS4:JQ4"/>
    <mergeCell ref="JR4:KB5"/>
    <mergeCell ref="KC4:KM5"/>
    <mergeCell ref="GS5:HC5"/>
    <mergeCell ref="HD5:HN5"/>
    <mergeCell ref="HO5:HY5"/>
    <mergeCell ref="HZ5:IJ5"/>
    <mergeCell ref="IK5:IU5"/>
    <mergeCell ref="IV5:JF5"/>
    <mergeCell ref="JG5:JQ5"/>
    <mergeCell ref="B3:B5"/>
    <mergeCell ref="CX3:GR3"/>
    <mergeCell ref="CX4:FV4"/>
    <mergeCell ref="FW4:GG5"/>
    <mergeCell ref="GH4:GR5"/>
    <mergeCell ref="CX5:DH5"/>
    <mergeCell ref="DI5:DS5"/>
    <mergeCell ref="DT5:ED5"/>
    <mergeCell ref="EE5:EO5"/>
    <mergeCell ref="EP5:EZ5"/>
    <mergeCell ref="FA5:FK5"/>
    <mergeCell ref="FL5:FV5"/>
    <mergeCell ref="I1:J1"/>
    <mergeCell ref="CB4:CL5"/>
    <mergeCell ref="CM4:CW5"/>
    <mergeCell ref="C5:M5"/>
    <mergeCell ref="N5:X5"/>
    <mergeCell ref="Y5:AI5"/>
    <mergeCell ref="AJ5:AT5"/>
    <mergeCell ref="AU5:BE5"/>
    <mergeCell ref="BF5:BP5"/>
    <mergeCell ref="BQ5:CA5"/>
    <mergeCell ref="C3:CW3"/>
    <mergeCell ref="C4:CA4"/>
    <mergeCell ref="F1:G1"/>
  </mergeCells>
  <phoneticPr fontId="4"/>
  <printOptions horizontalCentered="1"/>
  <pageMargins left="0.59055118110236227" right="0.39370078740157483" top="0.59055118110236227" bottom="0.55118110236220474" header="0.23622047244094491" footer="0.27559055118110237"/>
  <pageSetup paperSize="9" scale="44" orientation="landscape" r:id="rId1"/>
  <headerFooter alignWithMargins="0">
    <oddFooter>&amp;L&amp;20&amp;X&amp;A&amp;C&amp;P/&amp;N</oddFooter>
  </headerFooter>
  <colBreaks count="8" manualBreakCount="8">
    <brk id="35" max="40" man="1"/>
    <brk id="68" max="1048575" man="1"/>
    <brk id="101" max="1048575" man="1"/>
    <brk id="133" max="40" man="1"/>
    <brk id="167" max="40" man="1"/>
    <brk id="200" max="40" man="1"/>
    <brk id="233" max="40" man="1"/>
    <brk id="266" max="40" man="1"/>
  </col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0">
    <tabColor theme="6"/>
  </sheetPr>
  <dimension ref="A1:AQ218"/>
  <sheetViews>
    <sheetView zoomScaleNormal="100" zoomScaleSheetLayoutView="55"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1" customWidth="1"/>
    <col min="3" max="3" width="8.88671875" style="1" customWidth="1"/>
    <col min="4" max="4" width="8.109375" style="1" customWidth="1"/>
    <col min="5" max="5" width="10.109375" style="1" bestFit="1" customWidth="1"/>
    <col min="6" max="7" width="9" style="1"/>
    <col min="8" max="8" width="9.6640625" style="1" bestFit="1" customWidth="1"/>
    <col min="9" max="9" width="9.109375" style="1" bestFit="1" customWidth="1"/>
    <col min="10" max="11" width="9" style="1"/>
    <col min="12" max="12" width="9.6640625" style="1" customWidth="1"/>
    <col min="13" max="22" width="8.77734375" style="1" customWidth="1"/>
    <col min="23" max="42" width="9.6640625" style="1" customWidth="1"/>
    <col min="43" max="16384" width="9" style="1"/>
  </cols>
  <sheetData>
    <row r="1" spans="2:43" ht="24" customHeight="1" x14ac:dyDescent="0.2">
      <c r="B1" s="15" t="s">
        <v>56</v>
      </c>
      <c r="F1" s="468">
        <f>第１表!F2</f>
        <v>5</v>
      </c>
      <c r="G1" s="233">
        <f>第１表!G2</f>
        <v>12</v>
      </c>
      <c r="H1" s="531">
        <f>IF(G1&lt;3,G1-2+12,G1-2)</f>
        <v>10</v>
      </c>
      <c r="I1" s="531"/>
    </row>
    <row r="2" spans="2:43" ht="24" customHeight="1" thickBot="1" x14ac:dyDescent="0.25">
      <c r="B2" s="15" t="s">
        <v>156</v>
      </c>
      <c r="F2" s="15" t="s">
        <v>138</v>
      </c>
    </row>
    <row r="3" spans="2:43" ht="21" customHeight="1" x14ac:dyDescent="0.2">
      <c r="B3" s="549"/>
      <c r="C3" s="552" t="s">
        <v>57</v>
      </c>
      <c r="D3" s="553"/>
      <c r="E3" s="553"/>
      <c r="F3" s="553"/>
      <c r="G3" s="553"/>
      <c r="H3" s="553"/>
      <c r="I3" s="553"/>
      <c r="J3" s="553"/>
      <c r="K3" s="553"/>
      <c r="L3" s="553"/>
      <c r="M3" s="552" t="s">
        <v>58</v>
      </c>
      <c r="N3" s="555"/>
      <c r="O3" s="555"/>
      <c r="P3" s="555"/>
      <c r="Q3" s="555"/>
      <c r="R3" s="555"/>
      <c r="S3" s="555"/>
      <c r="T3" s="555"/>
      <c r="U3" s="555"/>
      <c r="V3" s="555"/>
      <c r="W3" s="552" t="s">
        <v>59</v>
      </c>
      <c r="X3" s="553"/>
      <c r="Y3" s="553"/>
      <c r="Z3" s="553"/>
      <c r="AA3" s="553"/>
      <c r="AB3" s="553"/>
      <c r="AC3" s="553"/>
      <c r="AD3" s="553"/>
      <c r="AE3" s="553"/>
      <c r="AF3" s="553"/>
      <c r="AG3" s="581" t="s">
        <v>149</v>
      </c>
      <c r="AH3" s="553"/>
      <c r="AI3" s="553"/>
      <c r="AJ3" s="553"/>
      <c r="AK3" s="553"/>
      <c r="AL3" s="553"/>
      <c r="AM3" s="553"/>
      <c r="AN3" s="553"/>
      <c r="AO3" s="553"/>
      <c r="AP3" s="554"/>
    </row>
    <row r="4" spans="2:43" ht="21" customHeight="1" x14ac:dyDescent="0.2">
      <c r="B4" s="551"/>
      <c r="C4" s="557" t="s">
        <v>61</v>
      </c>
      <c r="D4" s="558"/>
      <c r="E4" s="559"/>
      <c r="F4" s="560" t="s">
        <v>62</v>
      </c>
      <c r="G4" s="561"/>
      <c r="H4" s="561"/>
      <c r="I4" s="561"/>
      <c r="J4" s="561"/>
      <c r="K4" s="562"/>
      <c r="L4" s="573" t="s">
        <v>52</v>
      </c>
      <c r="M4" s="557" t="s">
        <v>61</v>
      </c>
      <c r="N4" s="558"/>
      <c r="O4" s="559"/>
      <c r="P4" s="560" t="s">
        <v>62</v>
      </c>
      <c r="Q4" s="561"/>
      <c r="R4" s="561"/>
      <c r="S4" s="561"/>
      <c r="T4" s="561"/>
      <c r="U4" s="562"/>
      <c r="V4" s="563" t="s">
        <v>52</v>
      </c>
      <c r="W4" s="557" t="s">
        <v>61</v>
      </c>
      <c r="X4" s="558"/>
      <c r="Y4" s="559"/>
      <c r="Z4" s="560" t="s">
        <v>62</v>
      </c>
      <c r="AA4" s="561"/>
      <c r="AB4" s="561"/>
      <c r="AC4" s="561"/>
      <c r="AD4" s="561"/>
      <c r="AE4" s="562"/>
      <c r="AF4" s="573" t="s">
        <v>52</v>
      </c>
      <c r="AG4" s="557" t="s">
        <v>61</v>
      </c>
      <c r="AH4" s="558"/>
      <c r="AI4" s="559"/>
      <c r="AJ4" s="560" t="s">
        <v>62</v>
      </c>
      <c r="AK4" s="561"/>
      <c r="AL4" s="561"/>
      <c r="AM4" s="561"/>
      <c r="AN4" s="561"/>
      <c r="AO4" s="562"/>
      <c r="AP4" s="563" t="s">
        <v>52</v>
      </c>
    </row>
    <row r="5" spans="2:43" ht="30" customHeight="1" thickBot="1" x14ac:dyDescent="0.25">
      <c r="B5" s="337" t="s">
        <v>42</v>
      </c>
      <c r="C5" s="26" t="s">
        <v>43</v>
      </c>
      <c r="D5" s="27" t="s">
        <v>44</v>
      </c>
      <c r="E5" s="27" t="s">
        <v>45</v>
      </c>
      <c r="F5" s="28" t="s">
        <v>47</v>
      </c>
      <c r="G5" s="29" t="s">
        <v>48</v>
      </c>
      <c r="H5" s="29" t="s">
        <v>49</v>
      </c>
      <c r="I5" s="30" t="s">
        <v>50</v>
      </c>
      <c r="J5" s="27" t="s">
        <v>51</v>
      </c>
      <c r="K5" s="31" t="s">
        <v>95</v>
      </c>
      <c r="L5" s="572"/>
      <c r="M5" s="26" t="s">
        <v>43</v>
      </c>
      <c r="N5" s="27" t="s">
        <v>44</v>
      </c>
      <c r="O5" s="31" t="s">
        <v>45</v>
      </c>
      <c r="P5" s="12" t="s">
        <v>47</v>
      </c>
      <c r="Q5" s="29" t="s">
        <v>48</v>
      </c>
      <c r="R5" s="29" t="s">
        <v>49</v>
      </c>
      <c r="S5" s="30" t="s">
        <v>50</v>
      </c>
      <c r="T5" s="27" t="s">
        <v>51</v>
      </c>
      <c r="U5" s="31" t="s">
        <v>45</v>
      </c>
      <c r="V5" s="564"/>
      <c r="W5" s="26" t="s">
        <v>43</v>
      </c>
      <c r="X5" s="27" t="s">
        <v>44</v>
      </c>
      <c r="Y5" s="27" t="s">
        <v>45</v>
      </c>
      <c r="Z5" s="28" t="s">
        <v>47</v>
      </c>
      <c r="AA5" s="29" t="s">
        <v>48</v>
      </c>
      <c r="AB5" s="29" t="s">
        <v>49</v>
      </c>
      <c r="AC5" s="30" t="s">
        <v>50</v>
      </c>
      <c r="AD5" s="27" t="s">
        <v>51</v>
      </c>
      <c r="AE5" s="31" t="s">
        <v>45</v>
      </c>
      <c r="AF5" s="572"/>
      <c r="AG5" s="26" t="s">
        <v>43</v>
      </c>
      <c r="AH5" s="27" t="s">
        <v>44</v>
      </c>
      <c r="AI5" s="27" t="s">
        <v>45</v>
      </c>
      <c r="AJ5" s="28" t="s">
        <v>47</v>
      </c>
      <c r="AK5" s="29" t="s">
        <v>48</v>
      </c>
      <c r="AL5" s="29" t="s">
        <v>49</v>
      </c>
      <c r="AM5" s="30" t="s">
        <v>50</v>
      </c>
      <c r="AN5" s="27" t="s">
        <v>51</v>
      </c>
      <c r="AO5" s="31" t="s">
        <v>45</v>
      </c>
      <c r="AP5" s="564"/>
    </row>
    <row r="6" spans="2:43" ht="21" customHeight="1" x14ac:dyDescent="0.2">
      <c r="B6" s="470" t="s">
        <v>4</v>
      </c>
      <c r="C6" s="172">
        <v>0</v>
      </c>
      <c r="D6" s="173">
        <v>0</v>
      </c>
      <c r="E6" s="173">
        <v>0</v>
      </c>
      <c r="F6" s="174">
        <v>13</v>
      </c>
      <c r="G6" s="175">
        <v>65</v>
      </c>
      <c r="H6" s="175">
        <v>456</v>
      </c>
      <c r="I6" s="175">
        <v>707</v>
      </c>
      <c r="J6" s="173">
        <v>351</v>
      </c>
      <c r="K6" s="176">
        <v>1592</v>
      </c>
      <c r="L6" s="177">
        <v>1592</v>
      </c>
      <c r="M6" s="172">
        <v>0</v>
      </c>
      <c r="N6" s="173">
        <v>0</v>
      </c>
      <c r="O6" s="176">
        <v>0</v>
      </c>
      <c r="P6" s="179">
        <v>90</v>
      </c>
      <c r="Q6" s="175">
        <v>182</v>
      </c>
      <c r="R6" s="175">
        <v>264</v>
      </c>
      <c r="S6" s="175">
        <v>295</v>
      </c>
      <c r="T6" s="173">
        <v>163</v>
      </c>
      <c r="U6" s="176">
        <v>994</v>
      </c>
      <c r="V6" s="180">
        <v>994</v>
      </c>
      <c r="W6" s="179">
        <v>0</v>
      </c>
      <c r="X6" s="173">
        <v>0</v>
      </c>
      <c r="Y6" s="173">
        <v>0</v>
      </c>
      <c r="Z6" s="174">
        <v>0</v>
      </c>
      <c r="AA6" s="175">
        <v>0</v>
      </c>
      <c r="AB6" s="175">
        <v>0</v>
      </c>
      <c r="AC6" s="175">
        <v>10</v>
      </c>
      <c r="AD6" s="173">
        <v>5</v>
      </c>
      <c r="AE6" s="176">
        <v>15</v>
      </c>
      <c r="AF6" s="177">
        <v>15</v>
      </c>
      <c r="AG6" s="172">
        <v>0</v>
      </c>
      <c r="AH6" s="173">
        <v>0</v>
      </c>
      <c r="AI6" s="173">
        <v>0</v>
      </c>
      <c r="AJ6" s="174">
        <v>0</v>
      </c>
      <c r="AK6" s="175">
        <v>2</v>
      </c>
      <c r="AL6" s="175">
        <v>2</v>
      </c>
      <c r="AM6" s="175">
        <v>13</v>
      </c>
      <c r="AN6" s="173">
        <v>19</v>
      </c>
      <c r="AO6" s="176">
        <v>36</v>
      </c>
      <c r="AP6" s="178">
        <v>36</v>
      </c>
      <c r="AQ6" s="32"/>
    </row>
    <row r="7" spans="2:43" ht="21" customHeight="1" x14ac:dyDescent="0.2">
      <c r="B7" s="471" t="s">
        <v>5</v>
      </c>
      <c r="C7" s="181">
        <v>0</v>
      </c>
      <c r="D7" s="182">
        <v>0</v>
      </c>
      <c r="E7" s="182">
        <v>0</v>
      </c>
      <c r="F7" s="183">
        <v>9</v>
      </c>
      <c r="G7" s="184">
        <v>53</v>
      </c>
      <c r="H7" s="184">
        <v>237</v>
      </c>
      <c r="I7" s="184">
        <v>299</v>
      </c>
      <c r="J7" s="182">
        <v>151</v>
      </c>
      <c r="K7" s="185">
        <v>749</v>
      </c>
      <c r="L7" s="186">
        <v>749</v>
      </c>
      <c r="M7" s="181">
        <v>0</v>
      </c>
      <c r="N7" s="182">
        <v>0</v>
      </c>
      <c r="O7" s="185">
        <v>0</v>
      </c>
      <c r="P7" s="188">
        <v>43</v>
      </c>
      <c r="Q7" s="184">
        <v>107</v>
      </c>
      <c r="R7" s="184">
        <v>134</v>
      </c>
      <c r="S7" s="184">
        <v>157</v>
      </c>
      <c r="T7" s="182">
        <v>80</v>
      </c>
      <c r="U7" s="185">
        <v>521</v>
      </c>
      <c r="V7" s="189">
        <v>521</v>
      </c>
      <c r="W7" s="188">
        <v>0</v>
      </c>
      <c r="X7" s="182">
        <v>0</v>
      </c>
      <c r="Y7" s="182">
        <v>0</v>
      </c>
      <c r="Z7" s="183">
        <v>0</v>
      </c>
      <c r="AA7" s="184">
        <v>0</v>
      </c>
      <c r="AB7" s="184">
        <v>0</v>
      </c>
      <c r="AC7" s="184">
        <v>5</v>
      </c>
      <c r="AD7" s="182">
        <v>2</v>
      </c>
      <c r="AE7" s="185">
        <v>7</v>
      </c>
      <c r="AF7" s="186">
        <v>7</v>
      </c>
      <c r="AG7" s="181">
        <v>0</v>
      </c>
      <c r="AH7" s="182">
        <v>0</v>
      </c>
      <c r="AI7" s="182">
        <v>0</v>
      </c>
      <c r="AJ7" s="183">
        <v>0</v>
      </c>
      <c r="AK7" s="184">
        <v>1</v>
      </c>
      <c r="AL7" s="184">
        <v>1</v>
      </c>
      <c r="AM7" s="184">
        <v>4</v>
      </c>
      <c r="AN7" s="182">
        <v>6</v>
      </c>
      <c r="AO7" s="185">
        <v>12</v>
      </c>
      <c r="AP7" s="187">
        <v>12</v>
      </c>
      <c r="AQ7" s="32"/>
    </row>
    <row r="8" spans="2:43" ht="21" customHeight="1" x14ac:dyDescent="0.2">
      <c r="B8" s="472" t="s">
        <v>6</v>
      </c>
      <c r="C8" s="181">
        <v>0</v>
      </c>
      <c r="D8" s="182">
        <v>0</v>
      </c>
      <c r="E8" s="182">
        <v>0</v>
      </c>
      <c r="F8" s="183">
        <v>2</v>
      </c>
      <c r="G8" s="184">
        <v>3</v>
      </c>
      <c r="H8" s="184">
        <v>47</v>
      </c>
      <c r="I8" s="184">
        <v>78</v>
      </c>
      <c r="J8" s="182">
        <v>42</v>
      </c>
      <c r="K8" s="185">
        <v>172</v>
      </c>
      <c r="L8" s="186">
        <v>172</v>
      </c>
      <c r="M8" s="181">
        <v>0</v>
      </c>
      <c r="N8" s="182">
        <v>0</v>
      </c>
      <c r="O8" s="185">
        <v>0</v>
      </c>
      <c r="P8" s="188">
        <v>7</v>
      </c>
      <c r="Q8" s="184">
        <v>14</v>
      </c>
      <c r="R8" s="184">
        <v>30</v>
      </c>
      <c r="S8" s="184">
        <v>27</v>
      </c>
      <c r="T8" s="182">
        <v>23</v>
      </c>
      <c r="U8" s="185">
        <v>101</v>
      </c>
      <c r="V8" s="189">
        <v>101</v>
      </c>
      <c r="W8" s="188">
        <v>0</v>
      </c>
      <c r="X8" s="182">
        <v>0</v>
      </c>
      <c r="Y8" s="182">
        <v>0</v>
      </c>
      <c r="Z8" s="183">
        <v>0</v>
      </c>
      <c r="AA8" s="184">
        <v>0</v>
      </c>
      <c r="AB8" s="184">
        <v>0</v>
      </c>
      <c r="AC8" s="184">
        <v>4</v>
      </c>
      <c r="AD8" s="182">
        <v>2</v>
      </c>
      <c r="AE8" s="185">
        <v>6</v>
      </c>
      <c r="AF8" s="186">
        <v>6</v>
      </c>
      <c r="AG8" s="181">
        <v>0</v>
      </c>
      <c r="AH8" s="182">
        <v>0</v>
      </c>
      <c r="AI8" s="182">
        <v>0</v>
      </c>
      <c r="AJ8" s="183">
        <v>0</v>
      </c>
      <c r="AK8" s="184">
        <v>0</v>
      </c>
      <c r="AL8" s="184">
        <v>0</v>
      </c>
      <c r="AM8" s="184">
        <v>2</v>
      </c>
      <c r="AN8" s="182">
        <v>2</v>
      </c>
      <c r="AO8" s="185">
        <v>4</v>
      </c>
      <c r="AP8" s="187">
        <v>4</v>
      </c>
      <c r="AQ8" s="32"/>
    </row>
    <row r="9" spans="2:43" ht="21" customHeight="1" x14ac:dyDescent="0.2">
      <c r="B9" s="472" t="s">
        <v>14</v>
      </c>
      <c r="C9" s="181">
        <v>0</v>
      </c>
      <c r="D9" s="182">
        <v>0</v>
      </c>
      <c r="E9" s="182">
        <v>0</v>
      </c>
      <c r="F9" s="183">
        <v>0</v>
      </c>
      <c r="G9" s="184">
        <v>0</v>
      </c>
      <c r="H9" s="184">
        <v>41</v>
      </c>
      <c r="I9" s="184">
        <v>53</v>
      </c>
      <c r="J9" s="182">
        <v>32</v>
      </c>
      <c r="K9" s="185">
        <v>126</v>
      </c>
      <c r="L9" s="186">
        <v>126</v>
      </c>
      <c r="M9" s="181">
        <v>0</v>
      </c>
      <c r="N9" s="182">
        <v>0</v>
      </c>
      <c r="O9" s="185">
        <v>0</v>
      </c>
      <c r="P9" s="188">
        <v>1</v>
      </c>
      <c r="Q9" s="184">
        <v>8</v>
      </c>
      <c r="R9" s="184">
        <v>15</v>
      </c>
      <c r="S9" s="184">
        <v>17</v>
      </c>
      <c r="T9" s="182">
        <v>8</v>
      </c>
      <c r="U9" s="185">
        <v>49</v>
      </c>
      <c r="V9" s="189">
        <v>49</v>
      </c>
      <c r="W9" s="188">
        <v>0</v>
      </c>
      <c r="X9" s="182">
        <v>0</v>
      </c>
      <c r="Y9" s="182">
        <v>0</v>
      </c>
      <c r="Z9" s="183">
        <v>0</v>
      </c>
      <c r="AA9" s="184">
        <v>0</v>
      </c>
      <c r="AB9" s="184">
        <v>0</v>
      </c>
      <c r="AC9" s="184">
        <v>0</v>
      </c>
      <c r="AD9" s="182">
        <v>1</v>
      </c>
      <c r="AE9" s="185">
        <v>1</v>
      </c>
      <c r="AF9" s="186">
        <v>1</v>
      </c>
      <c r="AG9" s="181">
        <v>0</v>
      </c>
      <c r="AH9" s="182">
        <v>0</v>
      </c>
      <c r="AI9" s="182">
        <v>0</v>
      </c>
      <c r="AJ9" s="183">
        <v>0</v>
      </c>
      <c r="AK9" s="184">
        <v>0</v>
      </c>
      <c r="AL9" s="184">
        <v>0</v>
      </c>
      <c r="AM9" s="184">
        <v>1</v>
      </c>
      <c r="AN9" s="182">
        <v>6</v>
      </c>
      <c r="AO9" s="185">
        <v>7</v>
      </c>
      <c r="AP9" s="187">
        <v>7</v>
      </c>
      <c r="AQ9" s="32"/>
    </row>
    <row r="10" spans="2:43" ht="21" customHeight="1" x14ac:dyDescent="0.2">
      <c r="B10" s="472" t="s">
        <v>7</v>
      </c>
      <c r="C10" s="181">
        <v>0</v>
      </c>
      <c r="D10" s="182">
        <v>0</v>
      </c>
      <c r="E10" s="182">
        <v>0</v>
      </c>
      <c r="F10" s="183">
        <v>0</v>
      </c>
      <c r="G10" s="184">
        <v>2</v>
      </c>
      <c r="H10" s="184">
        <v>18</v>
      </c>
      <c r="I10" s="184">
        <v>54</v>
      </c>
      <c r="J10" s="182">
        <v>26</v>
      </c>
      <c r="K10" s="185">
        <v>100</v>
      </c>
      <c r="L10" s="186">
        <v>100</v>
      </c>
      <c r="M10" s="181">
        <v>0</v>
      </c>
      <c r="N10" s="182">
        <v>0</v>
      </c>
      <c r="O10" s="185">
        <v>0</v>
      </c>
      <c r="P10" s="188">
        <v>12</v>
      </c>
      <c r="Q10" s="184">
        <v>6</v>
      </c>
      <c r="R10" s="184">
        <v>10</v>
      </c>
      <c r="S10" s="184">
        <v>15</v>
      </c>
      <c r="T10" s="182">
        <v>9</v>
      </c>
      <c r="U10" s="185">
        <v>52</v>
      </c>
      <c r="V10" s="189">
        <v>52</v>
      </c>
      <c r="W10" s="188">
        <v>0</v>
      </c>
      <c r="X10" s="182">
        <v>0</v>
      </c>
      <c r="Y10" s="182">
        <v>0</v>
      </c>
      <c r="Z10" s="183">
        <v>0</v>
      </c>
      <c r="AA10" s="184">
        <v>0</v>
      </c>
      <c r="AB10" s="184">
        <v>0</v>
      </c>
      <c r="AC10" s="184">
        <v>0</v>
      </c>
      <c r="AD10" s="182">
        <v>0</v>
      </c>
      <c r="AE10" s="185">
        <v>0</v>
      </c>
      <c r="AF10" s="186">
        <v>0</v>
      </c>
      <c r="AG10" s="181">
        <v>0</v>
      </c>
      <c r="AH10" s="182">
        <v>0</v>
      </c>
      <c r="AI10" s="182">
        <v>0</v>
      </c>
      <c r="AJ10" s="183">
        <v>0</v>
      </c>
      <c r="AK10" s="184">
        <v>0</v>
      </c>
      <c r="AL10" s="184">
        <v>1</v>
      </c>
      <c r="AM10" s="184">
        <v>0</v>
      </c>
      <c r="AN10" s="182">
        <v>0</v>
      </c>
      <c r="AO10" s="185">
        <v>1</v>
      </c>
      <c r="AP10" s="187">
        <v>1</v>
      </c>
      <c r="AQ10" s="32"/>
    </row>
    <row r="11" spans="2:43" ht="21" customHeight="1" x14ac:dyDescent="0.2">
      <c r="B11" s="472" t="s">
        <v>8</v>
      </c>
      <c r="C11" s="181">
        <v>0</v>
      </c>
      <c r="D11" s="182">
        <v>0</v>
      </c>
      <c r="E11" s="182">
        <v>0</v>
      </c>
      <c r="F11" s="183">
        <v>1</v>
      </c>
      <c r="G11" s="184">
        <v>2</v>
      </c>
      <c r="H11" s="184">
        <v>9</v>
      </c>
      <c r="I11" s="184">
        <v>8</v>
      </c>
      <c r="J11" s="182">
        <v>7</v>
      </c>
      <c r="K11" s="185">
        <v>27</v>
      </c>
      <c r="L11" s="186">
        <v>27</v>
      </c>
      <c r="M11" s="181">
        <v>0</v>
      </c>
      <c r="N11" s="182">
        <v>0</v>
      </c>
      <c r="O11" s="185">
        <v>0</v>
      </c>
      <c r="P11" s="188">
        <v>2</v>
      </c>
      <c r="Q11" s="184">
        <v>4</v>
      </c>
      <c r="R11" s="184">
        <v>12</v>
      </c>
      <c r="S11" s="184">
        <v>6</v>
      </c>
      <c r="T11" s="182">
        <v>5</v>
      </c>
      <c r="U11" s="185">
        <v>29</v>
      </c>
      <c r="V11" s="189">
        <v>29</v>
      </c>
      <c r="W11" s="188">
        <v>0</v>
      </c>
      <c r="X11" s="182">
        <v>0</v>
      </c>
      <c r="Y11" s="182">
        <v>0</v>
      </c>
      <c r="Z11" s="183">
        <v>0</v>
      </c>
      <c r="AA11" s="184">
        <v>0</v>
      </c>
      <c r="AB11" s="184">
        <v>0</v>
      </c>
      <c r="AC11" s="184">
        <v>0</v>
      </c>
      <c r="AD11" s="182">
        <v>0</v>
      </c>
      <c r="AE11" s="185">
        <v>0</v>
      </c>
      <c r="AF11" s="186">
        <v>0</v>
      </c>
      <c r="AG11" s="181">
        <v>0</v>
      </c>
      <c r="AH11" s="182">
        <v>0</v>
      </c>
      <c r="AI11" s="182">
        <v>0</v>
      </c>
      <c r="AJ11" s="183">
        <v>0</v>
      </c>
      <c r="AK11" s="184">
        <v>0</v>
      </c>
      <c r="AL11" s="184">
        <v>0</v>
      </c>
      <c r="AM11" s="184">
        <v>1</v>
      </c>
      <c r="AN11" s="182">
        <v>0</v>
      </c>
      <c r="AO11" s="185">
        <v>1</v>
      </c>
      <c r="AP11" s="187">
        <v>1</v>
      </c>
      <c r="AQ11" s="32"/>
    </row>
    <row r="12" spans="2:43" ht="21" customHeight="1" x14ac:dyDescent="0.2">
      <c r="B12" s="472" t="s">
        <v>9</v>
      </c>
      <c r="C12" s="181">
        <v>0</v>
      </c>
      <c r="D12" s="182">
        <v>0</v>
      </c>
      <c r="E12" s="182">
        <v>0</v>
      </c>
      <c r="F12" s="183">
        <v>0</v>
      </c>
      <c r="G12" s="184">
        <v>0</v>
      </c>
      <c r="H12" s="184">
        <v>10</v>
      </c>
      <c r="I12" s="184">
        <v>23</v>
      </c>
      <c r="J12" s="182">
        <v>11</v>
      </c>
      <c r="K12" s="185">
        <v>44</v>
      </c>
      <c r="L12" s="186">
        <v>44</v>
      </c>
      <c r="M12" s="181">
        <v>0</v>
      </c>
      <c r="N12" s="182">
        <v>0</v>
      </c>
      <c r="O12" s="185">
        <v>0</v>
      </c>
      <c r="P12" s="188">
        <v>1</v>
      </c>
      <c r="Q12" s="184">
        <v>5</v>
      </c>
      <c r="R12" s="184">
        <v>6</v>
      </c>
      <c r="S12" s="184">
        <v>6</v>
      </c>
      <c r="T12" s="182">
        <v>2</v>
      </c>
      <c r="U12" s="185">
        <v>20</v>
      </c>
      <c r="V12" s="189">
        <v>20</v>
      </c>
      <c r="W12" s="188">
        <v>0</v>
      </c>
      <c r="X12" s="182">
        <v>0</v>
      </c>
      <c r="Y12" s="182">
        <v>0</v>
      </c>
      <c r="Z12" s="183">
        <v>0</v>
      </c>
      <c r="AA12" s="184">
        <v>0</v>
      </c>
      <c r="AB12" s="184">
        <v>0</v>
      </c>
      <c r="AC12" s="184">
        <v>0</v>
      </c>
      <c r="AD12" s="182">
        <v>0</v>
      </c>
      <c r="AE12" s="185">
        <v>0</v>
      </c>
      <c r="AF12" s="186">
        <v>0</v>
      </c>
      <c r="AG12" s="181">
        <v>0</v>
      </c>
      <c r="AH12" s="182">
        <v>0</v>
      </c>
      <c r="AI12" s="182">
        <v>0</v>
      </c>
      <c r="AJ12" s="183">
        <v>0</v>
      </c>
      <c r="AK12" s="184">
        <v>0</v>
      </c>
      <c r="AL12" s="184">
        <v>0</v>
      </c>
      <c r="AM12" s="184">
        <v>0</v>
      </c>
      <c r="AN12" s="182">
        <v>0</v>
      </c>
      <c r="AO12" s="185">
        <v>0</v>
      </c>
      <c r="AP12" s="187">
        <v>0</v>
      </c>
      <c r="AQ12" s="32"/>
    </row>
    <row r="13" spans="2:43" ht="21" customHeight="1" x14ac:dyDescent="0.2">
      <c r="B13" s="472" t="s">
        <v>10</v>
      </c>
      <c r="C13" s="181">
        <v>0</v>
      </c>
      <c r="D13" s="182">
        <v>0</v>
      </c>
      <c r="E13" s="182">
        <v>0</v>
      </c>
      <c r="F13" s="183">
        <v>1</v>
      </c>
      <c r="G13" s="184">
        <v>1</v>
      </c>
      <c r="H13" s="184">
        <v>22</v>
      </c>
      <c r="I13" s="184">
        <v>34</v>
      </c>
      <c r="J13" s="182">
        <v>12</v>
      </c>
      <c r="K13" s="185">
        <v>70</v>
      </c>
      <c r="L13" s="186">
        <v>70</v>
      </c>
      <c r="M13" s="181">
        <v>0</v>
      </c>
      <c r="N13" s="182">
        <v>0</v>
      </c>
      <c r="O13" s="185">
        <v>0</v>
      </c>
      <c r="P13" s="188">
        <v>6</v>
      </c>
      <c r="Q13" s="184">
        <v>7</v>
      </c>
      <c r="R13" s="184">
        <v>7</v>
      </c>
      <c r="S13" s="184">
        <v>16</v>
      </c>
      <c r="T13" s="182">
        <v>8</v>
      </c>
      <c r="U13" s="185">
        <v>44</v>
      </c>
      <c r="V13" s="189">
        <v>44</v>
      </c>
      <c r="W13" s="188">
        <v>0</v>
      </c>
      <c r="X13" s="182">
        <v>0</v>
      </c>
      <c r="Y13" s="182">
        <v>0</v>
      </c>
      <c r="Z13" s="183">
        <v>0</v>
      </c>
      <c r="AA13" s="184">
        <v>0</v>
      </c>
      <c r="AB13" s="184">
        <v>0</v>
      </c>
      <c r="AC13" s="184">
        <v>1</v>
      </c>
      <c r="AD13" s="182">
        <v>0</v>
      </c>
      <c r="AE13" s="185">
        <v>1</v>
      </c>
      <c r="AF13" s="186">
        <v>1</v>
      </c>
      <c r="AG13" s="181">
        <v>0</v>
      </c>
      <c r="AH13" s="182">
        <v>0</v>
      </c>
      <c r="AI13" s="182">
        <v>0</v>
      </c>
      <c r="AJ13" s="183">
        <v>0</v>
      </c>
      <c r="AK13" s="184">
        <v>0</v>
      </c>
      <c r="AL13" s="184">
        <v>0</v>
      </c>
      <c r="AM13" s="184">
        <v>0</v>
      </c>
      <c r="AN13" s="182">
        <v>1</v>
      </c>
      <c r="AO13" s="185">
        <v>1</v>
      </c>
      <c r="AP13" s="187">
        <v>1</v>
      </c>
      <c r="AQ13" s="32"/>
    </row>
    <row r="14" spans="2:43" ht="21" customHeight="1" x14ac:dyDescent="0.2">
      <c r="B14" s="472" t="s">
        <v>11</v>
      </c>
      <c r="C14" s="181">
        <v>0</v>
      </c>
      <c r="D14" s="182">
        <v>0</v>
      </c>
      <c r="E14" s="182">
        <v>0</v>
      </c>
      <c r="F14" s="183">
        <v>0</v>
      </c>
      <c r="G14" s="184">
        <v>0</v>
      </c>
      <c r="H14" s="184">
        <v>4</v>
      </c>
      <c r="I14" s="184">
        <v>17</v>
      </c>
      <c r="J14" s="182">
        <v>2</v>
      </c>
      <c r="K14" s="185">
        <v>23</v>
      </c>
      <c r="L14" s="186">
        <v>23</v>
      </c>
      <c r="M14" s="181">
        <v>0</v>
      </c>
      <c r="N14" s="182">
        <v>0</v>
      </c>
      <c r="O14" s="185">
        <v>0</v>
      </c>
      <c r="P14" s="188">
        <v>2</v>
      </c>
      <c r="Q14" s="184">
        <v>1</v>
      </c>
      <c r="R14" s="184">
        <v>2</v>
      </c>
      <c r="S14" s="184">
        <v>4</v>
      </c>
      <c r="T14" s="182">
        <v>6</v>
      </c>
      <c r="U14" s="185">
        <v>15</v>
      </c>
      <c r="V14" s="189">
        <v>15</v>
      </c>
      <c r="W14" s="188">
        <v>0</v>
      </c>
      <c r="X14" s="182">
        <v>0</v>
      </c>
      <c r="Y14" s="182">
        <v>0</v>
      </c>
      <c r="Z14" s="183">
        <v>0</v>
      </c>
      <c r="AA14" s="184">
        <v>0</v>
      </c>
      <c r="AB14" s="184">
        <v>0</v>
      </c>
      <c r="AC14" s="184">
        <v>0</v>
      </c>
      <c r="AD14" s="182">
        <v>0</v>
      </c>
      <c r="AE14" s="185">
        <v>0</v>
      </c>
      <c r="AF14" s="186">
        <v>0</v>
      </c>
      <c r="AG14" s="181">
        <v>0</v>
      </c>
      <c r="AH14" s="182">
        <v>0</v>
      </c>
      <c r="AI14" s="182">
        <v>0</v>
      </c>
      <c r="AJ14" s="183">
        <v>0</v>
      </c>
      <c r="AK14" s="184">
        <v>0</v>
      </c>
      <c r="AL14" s="184">
        <v>0</v>
      </c>
      <c r="AM14" s="184">
        <v>1</v>
      </c>
      <c r="AN14" s="182">
        <v>0</v>
      </c>
      <c r="AO14" s="185">
        <v>1</v>
      </c>
      <c r="AP14" s="187">
        <v>1</v>
      </c>
      <c r="AQ14" s="32"/>
    </row>
    <row r="15" spans="2:43" ht="21" customHeight="1" x14ac:dyDescent="0.2">
      <c r="B15" s="472" t="s">
        <v>12</v>
      </c>
      <c r="C15" s="181">
        <v>0</v>
      </c>
      <c r="D15" s="182">
        <v>0</v>
      </c>
      <c r="E15" s="182">
        <v>0</v>
      </c>
      <c r="F15" s="183">
        <v>0</v>
      </c>
      <c r="G15" s="184">
        <v>0</v>
      </c>
      <c r="H15" s="184">
        <v>6</v>
      </c>
      <c r="I15" s="184">
        <v>12</v>
      </c>
      <c r="J15" s="182">
        <v>8</v>
      </c>
      <c r="K15" s="185">
        <v>26</v>
      </c>
      <c r="L15" s="186">
        <v>26</v>
      </c>
      <c r="M15" s="181">
        <v>0</v>
      </c>
      <c r="N15" s="182">
        <v>0</v>
      </c>
      <c r="O15" s="185">
        <v>0</v>
      </c>
      <c r="P15" s="188">
        <v>2</v>
      </c>
      <c r="Q15" s="184">
        <v>3</v>
      </c>
      <c r="R15" s="184">
        <v>8</v>
      </c>
      <c r="S15" s="184">
        <v>8</v>
      </c>
      <c r="T15" s="182">
        <v>3</v>
      </c>
      <c r="U15" s="185">
        <v>24</v>
      </c>
      <c r="V15" s="189">
        <v>24</v>
      </c>
      <c r="W15" s="188">
        <v>0</v>
      </c>
      <c r="X15" s="182">
        <v>0</v>
      </c>
      <c r="Y15" s="182">
        <v>0</v>
      </c>
      <c r="Z15" s="183">
        <v>0</v>
      </c>
      <c r="AA15" s="184">
        <v>0</v>
      </c>
      <c r="AB15" s="184">
        <v>0</v>
      </c>
      <c r="AC15" s="184">
        <v>0</v>
      </c>
      <c r="AD15" s="182">
        <v>0</v>
      </c>
      <c r="AE15" s="185">
        <v>0</v>
      </c>
      <c r="AF15" s="186">
        <v>0</v>
      </c>
      <c r="AG15" s="181">
        <v>0</v>
      </c>
      <c r="AH15" s="182">
        <v>0</v>
      </c>
      <c r="AI15" s="182">
        <v>0</v>
      </c>
      <c r="AJ15" s="183">
        <v>0</v>
      </c>
      <c r="AK15" s="184">
        <v>0</v>
      </c>
      <c r="AL15" s="184">
        <v>0</v>
      </c>
      <c r="AM15" s="184">
        <v>1</v>
      </c>
      <c r="AN15" s="182">
        <v>1</v>
      </c>
      <c r="AO15" s="185">
        <v>2</v>
      </c>
      <c r="AP15" s="187">
        <v>2</v>
      </c>
      <c r="AQ15" s="32"/>
    </row>
    <row r="16" spans="2:43" ht="21" customHeight="1" x14ac:dyDescent="0.2">
      <c r="B16" s="472" t="s">
        <v>13</v>
      </c>
      <c r="C16" s="181">
        <v>0</v>
      </c>
      <c r="D16" s="182">
        <v>0</v>
      </c>
      <c r="E16" s="182">
        <v>0</v>
      </c>
      <c r="F16" s="183">
        <v>0</v>
      </c>
      <c r="G16" s="184">
        <v>0</v>
      </c>
      <c r="H16" s="184">
        <v>3</v>
      </c>
      <c r="I16" s="184">
        <v>12</v>
      </c>
      <c r="J16" s="182">
        <v>2</v>
      </c>
      <c r="K16" s="185">
        <v>17</v>
      </c>
      <c r="L16" s="186">
        <v>17</v>
      </c>
      <c r="M16" s="181">
        <v>0</v>
      </c>
      <c r="N16" s="182">
        <v>0</v>
      </c>
      <c r="O16" s="185">
        <v>0</v>
      </c>
      <c r="P16" s="188">
        <v>0</v>
      </c>
      <c r="Q16" s="184">
        <v>0</v>
      </c>
      <c r="R16" s="184">
        <v>4</v>
      </c>
      <c r="S16" s="184">
        <v>1</v>
      </c>
      <c r="T16" s="182">
        <v>2</v>
      </c>
      <c r="U16" s="185">
        <v>7</v>
      </c>
      <c r="V16" s="189">
        <v>7</v>
      </c>
      <c r="W16" s="188">
        <v>0</v>
      </c>
      <c r="X16" s="182">
        <v>0</v>
      </c>
      <c r="Y16" s="182">
        <v>0</v>
      </c>
      <c r="Z16" s="183">
        <v>0</v>
      </c>
      <c r="AA16" s="184">
        <v>0</v>
      </c>
      <c r="AB16" s="184">
        <v>0</v>
      </c>
      <c r="AC16" s="184">
        <v>0</v>
      </c>
      <c r="AD16" s="182">
        <v>0</v>
      </c>
      <c r="AE16" s="185">
        <v>0</v>
      </c>
      <c r="AF16" s="186">
        <v>0</v>
      </c>
      <c r="AG16" s="181">
        <v>0</v>
      </c>
      <c r="AH16" s="182">
        <v>0</v>
      </c>
      <c r="AI16" s="182">
        <v>0</v>
      </c>
      <c r="AJ16" s="183">
        <v>0</v>
      </c>
      <c r="AK16" s="184">
        <v>0</v>
      </c>
      <c r="AL16" s="184">
        <v>0</v>
      </c>
      <c r="AM16" s="184">
        <v>0</v>
      </c>
      <c r="AN16" s="182">
        <v>0</v>
      </c>
      <c r="AO16" s="185">
        <v>0</v>
      </c>
      <c r="AP16" s="187">
        <v>0</v>
      </c>
      <c r="AQ16" s="32"/>
    </row>
    <row r="17" spans="2:43" ht="21" customHeight="1" x14ac:dyDescent="0.2">
      <c r="B17" s="472" t="s">
        <v>15</v>
      </c>
      <c r="C17" s="181">
        <v>0</v>
      </c>
      <c r="D17" s="182">
        <v>0</v>
      </c>
      <c r="E17" s="182">
        <v>0</v>
      </c>
      <c r="F17" s="183">
        <v>0</v>
      </c>
      <c r="G17" s="184">
        <v>0</v>
      </c>
      <c r="H17" s="184">
        <v>2</v>
      </c>
      <c r="I17" s="184">
        <v>11</v>
      </c>
      <c r="J17" s="182">
        <v>3</v>
      </c>
      <c r="K17" s="185">
        <v>16</v>
      </c>
      <c r="L17" s="186">
        <v>16</v>
      </c>
      <c r="M17" s="181">
        <v>0</v>
      </c>
      <c r="N17" s="182">
        <v>0</v>
      </c>
      <c r="O17" s="185">
        <v>0</v>
      </c>
      <c r="P17" s="188">
        <v>1</v>
      </c>
      <c r="Q17" s="184">
        <v>1</v>
      </c>
      <c r="R17" s="184">
        <v>1</v>
      </c>
      <c r="S17" s="184">
        <v>4</v>
      </c>
      <c r="T17" s="182">
        <v>1</v>
      </c>
      <c r="U17" s="185">
        <v>8</v>
      </c>
      <c r="V17" s="189">
        <v>8</v>
      </c>
      <c r="W17" s="188">
        <v>0</v>
      </c>
      <c r="X17" s="182">
        <v>0</v>
      </c>
      <c r="Y17" s="182">
        <v>0</v>
      </c>
      <c r="Z17" s="183">
        <v>0</v>
      </c>
      <c r="AA17" s="184">
        <v>0</v>
      </c>
      <c r="AB17" s="184">
        <v>0</v>
      </c>
      <c r="AC17" s="184">
        <v>0</v>
      </c>
      <c r="AD17" s="182">
        <v>0</v>
      </c>
      <c r="AE17" s="185">
        <v>0</v>
      </c>
      <c r="AF17" s="186">
        <v>0</v>
      </c>
      <c r="AG17" s="181">
        <v>0</v>
      </c>
      <c r="AH17" s="182">
        <v>0</v>
      </c>
      <c r="AI17" s="182">
        <v>0</v>
      </c>
      <c r="AJ17" s="183">
        <v>0</v>
      </c>
      <c r="AK17" s="184">
        <v>0</v>
      </c>
      <c r="AL17" s="184">
        <v>0</v>
      </c>
      <c r="AM17" s="184">
        <v>0</v>
      </c>
      <c r="AN17" s="182">
        <v>0</v>
      </c>
      <c r="AO17" s="185">
        <v>0</v>
      </c>
      <c r="AP17" s="187">
        <v>0</v>
      </c>
      <c r="AQ17" s="32"/>
    </row>
    <row r="18" spans="2:43" ht="21" customHeight="1" x14ac:dyDescent="0.2">
      <c r="B18" s="472" t="s">
        <v>16</v>
      </c>
      <c r="C18" s="181">
        <v>0</v>
      </c>
      <c r="D18" s="182">
        <v>0</v>
      </c>
      <c r="E18" s="182">
        <v>0</v>
      </c>
      <c r="F18" s="183">
        <v>0</v>
      </c>
      <c r="G18" s="184">
        <v>1</v>
      </c>
      <c r="H18" s="184">
        <v>4</v>
      </c>
      <c r="I18" s="184">
        <v>10</v>
      </c>
      <c r="J18" s="182">
        <v>7</v>
      </c>
      <c r="K18" s="185">
        <v>22</v>
      </c>
      <c r="L18" s="186">
        <v>22</v>
      </c>
      <c r="M18" s="181">
        <v>0</v>
      </c>
      <c r="N18" s="182">
        <v>0</v>
      </c>
      <c r="O18" s="185">
        <v>0</v>
      </c>
      <c r="P18" s="188">
        <v>0</v>
      </c>
      <c r="Q18" s="184">
        <v>3</v>
      </c>
      <c r="R18" s="184">
        <v>3</v>
      </c>
      <c r="S18" s="184">
        <v>6</v>
      </c>
      <c r="T18" s="182">
        <v>0</v>
      </c>
      <c r="U18" s="185">
        <v>12</v>
      </c>
      <c r="V18" s="189">
        <v>12</v>
      </c>
      <c r="W18" s="188">
        <v>0</v>
      </c>
      <c r="X18" s="182">
        <v>0</v>
      </c>
      <c r="Y18" s="182">
        <v>0</v>
      </c>
      <c r="Z18" s="183">
        <v>0</v>
      </c>
      <c r="AA18" s="184">
        <v>0</v>
      </c>
      <c r="AB18" s="184">
        <v>0</v>
      </c>
      <c r="AC18" s="184">
        <v>0</v>
      </c>
      <c r="AD18" s="182">
        <v>0</v>
      </c>
      <c r="AE18" s="185">
        <v>0</v>
      </c>
      <c r="AF18" s="186">
        <v>0</v>
      </c>
      <c r="AG18" s="181">
        <v>0</v>
      </c>
      <c r="AH18" s="182">
        <v>0</v>
      </c>
      <c r="AI18" s="182">
        <v>0</v>
      </c>
      <c r="AJ18" s="183">
        <v>0</v>
      </c>
      <c r="AK18" s="184">
        <v>0</v>
      </c>
      <c r="AL18" s="184">
        <v>0</v>
      </c>
      <c r="AM18" s="184">
        <v>0</v>
      </c>
      <c r="AN18" s="182">
        <v>1</v>
      </c>
      <c r="AO18" s="185">
        <v>1</v>
      </c>
      <c r="AP18" s="187">
        <v>1</v>
      </c>
      <c r="AQ18" s="32"/>
    </row>
    <row r="19" spans="2:43" ht="21" customHeight="1" x14ac:dyDescent="0.2">
      <c r="B19" s="472" t="s">
        <v>17</v>
      </c>
      <c r="C19" s="181">
        <v>0</v>
      </c>
      <c r="D19" s="182">
        <v>0</v>
      </c>
      <c r="E19" s="182">
        <v>0</v>
      </c>
      <c r="F19" s="183">
        <v>0</v>
      </c>
      <c r="G19" s="184">
        <v>0</v>
      </c>
      <c r="H19" s="184">
        <v>12</v>
      </c>
      <c r="I19" s="184">
        <v>16</v>
      </c>
      <c r="J19" s="182">
        <v>10</v>
      </c>
      <c r="K19" s="185">
        <v>38</v>
      </c>
      <c r="L19" s="186">
        <v>38</v>
      </c>
      <c r="M19" s="181">
        <v>0</v>
      </c>
      <c r="N19" s="182">
        <v>0</v>
      </c>
      <c r="O19" s="185">
        <v>0</v>
      </c>
      <c r="P19" s="188">
        <v>4</v>
      </c>
      <c r="Q19" s="184">
        <v>4</v>
      </c>
      <c r="R19" s="184">
        <v>7</v>
      </c>
      <c r="S19" s="184">
        <v>3</v>
      </c>
      <c r="T19" s="182">
        <v>7</v>
      </c>
      <c r="U19" s="185">
        <v>25</v>
      </c>
      <c r="V19" s="189">
        <v>25</v>
      </c>
      <c r="W19" s="188">
        <v>0</v>
      </c>
      <c r="X19" s="182">
        <v>0</v>
      </c>
      <c r="Y19" s="182">
        <v>0</v>
      </c>
      <c r="Z19" s="183">
        <v>0</v>
      </c>
      <c r="AA19" s="184">
        <v>0</v>
      </c>
      <c r="AB19" s="184">
        <v>0</v>
      </c>
      <c r="AC19" s="184">
        <v>0</v>
      </c>
      <c r="AD19" s="182">
        <v>0</v>
      </c>
      <c r="AE19" s="185">
        <v>0</v>
      </c>
      <c r="AF19" s="186">
        <v>0</v>
      </c>
      <c r="AG19" s="181">
        <v>0</v>
      </c>
      <c r="AH19" s="182">
        <v>0</v>
      </c>
      <c r="AI19" s="182">
        <v>0</v>
      </c>
      <c r="AJ19" s="183">
        <v>0</v>
      </c>
      <c r="AK19" s="184">
        <v>0</v>
      </c>
      <c r="AL19" s="184">
        <v>0</v>
      </c>
      <c r="AM19" s="184">
        <v>0</v>
      </c>
      <c r="AN19" s="182">
        <v>0</v>
      </c>
      <c r="AO19" s="185">
        <v>0</v>
      </c>
      <c r="AP19" s="187">
        <v>0</v>
      </c>
      <c r="AQ19" s="32"/>
    </row>
    <row r="20" spans="2:43" ht="21" customHeight="1" x14ac:dyDescent="0.2">
      <c r="B20" s="472" t="s">
        <v>18</v>
      </c>
      <c r="C20" s="181">
        <v>0</v>
      </c>
      <c r="D20" s="182">
        <v>0</v>
      </c>
      <c r="E20" s="182">
        <v>0</v>
      </c>
      <c r="F20" s="183">
        <v>0</v>
      </c>
      <c r="G20" s="184">
        <v>0</v>
      </c>
      <c r="H20" s="184">
        <v>3</v>
      </c>
      <c r="I20" s="184">
        <v>23</v>
      </c>
      <c r="J20" s="182">
        <v>6</v>
      </c>
      <c r="K20" s="185">
        <v>32</v>
      </c>
      <c r="L20" s="186">
        <v>32</v>
      </c>
      <c r="M20" s="181">
        <v>0</v>
      </c>
      <c r="N20" s="182">
        <v>0</v>
      </c>
      <c r="O20" s="185">
        <v>0</v>
      </c>
      <c r="P20" s="188">
        <v>1</v>
      </c>
      <c r="Q20" s="184">
        <v>5</v>
      </c>
      <c r="R20" s="184">
        <v>4</v>
      </c>
      <c r="S20" s="184">
        <v>2</v>
      </c>
      <c r="T20" s="182">
        <v>3</v>
      </c>
      <c r="U20" s="185">
        <v>15</v>
      </c>
      <c r="V20" s="189">
        <v>15</v>
      </c>
      <c r="W20" s="188">
        <v>0</v>
      </c>
      <c r="X20" s="182">
        <v>0</v>
      </c>
      <c r="Y20" s="182">
        <v>0</v>
      </c>
      <c r="Z20" s="183">
        <v>0</v>
      </c>
      <c r="AA20" s="184">
        <v>0</v>
      </c>
      <c r="AB20" s="184">
        <v>0</v>
      </c>
      <c r="AC20" s="184">
        <v>0</v>
      </c>
      <c r="AD20" s="182">
        <v>0</v>
      </c>
      <c r="AE20" s="185">
        <v>0</v>
      </c>
      <c r="AF20" s="186">
        <v>0</v>
      </c>
      <c r="AG20" s="181">
        <v>0</v>
      </c>
      <c r="AH20" s="182">
        <v>0</v>
      </c>
      <c r="AI20" s="182">
        <v>0</v>
      </c>
      <c r="AJ20" s="183">
        <v>0</v>
      </c>
      <c r="AK20" s="184">
        <v>0</v>
      </c>
      <c r="AL20" s="184">
        <v>0</v>
      </c>
      <c r="AM20" s="184">
        <v>1</v>
      </c>
      <c r="AN20" s="182">
        <v>1</v>
      </c>
      <c r="AO20" s="185">
        <v>2</v>
      </c>
      <c r="AP20" s="187">
        <v>2</v>
      </c>
      <c r="AQ20" s="32"/>
    </row>
    <row r="21" spans="2:43" ht="21" customHeight="1" x14ac:dyDescent="0.2">
      <c r="B21" s="472" t="s">
        <v>19</v>
      </c>
      <c r="C21" s="181">
        <v>0</v>
      </c>
      <c r="D21" s="182">
        <v>0</v>
      </c>
      <c r="E21" s="182">
        <v>0</v>
      </c>
      <c r="F21" s="183">
        <v>0</v>
      </c>
      <c r="G21" s="184">
        <v>0</v>
      </c>
      <c r="H21" s="184">
        <v>7</v>
      </c>
      <c r="I21" s="184">
        <v>5</v>
      </c>
      <c r="J21" s="182">
        <v>5</v>
      </c>
      <c r="K21" s="185">
        <v>17</v>
      </c>
      <c r="L21" s="186">
        <v>17</v>
      </c>
      <c r="M21" s="181">
        <v>0</v>
      </c>
      <c r="N21" s="182">
        <v>0</v>
      </c>
      <c r="O21" s="185">
        <v>0</v>
      </c>
      <c r="P21" s="188">
        <v>1</v>
      </c>
      <c r="Q21" s="184">
        <v>0</v>
      </c>
      <c r="R21" s="184">
        <v>1</v>
      </c>
      <c r="S21" s="184">
        <v>4</v>
      </c>
      <c r="T21" s="182">
        <v>0</v>
      </c>
      <c r="U21" s="185">
        <v>6</v>
      </c>
      <c r="V21" s="189">
        <v>6</v>
      </c>
      <c r="W21" s="188">
        <v>0</v>
      </c>
      <c r="X21" s="182">
        <v>0</v>
      </c>
      <c r="Y21" s="182">
        <v>0</v>
      </c>
      <c r="Z21" s="183">
        <v>0</v>
      </c>
      <c r="AA21" s="184">
        <v>0</v>
      </c>
      <c r="AB21" s="184">
        <v>0</v>
      </c>
      <c r="AC21" s="184">
        <v>0</v>
      </c>
      <c r="AD21" s="182">
        <v>0</v>
      </c>
      <c r="AE21" s="185">
        <v>0</v>
      </c>
      <c r="AF21" s="186">
        <v>0</v>
      </c>
      <c r="AG21" s="181">
        <v>0</v>
      </c>
      <c r="AH21" s="182">
        <v>0</v>
      </c>
      <c r="AI21" s="182">
        <v>0</v>
      </c>
      <c r="AJ21" s="183">
        <v>0</v>
      </c>
      <c r="AK21" s="184">
        <v>0</v>
      </c>
      <c r="AL21" s="184">
        <v>0</v>
      </c>
      <c r="AM21" s="184">
        <v>0</v>
      </c>
      <c r="AN21" s="182">
        <v>0</v>
      </c>
      <c r="AO21" s="185">
        <v>0</v>
      </c>
      <c r="AP21" s="187">
        <v>0</v>
      </c>
      <c r="AQ21" s="32"/>
    </row>
    <row r="22" spans="2:43" ht="21" customHeight="1" x14ac:dyDescent="0.2">
      <c r="B22" s="472" t="s">
        <v>20</v>
      </c>
      <c r="C22" s="181">
        <v>0</v>
      </c>
      <c r="D22" s="182">
        <v>0</v>
      </c>
      <c r="E22" s="182">
        <v>0</v>
      </c>
      <c r="F22" s="183">
        <v>0</v>
      </c>
      <c r="G22" s="184">
        <v>1</v>
      </c>
      <c r="H22" s="184">
        <v>7</v>
      </c>
      <c r="I22" s="184">
        <v>13</v>
      </c>
      <c r="J22" s="182">
        <v>3</v>
      </c>
      <c r="K22" s="185">
        <v>24</v>
      </c>
      <c r="L22" s="186">
        <v>24</v>
      </c>
      <c r="M22" s="181">
        <v>0</v>
      </c>
      <c r="N22" s="182">
        <v>0</v>
      </c>
      <c r="O22" s="185">
        <v>0</v>
      </c>
      <c r="P22" s="188">
        <v>2</v>
      </c>
      <c r="Q22" s="184">
        <v>1</v>
      </c>
      <c r="R22" s="184">
        <v>1</v>
      </c>
      <c r="S22" s="184">
        <v>1</v>
      </c>
      <c r="T22" s="182">
        <v>0</v>
      </c>
      <c r="U22" s="185">
        <v>5</v>
      </c>
      <c r="V22" s="189">
        <v>5</v>
      </c>
      <c r="W22" s="188">
        <v>0</v>
      </c>
      <c r="X22" s="182">
        <v>0</v>
      </c>
      <c r="Y22" s="182">
        <v>0</v>
      </c>
      <c r="Z22" s="183">
        <v>0</v>
      </c>
      <c r="AA22" s="184">
        <v>0</v>
      </c>
      <c r="AB22" s="184">
        <v>0</v>
      </c>
      <c r="AC22" s="184">
        <v>0</v>
      </c>
      <c r="AD22" s="182">
        <v>0</v>
      </c>
      <c r="AE22" s="185">
        <v>0</v>
      </c>
      <c r="AF22" s="186">
        <v>0</v>
      </c>
      <c r="AG22" s="181">
        <v>0</v>
      </c>
      <c r="AH22" s="182">
        <v>0</v>
      </c>
      <c r="AI22" s="182">
        <v>0</v>
      </c>
      <c r="AJ22" s="183">
        <v>0</v>
      </c>
      <c r="AK22" s="184">
        <v>0</v>
      </c>
      <c r="AL22" s="184">
        <v>0</v>
      </c>
      <c r="AM22" s="184">
        <v>0</v>
      </c>
      <c r="AN22" s="182">
        <v>0</v>
      </c>
      <c r="AO22" s="185">
        <v>0</v>
      </c>
      <c r="AP22" s="187">
        <v>0</v>
      </c>
      <c r="AQ22" s="32"/>
    </row>
    <row r="23" spans="2:43" ht="21" customHeight="1" x14ac:dyDescent="0.2">
      <c r="B23" s="472" t="s">
        <v>21</v>
      </c>
      <c r="C23" s="181">
        <v>0</v>
      </c>
      <c r="D23" s="182">
        <v>0</v>
      </c>
      <c r="E23" s="182">
        <v>0</v>
      </c>
      <c r="F23" s="183">
        <v>0</v>
      </c>
      <c r="G23" s="184">
        <v>0</v>
      </c>
      <c r="H23" s="184">
        <v>2</v>
      </c>
      <c r="I23" s="184">
        <v>9</v>
      </c>
      <c r="J23" s="182">
        <v>9</v>
      </c>
      <c r="K23" s="185">
        <v>20</v>
      </c>
      <c r="L23" s="186">
        <v>20</v>
      </c>
      <c r="M23" s="181">
        <v>0</v>
      </c>
      <c r="N23" s="182">
        <v>0</v>
      </c>
      <c r="O23" s="185">
        <v>0</v>
      </c>
      <c r="P23" s="188">
        <v>0</v>
      </c>
      <c r="Q23" s="184">
        <v>1</v>
      </c>
      <c r="R23" s="184">
        <v>4</v>
      </c>
      <c r="S23" s="184">
        <v>0</v>
      </c>
      <c r="T23" s="182">
        <v>0</v>
      </c>
      <c r="U23" s="185">
        <v>5</v>
      </c>
      <c r="V23" s="189">
        <v>5</v>
      </c>
      <c r="W23" s="188">
        <v>0</v>
      </c>
      <c r="X23" s="182">
        <v>0</v>
      </c>
      <c r="Y23" s="182">
        <v>0</v>
      </c>
      <c r="Z23" s="183">
        <v>0</v>
      </c>
      <c r="AA23" s="184">
        <v>0</v>
      </c>
      <c r="AB23" s="184">
        <v>0</v>
      </c>
      <c r="AC23" s="184">
        <v>0</v>
      </c>
      <c r="AD23" s="182">
        <v>0</v>
      </c>
      <c r="AE23" s="185">
        <v>0</v>
      </c>
      <c r="AF23" s="186">
        <v>0</v>
      </c>
      <c r="AG23" s="181">
        <v>0</v>
      </c>
      <c r="AH23" s="182">
        <v>0</v>
      </c>
      <c r="AI23" s="182">
        <v>0</v>
      </c>
      <c r="AJ23" s="183">
        <v>0</v>
      </c>
      <c r="AK23" s="184">
        <v>0</v>
      </c>
      <c r="AL23" s="184">
        <v>0</v>
      </c>
      <c r="AM23" s="184">
        <v>0</v>
      </c>
      <c r="AN23" s="182">
        <v>1</v>
      </c>
      <c r="AO23" s="185">
        <v>1</v>
      </c>
      <c r="AP23" s="187">
        <v>1</v>
      </c>
      <c r="AQ23" s="32"/>
    </row>
    <row r="24" spans="2:43" ht="21" customHeight="1" x14ac:dyDescent="0.2">
      <c r="B24" s="472" t="s">
        <v>22</v>
      </c>
      <c r="C24" s="181">
        <v>0</v>
      </c>
      <c r="D24" s="182">
        <v>0</v>
      </c>
      <c r="E24" s="182">
        <v>0</v>
      </c>
      <c r="F24" s="183">
        <v>0</v>
      </c>
      <c r="G24" s="184">
        <v>0</v>
      </c>
      <c r="H24" s="184">
        <v>5</v>
      </c>
      <c r="I24" s="184">
        <v>5</v>
      </c>
      <c r="J24" s="182">
        <v>0</v>
      </c>
      <c r="K24" s="185">
        <v>10</v>
      </c>
      <c r="L24" s="186">
        <v>10</v>
      </c>
      <c r="M24" s="181">
        <v>0</v>
      </c>
      <c r="N24" s="182">
        <v>0</v>
      </c>
      <c r="O24" s="185">
        <v>0</v>
      </c>
      <c r="P24" s="188">
        <v>1</v>
      </c>
      <c r="Q24" s="184">
        <v>3</v>
      </c>
      <c r="R24" s="184">
        <v>1</v>
      </c>
      <c r="S24" s="184">
        <v>1</v>
      </c>
      <c r="T24" s="182">
        <v>1</v>
      </c>
      <c r="U24" s="185">
        <v>7</v>
      </c>
      <c r="V24" s="189">
        <v>7</v>
      </c>
      <c r="W24" s="188">
        <v>0</v>
      </c>
      <c r="X24" s="182">
        <v>0</v>
      </c>
      <c r="Y24" s="182">
        <v>0</v>
      </c>
      <c r="Z24" s="183">
        <v>0</v>
      </c>
      <c r="AA24" s="184">
        <v>0</v>
      </c>
      <c r="AB24" s="184">
        <v>0</v>
      </c>
      <c r="AC24" s="184">
        <v>0</v>
      </c>
      <c r="AD24" s="182">
        <v>0</v>
      </c>
      <c r="AE24" s="185">
        <v>0</v>
      </c>
      <c r="AF24" s="186">
        <v>0</v>
      </c>
      <c r="AG24" s="181">
        <v>0</v>
      </c>
      <c r="AH24" s="182">
        <v>0</v>
      </c>
      <c r="AI24" s="182">
        <v>0</v>
      </c>
      <c r="AJ24" s="183">
        <v>0</v>
      </c>
      <c r="AK24" s="184">
        <v>0</v>
      </c>
      <c r="AL24" s="184">
        <v>0</v>
      </c>
      <c r="AM24" s="184">
        <v>1</v>
      </c>
      <c r="AN24" s="182">
        <v>0</v>
      </c>
      <c r="AO24" s="185">
        <v>1</v>
      </c>
      <c r="AP24" s="187">
        <v>1</v>
      </c>
      <c r="AQ24" s="32"/>
    </row>
    <row r="25" spans="2:43" ht="21" customHeight="1" x14ac:dyDescent="0.2">
      <c r="B25" s="472" t="s">
        <v>23</v>
      </c>
      <c r="C25" s="181">
        <v>0</v>
      </c>
      <c r="D25" s="182">
        <v>0</v>
      </c>
      <c r="E25" s="182">
        <v>0</v>
      </c>
      <c r="F25" s="183">
        <v>0</v>
      </c>
      <c r="G25" s="184">
        <v>0</v>
      </c>
      <c r="H25" s="184">
        <v>5</v>
      </c>
      <c r="I25" s="184">
        <v>5</v>
      </c>
      <c r="J25" s="182">
        <v>0</v>
      </c>
      <c r="K25" s="185">
        <v>10</v>
      </c>
      <c r="L25" s="186">
        <v>10</v>
      </c>
      <c r="M25" s="181">
        <v>0</v>
      </c>
      <c r="N25" s="182">
        <v>0</v>
      </c>
      <c r="O25" s="185">
        <v>0</v>
      </c>
      <c r="P25" s="188">
        <v>0</v>
      </c>
      <c r="Q25" s="184">
        <v>2</v>
      </c>
      <c r="R25" s="184">
        <v>2</v>
      </c>
      <c r="S25" s="184">
        <v>2</v>
      </c>
      <c r="T25" s="182">
        <v>1</v>
      </c>
      <c r="U25" s="185">
        <v>7</v>
      </c>
      <c r="V25" s="189">
        <v>7</v>
      </c>
      <c r="W25" s="188">
        <v>0</v>
      </c>
      <c r="X25" s="182">
        <v>0</v>
      </c>
      <c r="Y25" s="182">
        <v>0</v>
      </c>
      <c r="Z25" s="183">
        <v>0</v>
      </c>
      <c r="AA25" s="184">
        <v>0</v>
      </c>
      <c r="AB25" s="184">
        <v>0</v>
      </c>
      <c r="AC25" s="184">
        <v>0</v>
      </c>
      <c r="AD25" s="182">
        <v>0</v>
      </c>
      <c r="AE25" s="185">
        <v>0</v>
      </c>
      <c r="AF25" s="186">
        <v>0</v>
      </c>
      <c r="AG25" s="181">
        <v>0</v>
      </c>
      <c r="AH25" s="182">
        <v>0</v>
      </c>
      <c r="AI25" s="182">
        <v>0</v>
      </c>
      <c r="AJ25" s="183">
        <v>0</v>
      </c>
      <c r="AK25" s="184">
        <v>0</v>
      </c>
      <c r="AL25" s="184">
        <v>0</v>
      </c>
      <c r="AM25" s="184">
        <v>0</v>
      </c>
      <c r="AN25" s="182">
        <v>0</v>
      </c>
      <c r="AO25" s="185">
        <v>0</v>
      </c>
      <c r="AP25" s="187">
        <v>0</v>
      </c>
      <c r="AQ25" s="32"/>
    </row>
    <row r="26" spans="2:43" ht="21" customHeight="1" x14ac:dyDescent="0.2">
      <c r="B26" s="472" t="s">
        <v>24</v>
      </c>
      <c r="C26" s="181">
        <v>0</v>
      </c>
      <c r="D26" s="182">
        <v>0</v>
      </c>
      <c r="E26" s="182">
        <v>0</v>
      </c>
      <c r="F26" s="183">
        <v>0</v>
      </c>
      <c r="G26" s="184">
        <v>0</v>
      </c>
      <c r="H26" s="184">
        <v>1</v>
      </c>
      <c r="I26" s="184">
        <v>4</v>
      </c>
      <c r="J26" s="182">
        <v>4</v>
      </c>
      <c r="K26" s="185">
        <v>9</v>
      </c>
      <c r="L26" s="186">
        <v>9</v>
      </c>
      <c r="M26" s="181">
        <v>0</v>
      </c>
      <c r="N26" s="182">
        <v>0</v>
      </c>
      <c r="O26" s="185">
        <v>0</v>
      </c>
      <c r="P26" s="188">
        <v>0</v>
      </c>
      <c r="Q26" s="184">
        <v>1</v>
      </c>
      <c r="R26" s="184">
        <v>2</v>
      </c>
      <c r="S26" s="184">
        <v>3</v>
      </c>
      <c r="T26" s="182">
        <v>0</v>
      </c>
      <c r="U26" s="185">
        <v>6</v>
      </c>
      <c r="V26" s="189">
        <v>6</v>
      </c>
      <c r="W26" s="188">
        <v>0</v>
      </c>
      <c r="X26" s="182">
        <v>0</v>
      </c>
      <c r="Y26" s="182">
        <v>0</v>
      </c>
      <c r="Z26" s="183">
        <v>0</v>
      </c>
      <c r="AA26" s="184">
        <v>0</v>
      </c>
      <c r="AB26" s="184">
        <v>0</v>
      </c>
      <c r="AC26" s="184">
        <v>0</v>
      </c>
      <c r="AD26" s="182">
        <v>0</v>
      </c>
      <c r="AE26" s="185">
        <v>0</v>
      </c>
      <c r="AF26" s="186">
        <v>0</v>
      </c>
      <c r="AG26" s="181">
        <v>0</v>
      </c>
      <c r="AH26" s="182">
        <v>0</v>
      </c>
      <c r="AI26" s="182">
        <v>0</v>
      </c>
      <c r="AJ26" s="183">
        <v>0</v>
      </c>
      <c r="AK26" s="184">
        <v>0</v>
      </c>
      <c r="AL26" s="184">
        <v>0</v>
      </c>
      <c r="AM26" s="184">
        <v>0</v>
      </c>
      <c r="AN26" s="182">
        <v>0</v>
      </c>
      <c r="AO26" s="185">
        <v>0</v>
      </c>
      <c r="AP26" s="187">
        <v>0</v>
      </c>
      <c r="AQ26" s="32"/>
    </row>
    <row r="27" spans="2:43" ht="21" customHeight="1" x14ac:dyDescent="0.2">
      <c r="B27" s="472" t="s">
        <v>25</v>
      </c>
      <c r="C27" s="181">
        <v>0</v>
      </c>
      <c r="D27" s="182">
        <v>0</v>
      </c>
      <c r="E27" s="182">
        <v>0</v>
      </c>
      <c r="F27" s="183">
        <v>0</v>
      </c>
      <c r="G27" s="184">
        <v>1</v>
      </c>
      <c r="H27" s="184">
        <v>3</v>
      </c>
      <c r="I27" s="184">
        <v>2</v>
      </c>
      <c r="J27" s="182">
        <v>1</v>
      </c>
      <c r="K27" s="185">
        <v>7</v>
      </c>
      <c r="L27" s="186">
        <v>7</v>
      </c>
      <c r="M27" s="181">
        <v>0</v>
      </c>
      <c r="N27" s="182">
        <v>0</v>
      </c>
      <c r="O27" s="185">
        <v>0</v>
      </c>
      <c r="P27" s="188">
        <v>1</v>
      </c>
      <c r="Q27" s="184">
        <v>1</v>
      </c>
      <c r="R27" s="184">
        <v>1</v>
      </c>
      <c r="S27" s="184">
        <v>1</v>
      </c>
      <c r="T27" s="182">
        <v>1</v>
      </c>
      <c r="U27" s="185">
        <v>5</v>
      </c>
      <c r="V27" s="189">
        <v>5</v>
      </c>
      <c r="W27" s="188">
        <v>0</v>
      </c>
      <c r="X27" s="182">
        <v>0</v>
      </c>
      <c r="Y27" s="182">
        <v>0</v>
      </c>
      <c r="Z27" s="183">
        <v>0</v>
      </c>
      <c r="AA27" s="184">
        <v>0</v>
      </c>
      <c r="AB27" s="184">
        <v>0</v>
      </c>
      <c r="AC27" s="184">
        <v>0</v>
      </c>
      <c r="AD27" s="182">
        <v>0</v>
      </c>
      <c r="AE27" s="185">
        <v>0</v>
      </c>
      <c r="AF27" s="186">
        <v>0</v>
      </c>
      <c r="AG27" s="181">
        <v>0</v>
      </c>
      <c r="AH27" s="182">
        <v>0</v>
      </c>
      <c r="AI27" s="182">
        <v>0</v>
      </c>
      <c r="AJ27" s="183">
        <v>0</v>
      </c>
      <c r="AK27" s="184">
        <v>0</v>
      </c>
      <c r="AL27" s="184">
        <v>0</v>
      </c>
      <c r="AM27" s="184">
        <v>0</v>
      </c>
      <c r="AN27" s="182">
        <v>0</v>
      </c>
      <c r="AO27" s="185">
        <v>0</v>
      </c>
      <c r="AP27" s="187">
        <v>0</v>
      </c>
      <c r="AQ27" s="32"/>
    </row>
    <row r="28" spans="2:43" ht="21" customHeight="1" x14ac:dyDescent="0.2">
      <c r="B28" s="472" t="s">
        <v>26</v>
      </c>
      <c r="C28" s="181">
        <v>0</v>
      </c>
      <c r="D28" s="182">
        <v>0</v>
      </c>
      <c r="E28" s="182">
        <v>0</v>
      </c>
      <c r="F28" s="183">
        <v>0</v>
      </c>
      <c r="G28" s="184">
        <v>0</v>
      </c>
      <c r="H28" s="184">
        <v>2</v>
      </c>
      <c r="I28" s="184">
        <v>4</v>
      </c>
      <c r="J28" s="182">
        <v>1</v>
      </c>
      <c r="K28" s="185">
        <v>7</v>
      </c>
      <c r="L28" s="186">
        <v>7</v>
      </c>
      <c r="M28" s="181">
        <v>0</v>
      </c>
      <c r="N28" s="182">
        <v>0</v>
      </c>
      <c r="O28" s="185">
        <v>0</v>
      </c>
      <c r="P28" s="188">
        <v>0</v>
      </c>
      <c r="Q28" s="184">
        <v>1</v>
      </c>
      <c r="R28" s="184">
        <v>2</v>
      </c>
      <c r="S28" s="184">
        <v>0</v>
      </c>
      <c r="T28" s="182">
        <v>0</v>
      </c>
      <c r="U28" s="185">
        <v>3</v>
      </c>
      <c r="V28" s="189">
        <v>3</v>
      </c>
      <c r="W28" s="188">
        <v>0</v>
      </c>
      <c r="X28" s="182">
        <v>0</v>
      </c>
      <c r="Y28" s="182">
        <v>0</v>
      </c>
      <c r="Z28" s="183">
        <v>0</v>
      </c>
      <c r="AA28" s="184">
        <v>0</v>
      </c>
      <c r="AB28" s="184">
        <v>0</v>
      </c>
      <c r="AC28" s="184">
        <v>0</v>
      </c>
      <c r="AD28" s="182">
        <v>0</v>
      </c>
      <c r="AE28" s="185">
        <v>0</v>
      </c>
      <c r="AF28" s="186">
        <v>0</v>
      </c>
      <c r="AG28" s="181">
        <v>0</v>
      </c>
      <c r="AH28" s="182">
        <v>0</v>
      </c>
      <c r="AI28" s="182">
        <v>0</v>
      </c>
      <c r="AJ28" s="183">
        <v>0</v>
      </c>
      <c r="AK28" s="184">
        <v>0</v>
      </c>
      <c r="AL28" s="184">
        <v>0</v>
      </c>
      <c r="AM28" s="184">
        <v>0</v>
      </c>
      <c r="AN28" s="182">
        <v>0</v>
      </c>
      <c r="AO28" s="185">
        <v>0</v>
      </c>
      <c r="AP28" s="187">
        <v>0</v>
      </c>
      <c r="AQ28" s="32"/>
    </row>
    <row r="29" spans="2:43" ht="21" customHeight="1" x14ac:dyDescent="0.2">
      <c r="B29" s="472" t="s">
        <v>27</v>
      </c>
      <c r="C29" s="181">
        <v>0</v>
      </c>
      <c r="D29" s="182">
        <v>0</v>
      </c>
      <c r="E29" s="182">
        <v>0</v>
      </c>
      <c r="F29" s="183">
        <v>0</v>
      </c>
      <c r="G29" s="184">
        <v>1</v>
      </c>
      <c r="H29" s="184">
        <v>1</v>
      </c>
      <c r="I29" s="184">
        <v>0</v>
      </c>
      <c r="J29" s="182">
        <v>1</v>
      </c>
      <c r="K29" s="185">
        <v>3</v>
      </c>
      <c r="L29" s="186">
        <v>3</v>
      </c>
      <c r="M29" s="181">
        <v>0</v>
      </c>
      <c r="N29" s="182">
        <v>0</v>
      </c>
      <c r="O29" s="185">
        <v>0</v>
      </c>
      <c r="P29" s="188">
        <v>0</v>
      </c>
      <c r="Q29" s="184">
        <v>2</v>
      </c>
      <c r="R29" s="184">
        <v>2</v>
      </c>
      <c r="S29" s="184">
        <v>3</v>
      </c>
      <c r="T29" s="182">
        <v>0</v>
      </c>
      <c r="U29" s="185">
        <v>7</v>
      </c>
      <c r="V29" s="189">
        <v>7</v>
      </c>
      <c r="W29" s="188">
        <v>0</v>
      </c>
      <c r="X29" s="182">
        <v>0</v>
      </c>
      <c r="Y29" s="182">
        <v>0</v>
      </c>
      <c r="Z29" s="183">
        <v>0</v>
      </c>
      <c r="AA29" s="184">
        <v>0</v>
      </c>
      <c r="AB29" s="184">
        <v>0</v>
      </c>
      <c r="AC29" s="184">
        <v>0</v>
      </c>
      <c r="AD29" s="182">
        <v>0</v>
      </c>
      <c r="AE29" s="185">
        <v>0</v>
      </c>
      <c r="AF29" s="186">
        <v>0</v>
      </c>
      <c r="AG29" s="181">
        <v>0</v>
      </c>
      <c r="AH29" s="182">
        <v>0</v>
      </c>
      <c r="AI29" s="182">
        <v>0</v>
      </c>
      <c r="AJ29" s="183">
        <v>0</v>
      </c>
      <c r="AK29" s="184">
        <v>0</v>
      </c>
      <c r="AL29" s="184">
        <v>0</v>
      </c>
      <c r="AM29" s="184">
        <v>0</v>
      </c>
      <c r="AN29" s="182">
        <v>0</v>
      </c>
      <c r="AO29" s="185">
        <v>0</v>
      </c>
      <c r="AP29" s="187">
        <v>0</v>
      </c>
      <c r="AQ29" s="32"/>
    </row>
    <row r="30" spans="2:43" ht="21" customHeight="1" x14ac:dyDescent="0.2">
      <c r="B30" s="472" t="s">
        <v>28</v>
      </c>
      <c r="C30" s="181">
        <v>0</v>
      </c>
      <c r="D30" s="182">
        <v>0</v>
      </c>
      <c r="E30" s="182">
        <v>0</v>
      </c>
      <c r="F30" s="183">
        <v>0</v>
      </c>
      <c r="G30" s="184">
        <v>0</v>
      </c>
      <c r="H30" s="184">
        <v>0</v>
      </c>
      <c r="I30" s="184">
        <v>1</v>
      </c>
      <c r="J30" s="182">
        <v>1</v>
      </c>
      <c r="K30" s="185">
        <v>2</v>
      </c>
      <c r="L30" s="186">
        <v>2</v>
      </c>
      <c r="M30" s="181">
        <v>0</v>
      </c>
      <c r="N30" s="182">
        <v>0</v>
      </c>
      <c r="O30" s="185">
        <v>0</v>
      </c>
      <c r="P30" s="188">
        <v>0</v>
      </c>
      <c r="Q30" s="184">
        <v>1</v>
      </c>
      <c r="R30" s="184">
        <v>0</v>
      </c>
      <c r="S30" s="184">
        <v>0</v>
      </c>
      <c r="T30" s="182">
        <v>1</v>
      </c>
      <c r="U30" s="185">
        <v>2</v>
      </c>
      <c r="V30" s="189">
        <v>2</v>
      </c>
      <c r="W30" s="188">
        <v>0</v>
      </c>
      <c r="X30" s="182">
        <v>0</v>
      </c>
      <c r="Y30" s="182">
        <v>0</v>
      </c>
      <c r="Z30" s="183">
        <v>0</v>
      </c>
      <c r="AA30" s="184">
        <v>0</v>
      </c>
      <c r="AB30" s="184">
        <v>0</v>
      </c>
      <c r="AC30" s="184">
        <v>0</v>
      </c>
      <c r="AD30" s="182">
        <v>0</v>
      </c>
      <c r="AE30" s="185">
        <v>0</v>
      </c>
      <c r="AF30" s="186">
        <v>0</v>
      </c>
      <c r="AG30" s="181">
        <v>0</v>
      </c>
      <c r="AH30" s="182">
        <v>0</v>
      </c>
      <c r="AI30" s="182">
        <v>0</v>
      </c>
      <c r="AJ30" s="183">
        <v>0</v>
      </c>
      <c r="AK30" s="184">
        <v>0</v>
      </c>
      <c r="AL30" s="184">
        <v>0</v>
      </c>
      <c r="AM30" s="184">
        <v>0</v>
      </c>
      <c r="AN30" s="182">
        <v>0</v>
      </c>
      <c r="AO30" s="185">
        <v>0</v>
      </c>
      <c r="AP30" s="187">
        <v>0</v>
      </c>
      <c r="AQ30" s="32"/>
    </row>
    <row r="31" spans="2:43" ht="21" customHeight="1" x14ac:dyDescent="0.2">
      <c r="B31" s="472" t="s">
        <v>29</v>
      </c>
      <c r="C31" s="181">
        <v>0</v>
      </c>
      <c r="D31" s="182">
        <v>0</v>
      </c>
      <c r="E31" s="182">
        <v>0</v>
      </c>
      <c r="F31" s="183">
        <v>0</v>
      </c>
      <c r="G31" s="184">
        <v>0</v>
      </c>
      <c r="H31" s="184">
        <v>0</v>
      </c>
      <c r="I31" s="184">
        <v>1</v>
      </c>
      <c r="J31" s="182">
        <v>0</v>
      </c>
      <c r="K31" s="185">
        <v>1</v>
      </c>
      <c r="L31" s="186">
        <v>1</v>
      </c>
      <c r="M31" s="181">
        <v>0</v>
      </c>
      <c r="N31" s="182">
        <v>0</v>
      </c>
      <c r="O31" s="185">
        <v>0</v>
      </c>
      <c r="P31" s="188">
        <v>0</v>
      </c>
      <c r="Q31" s="184">
        <v>0</v>
      </c>
      <c r="R31" s="184">
        <v>0</v>
      </c>
      <c r="S31" s="184">
        <v>1</v>
      </c>
      <c r="T31" s="182">
        <v>1</v>
      </c>
      <c r="U31" s="185">
        <v>2</v>
      </c>
      <c r="V31" s="189">
        <v>2</v>
      </c>
      <c r="W31" s="188">
        <v>0</v>
      </c>
      <c r="X31" s="182">
        <v>0</v>
      </c>
      <c r="Y31" s="182">
        <v>0</v>
      </c>
      <c r="Z31" s="183">
        <v>0</v>
      </c>
      <c r="AA31" s="184">
        <v>0</v>
      </c>
      <c r="AB31" s="184">
        <v>0</v>
      </c>
      <c r="AC31" s="184">
        <v>0</v>
      </c>
      <c r="AD31" s="182">
        <v>0</v>
      </c>
      <c r="AE31" s="185">
        <v>0</v>
      </c>
      <c r="AF31" s="186">
        <v>0</v>
      </c>
      <c r="AG31" s="181">
        <v>0</v>
      </c>
      <c r="AH31" s="182">
        <v>0</v>
      </c>
      <c r="AI31" s="182">
        <v>0</v>
      </c>
      <c r="AJ31" s="183">
        <v>0</v>
      </c>
      <c r="AK31" s="184">
        <v>0</v>
      </c>
      <c r="AL31" s="184">
        <v>0</v>
      </c>
      <c r="AM31" s="184">
        <v>0</v>
      </c>
      <c r="AN31" s="182">
        <v>0</v>
      </c>
      <c r="AO31" s="185">
        <v>0</v>
      </c>
      <c r="AP31" s="187">
        <v>0</v>
      </c>
      <c r="AQ31" s="32"/>
    </row>
    <row r="32" spans="2:43" ht="21" customHeight="1" x14ac:dyDescent="0.2">
      <c r="B32" s="472" t="s">
        <v>30</v>
      </c>
      <c r="C32" s="181">
        <v>0</v>
      </c>
      <c r="D32" s="182">
        <v>0</v>
      </c>
      <c r="E32" s="182">
        <v>0</v>
      </c>
      <c r="F32" s="183">
        <v>0</v>
      </c>
      <c r="G32" s="184">
        <v>0</v>
      </c>
      <c r="H32" s="184">
        <v>0</v>
      </c>
      <c r="I32" s="184">
        <v>1</v>
      </c>
      <c r="J32" s="182">
        <v>1</v>
      </c>
      <c r="K32" s="185">
        <v>2</v>
      </c>
      <c r="L32" s="186">
        <v>2</v>
      </c>
      <c r="M32" s="181">
        <v>0</v>
      </c>
      <c r="N32" s="182">
        <v>0</v>
      </c>
      <c r="O32" s="185">
        <v>0</v>
      </c>
      <c r="P32" s="188">
        <v>1</v>
      </c>
      <c r="Q32" s="184">
        <v>1</v>
      </c>
      <c r="R32" s="184">
        <v>2</v>
      </c>
      <c r="S32" s="184">
        <v>4</v>
      </c>
      <c r="T32" s="182">
        <v>0</v>
      </c>
      <c r="U32" s="185">
        <v>8</v>
      </c>
      <c r="V32" s="189">
        <v>8</v>
      </c>
      <c r="W32" s="188">
        <v>0</v>
      </c>
      <c r="X32" s="182">
        <v>0</v>
      </c>
      <c r="Y32" s="182">
        <v>0</v>
      </c>
      <c r="Z32" s="183">
        <v>0</v>
      </c>
      <c r="AA32" s="184">
        <v>0</v>
      </c>
      <c r="AB32" s="184">
        <v>0</v>
      </c>
      <c r="AC32" s="184">
        <v>0</v>
      </c>
      <c r="AD32" s="182">
        <v>0</v>
      </c>
      <c r="AE32" s="185">
        <v>0</v>
      </c>
      <c r="AF32" s="186">
        <v>0</v>
      </c>
      <c r="AG32" s="181">
        <v>0</v>
      </c>
      <c r="AH32" s="182">
        <v>0</v>
      </c>
      <c r="AI32" s="182">
        <v>0</v>
      </c>
      <c r="AJ32" s="183">
        <v>0</v>
      </c>
      <c r="AK32" s="184">
        <v>0</v>
      </c>
      <c r="AL32" s="184">
        <v>0</v>
      </c>
      <c r="AM32" s="184">
        <v>1</v>
      </c>
      <c r="AN32" s="182">
        <v>0</v>
      </c>
      <c r="AO32" s="185">
        <v>1</v>
      </c>
      <c r="AP32" s="187">
        <v>1</v>
      </c>
      <c r="AQ32" s="32"/>
    </row>
    <row r="33" spans="2:43" ht="21" customHeight="1" x14ac:dyDescent="0.2">
      <c r="B33" s="472" t="s">
        <v>31</v>
      </c>
      <c r="C33" s="181">
        <v>0</v>
      </c>
      <c r="D33" s="182">
        <v>0</v>
      </c>
      <c r="E33" s="182">
        <v>0</v>
      </c>
      <c r="F33" s="183">
        <v>0</v>
      </c>
      <c r="G33" s="184">
        <v>0</v>
      </c>
      <c r="H33" s="184">
        <v>2</v>
      </c>
      <c r="I33" s="184">
        <v>1</v>
      </c>
      <c r="J33" s="182">
        <v>0</v>
      </c>
      <c r="K33" s="185">
        <v>3</v>
      </c>
      <c r="L33" s="186">
        <v>3</v>
      </c>
      <c r="M33" s="181">
        <v>0</v>
      </c>
      <c r="N33" s="182">
        <v>0</v>
      </c>
      <c r="O33" s="185">
        <v>0</v>
      </c>
      <c r="P33" s="188">
        <v>0</v>
      </c>
      <c r="Q33" s="184">
        <v>0</v>
      </c>
      <c r="R33" s="184">
        <v>0</v>
      </c>
      <c r="S33" s="184">
        <v>0</v>
      </c>
      <c r="T33" s="182">
        <v>0</v>
      </c>
      <c r="U33" s="185">
        <v>0</v>
      </c>
      <c r="V33" s="189">
        <v>0</v>
      </c>
      <c r="W33" s="188">
        <v>0</v>
      </c>
      <c r="X33" s="182">
        <v>0</v>
      </c>
      <c r="Y33" s="182">
        <v>0</v>
      </c>
      <c r="Z33" s="183">
        <v>0</v>
      </c>
      <c r="AA33" s="184">
        <v>0</v>
      </c>
      <c r="AB33" s="184">
        <v>0</v>
      </c>
      <c r="AC33" s="184">
        <v>0</v>
      </c>
      <c r="AD33" s="182">
        <v>0</v>
      </c>
      <c r="AE33" s="185">
        <v>0</v>
      </c>
      <c r="AF33" s="186">
        <v>0</v>
      </c>
      <c r="AG33" s="181">
        <v>0</v>
      </c>
      <c r="AH33" s="182">
        <v>0</v>
      </c>
      <c r="AI33" s="182">
        <v>0</v>
      </c>
      <c r="AJ33" s="183">
        <v>0</v>
      </c>
      <c r="AK33" s="184">
        <v>0</v>
      </c>
      <c r="AL33" s="184">
        <v>0</v>
      </c>
      <c r="AM33" s="184">
        <v>0</v>
      </c>
      <c r="AN33" s="182">
        <v>0</v>
      </c>
      <c r="AO33" s="185">
        <v>0</v>
      </c>
      <c r="AP33" s="187">
        <v>0</v>
      </c>
      <c r="AQ33" s="32"/>
    </row>
    <row r="34" spans="2:43" ht="21" customHeight="1" x14ac:dyDescent="0.2">
      <c r="B34" s="472" t="s">
        <v>32</v>
      </c>
      <c r="C34" s="181">
        <v>0</v>
      </c>
      <c r="D34" s="182">
        <v>0</v>
      </c>
      <c r="E34" s="182">
        <v>0</v>
      </c>
      <c r="F34" s="183">
        <v>0</v>
      </c>
      <c r="G34" s="184">
        <v>0</v>
      </c>
      <c r="H34" s="184">
        <v>1</v>
      </c>
      <c r="I34" s="184">
        <v>3</v>
      </c>
      <c r="J34" s="182">
        <v>0</v>
      </c>
      <c r="K34" s="185">
        <v>4</v>
      </c>
      <c r="L34" s="186">
        <v>4</v>
      </c>
      <c r="M34" s="181">
        <v>0</v>
      </c>
      <c r="N34" s="182">
        <v>0</v>
      </c>
      <c r="O34" s="185">
        <v>0</v>
      </c>
      <c r="P34" s="188">
        <v>1</v>
      </c>
      <c r="Q34" s="184">
        <v>0</v>
      </c>
      <c r="R34" s="184">
        <v>0</v>
      </c>
      <c r="S34" s="184">
        <v>1</v>
      </c>
      <c r="T34" s="182">
        <v>1</v>
      </c>
      <c r="U34" s="185">
        <v>3</v>
      </c>
      <c r="V34" s="189">
        <v>3</v>
      </c>
      <c r="W34" s="188">
        <v>0</v>
      </c>
      <c r="X34" s="182">
        <v>0</v>
      </c>
      <c r="Y34" s="182">
        <v>0</v>
      </c>
      <c r="Z34" s="183">
        <v>0</v>
      </c>
      <c r="AA34" s="184">
        <v>0</v>
      </c>
      <c r="AB34" s="184">
        <v>0</v>
      </c>
      <c r="AC34" s="184">
        <v>0</v>
      </c>
      <c r="AD34" s="182">
        <v>0</v>
      </c>
      <c r="AE34" s="185">
        <v>0</v>
      </c>
      <c r="AF34" s="186">
        <v>0</v>
      </c>
      <c r="AG34" s="181">
        <v>0</v>
      </c>
      <c r="AH34" s="182">
        <v>0</v>
      </c>
      <c r="AI34" s="182">
        <v>0</v>
      </c>
      <c r="AJ34" s="183">
        <v>0</v>
      </c>
      <c r="AK34" s="184">
        <v>0</v>
      </c>
      <c r="AL34" s="184">
        <v>0</v>
      </c>
      <c r="AM34" s="184">
        <v>0</v>
      </c>
      <c r="AN34" s="182">
        <v>0</v>
      </c>
      <c r="AO34" s="185">
        <v>0</v>
      </c>
      <c r="AP34" s="187">
        <v>0</v>
      </c>
      <c r="AQ34" s="32"/>
    </row>
    <row r="35" spans="2:43" ht="21" customHeight="1" x14ac:dyDescent="0.2">
      <c r="B35" s="472" t="s">
        <v>33</v>
      </c>
      <c r="C35" s="181">
        <v>0</v>
      </c>
      <c r="D35" s="182">
        <v>0</v>
      </c>
      <c r="E35" s="182">
        <v>0</v>
      </c>
      <c r="F35" s="183">
        <v>0</v>
      </c>
      <c r="G35" s="184">
        <v>0</v>
      </c>
      <c r="H35" s="184">
        <v>0</v>
      </c>
      <c r="I35" s="184">
        <v>0</v>
      </c>
      <c r="J35" s="182">
        <v>0</v>
      </c>
      <c r="K35" s="185">
        <v>0</v>
      </c>
      <c r="L35" s="186">
        <v>0</v>
      </c>
      <c r="M35" s="181">
        <v>0</v>
      </c>
      <c r="N35" s="182">
        <v>0</v>
      </c>
      <c r="O35" s="185">
        <v>0</v>
      </c>
      <c r="P35" s="188">
        <v>0</v>
      </c>
      <c r="Q35" s="184">
        <v>0</v>
      </c>
      <c r="R35" s="184">
        <v>0</v>
      </c>
      <c r="S35" s="184">
        <v>0</v>
      </c>
      <c r="T35" s="182">
        <v>0</v>
      </c>
      <c r="U35" s="185">
        <v>0</v>
      </c>
      <c r="V35" s="189">
        <v>0</v>
      </c>
      <c r="W35" s="188">
        <v>0</v>
      </c>
      <c r="X35" s="182">
        <v>0</v>
      </c>
      <c r="Y35" s="182">
        <v>0</v>
      </c>
      <c r="Z35" s="183">
        <v>0</v>
      </c>
      <c r="AA35" s="184">
        <v>0</v>
      </c>
      <c r="AB35" s="184">
        <v>0</v>
      </c>
      <c r="AC35" s="184">
        <v>0</v>
      </c>
      <c r="AD35" s="182">
        <v>0</v>
      </c>
      <c r="AE35" s="185">
        <v>0</v>
      </c>
      <c r="AF35" s="186">
        <v>0</v>
      </c>
      <c r="AG35" s="181">
        <v>0</v>
      </c>
      <c r="AH35" s="182">
        <v>0</v>
      </c>
      <c r="AI35" s="182">
        <v>0</v>
      </c>
      <c r="AJ35" s="183">
        <v>0</v>
      </c>
      <c r="AK35" s="184">
        <v>1</v>
      </c>
      <c r="AL35" s="184">
        <v>0</v>
      </c>
      <c r="AM35" s="184">
        <v>0</v>
      </c>
      <c r="AN35" s="182">
        <v>0</v>
      </c>
      <c r="AO35" s="185">
        <v>1</v>
      </c>
      <c r="AP35" s="187">
        <v>1</v>
      </c>
      <c r="AQ35" s="32"/>
    </row>
    <row r="36" spans="2:43" ht="21" customHeight="1" x14ac:dyDescent="0.2">
      <c r="B36" s="472" t="s">
        <v>34</v>
      </c>
      <c r="C36" s="181">
        <v>0</v>
      </c>
      <c r="D36" s="182">
        <v>0</v>
      </c>
      <c r="E36" s="182">
        <v>0</v>
      </c>
      <c r="F36" s="183">
        <v>0</v>
      </c>
      <c r="G36" s="184">
        <v>0</v>
      </c>
      <c r="H36" s="184">
        <v>1</v>
      </c>
      <c r="I36" s="184">
        <v>0</v>
      </c>
      <c r="J36" s="182">
        <v>0</v>
      </c>
      <c r="K36" s="185">
        <v>1</v>
      </c>
      <c r="L36" s="186">
        <v>1</v>
      </c>
      <c r="M36" s="181">
        <v>0</v>
      </c>
      <c r="N36" s="182">
        <v>0</v>
      </c>
      <c r="O36" s="185">
        <v>0</v>
      </c>
      <c r="P36" s="188">
        <v>0</v>
      </c>
      <c r="Q36" s="184">
        <v>0</v>
      </c>
      <c r="R36" s="184">
        <v>1</v>
      </c>
      <c r="S36" s="184">
        <v>0</v>
      </c>
      <c r="T36" s="182">
        <v>0</v>
      </c>
      <c r="U36" s="185">
        <v>1</v>
      </c>
      <c r="V36" s="189">
        <v>1</v>
      </c>
      <c r="W36" s="188">
        <v>0</v>
      </c>
      <c r="X36" s="182">
        <v>0</v>
      </c>
      <c r="Y36" s="182">
        <v>0</v>
      </c>
      <c r="Z36" s="183">
        <v>0</v>
      </c>
      <c r="AA36" s="184">
        <v>0</v>
      </c>
      <c r="AB36" s="184">
        <v>0</v>
      </c>
      <c r="AC36" s="184">
        <v>0</v>
      </c>
      <c r="AD36" s="182">
        <v>0</v>
      </c>
      <c r="AE36" s="185">
        <v>0</v>
      </c>
      <c r="AF36" s="186">
        <v>0</v>
      </c>
      <c r="AG36" s="181">
        <v>0</v>
      </c>
      <c r="AH36" s="182">
        <v>0</v>
      </c>
      <c r="AI36" s="182">
        <v>0</v>
      </c>
      <c r="AJ36" s="183">
        <v>0</v>
      </c>
      <c r="AK36" s="184">
        <v>0</v>
      </c>
      <c r="AL36" s="184">
        <v>0</v>
      </c>
      <c r="AM36" s="184">
        <v>0</v>
      </c>
      <c r="AN36" s="182">
        <v>0</v>
      </c>
      <c r="AO36" s="185">
        <v>0</v>
      </c>
      <c r="AP36" s="187">
        <v>0</v>
      </c>
      <c r="AQ36" s="32"/>
    </row>
    <row r="37" spans="2:43" ht="21" customHeight="1" x14ac:dyDescent="0.2">
      <c r="B37" s="472" t="s">
        <v>35</v>
      </c>
      <c r="C37" s="181">
        <v>0</v>
      </c>
      <c r="D37" s="182">
        <v>0</v>
      </c>
      <c r="E37" s="182">
        <v>0</v>
      </c>
      <c r="F37" s="183">
        <v>0</v>
      </c>
      <c r="G37" s="184">
        <v>0</v>
      </c>
      <c r="H37" s="184">
        <v>0</v>
      </c>
      <c r="I37" s="184">
        <v>1</v>
      </c>
      <c r="J37" s="182">
        <v>3</v>
      </c>
      <c r="K37" s="185">
        <v>4</v>
      </c>
      <c r="L37" s="186">
        <v>4</v>
      </c>
      <c r="M37" s="181">
        <v>0</v>
      </c>
      <c r="N37" s="182">
        <v>0</v>
      </c>
      <c r="O37" s="185">
        <v>0</v>
      </c>
      <c r="P37" s="188">
        <v>1</v>
      </c>
      <c r="Q37" s="184">
        <v>0</v>
      </c>
      <c r="R37" s="184">
        <v>2</v>
      </c>
      <c r="S37" s="184">
        <v>0</v>
      </c>
      <c r="T37" s="182">
        <v>0</v>
      </c>
      <c r="U37" s="185">
        <v>3</v>
      </c>
      <c r="V37" s="189">
        <v>3</v>
      </c>
      <c r="W37" s="188">
        <v>0</v>
      </c>
      <c r="X37" s="182">
        <v>0</v>
      </c>
      <c r="Y37" s="182">
        <v>0</v>
      </c>
      <c r="Z37" s="183">
        <v>0</v>
      </c>
      <c r="AA37" s="184">
        <v>0</v>
      </c>
      <c r="AB37" s="184">
        <v>0</v>
      </c>
      <c r="AC37" s="184">
        <v>0</v>
      </c>
      <c r="AD37" s="182">
        <v>0</v>
      </c>
      <c r="AE37" s="185">
        <v>0</v>
      </c>
      <c r="AF37" s="186">
        <v>0</v>
      </c>
      <c r="AG37" s="181">
        <v>0</v>
      </c>
      <c r="AH37" s="182">
        <v>0</v>
      </c>
      <c r="AI37" s="182">
        <v>0</v>
      </c>
      <c r="AJ37" s="183">
        <v>0</v>
      </c>
      <c r="AK37" s="184">
        <v>0</v>
      </c>
      <c r="AL37" s="184">
        <v>0</v>
      </c>
      <c r="AM37" s="184">
        <v>0</v>
      </c>
      <c r="AN37" s="182">
        <v>0</v>
      </c>
      <c r="AO37" s="185">
        <v>0</v>
      </c>
      <c r="AP37" s="187">
        <v>0</v>
      </c>
      <c r="AQ37" s="32"/>
    </row>
    <row r="38" spans="2:43" ht="21" customHeight="1" x14ac:dyDescent="0.2">
      <c r="B38" s="472" t="s">
        <v>36</v>
      </c>
      <c r="C38" s="181">
        <v>0</v>
      </c>
      <c r="D38" s="182">
        <v>0</v>
      </c>
      <c r="E38" s="182">
        <v>0</v>
      </c>
      <c r="F38" s="183">
        <v>0</v>
      </c>
      <c r="G38" s="184">
        <v>0</v>
      </c>
      <c r="H38" s="184">
        <v>0</v>
      </c>
      <c r="I38" s="184">
        <v>2</v>
      </c>
      <c r="J38" s="182">
        <v>3</v>
      </c>
      <c r="K38" s="185">
        <v>5</v>
      </c>
      <c r="L38" s="186">
        <v>5</v>
      </c>
      <c r="M38" s="181">
        <v>0</v>
      </c>
      <c r="N38" s="182">
        <v>0</v>
      </c>
      <c r="O38" s="185">
        <v>0</v>
      </c>
      <c r="P38" s="188">
        <v>0</v>
      </c>
      <c r="Q38" s="184">
        <v>0</v>
      </c>
      <c r="R38" s="184">
        <v>0</v>
      </c>
      <c r="S38" s="184">
        <v>2</v>
      </c>
      <c r="T38" s="182">
        <v>0</v>
      </c>
      <c r="U38" s="185">
        <v>2</v>
      </c>
      <c r="V38" s="189">
        <v>2</v>
      </c>
      <c r="W38" s="188">
        <v>0</v>
      </c>
      <c r="X38" s="182">
        <v>0</v>
      </c>
      <c r="Y38" s="182">
        <v>0</v>
      </c>
      <c r="Z38" s="183">
        <v>0</v>
      </c>
      <c r="AA38" s="184">
        <v>0</v>
      </c>
      <c r="AB38" s="184">
        <v>0</v>
      </c>
      <c r="AC38" s="184">
        <v>0</v>
      </c>
      <c r="AD38" s="182">
        <v>0</v>
      </c>
      <c r="AE38" s="185">
        <v>0</v>
      </c>
      <c r="AF38" s="186">
        <v>0</v>
      </c>
      <c r="AG38" s="181">
        <v>0</v>
      </c>
      <c r="AH38" s="182">
        <v>0</v>
      </c>
      <c r="AI38" s="182">
        <v>0</v>
      </c>
      <c r="AJ38" s="183">
        <v>0</v>
      </c>
      <c r="AK38" s="184">
        <v>0</v>
      </c>
      <c r="AL38" s="184">
        <v>0</v>
      </c>
      <c r="AM38" s="184">
        <v>0</v>
      </c>
      <c r="AN38" s="182">
        <v>0</v>
      </c>
      <c r="AO38" s="185">
        <v>0</v>
      </c>
      <c r="AP38" s="187">
        <v>0</v>
      </c>
      <c r="AQ38" s="32"/>
    </row>
    <row r="39" spans="2:43" ht="21" customHeight="1" thickBot="1" x14ac:dyDescent="0.25">
      <c r="B39" s="473" t="s">
        <v>37</v>
      </c>
      <c r="C39" s="190">
        <v>0</v>
      </c>
      <c r="D39" s="191">
        <v>0</v>
      </c>
      <c r="E39" s="191">
        <v>0</v>
      </c>
      <c r="F39" s="192">
        <v>0</v>
      </c>
      <c r="G39" s="193">
        <v>0</v>
      </c>
      <c r="H39" s="193">
        <v>1</v>
      </c>
      <c r="I39" s="193">
        <v>0</v>
      </c>
      <c r="J39" s="191">
        <v>0</v>
      </c>
      <c r="K39" s="194">
        <v>1</v>
      </c>
      <c r="L39" s="195">
        <v>1</v>
      </c>
      <c r="M39" s="190">
        <v>0</v>
      </c>
      <c r="N39" s="191">
        <v>0</v>
      </c>
      <c r="O39" s="194">
        <v>0</v>
      </c>
      <c r="P39" s="197">
        <v>0</v>
      </c>
      <c r="Q39" s="193">
        <v>0</v>
      </c>
      <c r="R39" s="193">
        <v>0</v>
      </c>
      <c r="S39" s="193">
        <v>0</v>
      </c>
      <c r="T39" s="191">
        <v>0</v>
      </c>
      <c r="U39" s="194">
        <v>0</v>
      </c>
      <c r="V39" s="198">
        <v>0</v>
      </c>
      <c r="W39" s="197">
        <v>0</v>
      </c>
      <c r="X39" s="191">
        <v>0</v>
      </c>
      <c r="Y39" s="191">
        <v>0</v>
      </c>
      <c r="Z39" s="192">
        <v>0</v>
      </c>
      <c r="AA39" s="193">
        <v>0</v>
      </c>
      <c r="AB39" s="193">
        <v>0</v>
      </c>
      <c r="AC39" s="193">
        <v>0</v>
      </c>
      <c r="AD39" s="191">
        <v>0</v>
      </c>
      <c r="AE39" s="194">
        <v>0</v>
      </c>
      <c r="AF39" s="195">
        <v>0</v>
      </c>
      <c r="AG39" s="190">
        <v>0</v>
      </c>
      <c r="AH39" s="191">
        <v>0</v>
      </c>
      <c r="AI39" s="191">
        <v>0</v>
      </c>
      <c r="AJ39" s="192">
        <v>0</v>
      </c>
      <c r="AK39" s="193">
        <v>0</v>
      </c>
      <c r="AL39" s="193">
        <v>0</v>
      </c>
      <c r="AM39" s="193">
        <v>0</v>
      </c>
      <c r="AN39" s="191">
        <v>0</v>
      </c>
      <c r="AO39" s="194">
        <v>0</v>
      </c>
      <c r="AP39" s="196">
        <v>0</v>
      </c>
      <c r="AQ39" s="32"/>
    </row>
    <row r="40" spans="2:43" x14ac:dyDescent="0.2">
      <c r="C40" s="33"/>
      <c r="D40" s="33"/>
      <c r="E40" s="33"/>
      <c r="F40" s="33"/>
      <c r="G40" s="33"/>
      <c r="H40" s="33"/>
      <c r="I40" s="33"/>
      <c r="J40" s="33"/>
      <c r="K40" s="33"/>
      <c r="L40" s="33"/>
      <c r="M40" s="32"/>
      <c r="N40" s="32"/>
      <c r="O40" s="32"/>
      <c r="P40" s="32"/>
      <c r="Q40" s="32"/>
      <c r="R40" s="32"/>
      <c r="S40" s="32"/>
      <c r="T40" s="32"/>
      <c r="U40" s="32"/>
      <c r="V40" s="32"/>
      <c r="W40" s="32"/>
      <c r="X40" s="32"/>
      <c r="Y40" s="32"/>
      <c r="Z40" s="32"/>
      <c r="AA40" s="32"/>
      <c r="AB40" s="32"/>
      <c r="AC40" s="32"/>
      <c r="AD40" s="32"/>
      <c r="AE40" s="32"/>
      <c r="AF40" s="32"/>
      <c r="AG40" s="32"/>
      <c r="AH40" s="32"/>
      <c r="AI40" s="32"/>
      <c r="AJ40" s="32"/>
      <c r="AK40" s="32"/>
      <c r="AL40" s="32"/>
      <c r="AM40" s="32"/>
      <c r="AN40" s="32"/>
      <c r="AO40" s="32"/>
      <c r="AP40" s="32"/>
      <c r="AQ40" s="32"/>
    </row>
    <row r="41" spans="2:43" x14ac:dyDescent="0.2">
      <c r="C41" s="33"/>
      <c r="D41" s="33"/>
      <c r="E41" s="33"/>
      <c r="F41" s="33"/>
      <c r="G41" s="33"/>
      <c r="H41" s="33"/>
      <c r="I41" s="33"/>
      <c r="J41" s="33"/>
      <c r="K41" s="33"/>
      <c r="L41" s="33"/>
      <c r="M41" s="32"/>
      <c r="N41" s="32"/>
      <c r="O41" s="32"/>
      <c r="P41" s="32"/>
      <c r="Q41" s="32"/>
      <c r="R41" s="32"/>
      <c r="S41" s="32"/>
      <c r="T41" s="32"/>
      <c r="U41" s="32"/>
      <c r="V41" s="32"/>
      <c r="W41" s="32"/>
      <c r="X41" s="32"/>
      <c r="Y41" s="32"/>
      <c r="Z41" s="32"/>
      <c r="AA41" s="32"/>
      <c r="AB41" s="32"/>
      <c r="AC41" s="32"/>
      <c r="AD41" s="32"/>
      <c r="AE41" s="32"/>
      <c r="AF41" s="32"/>
      <c r="AG41" s="32"/>
      <c r="AH41" s="32"/>
      <c r="AI41" s="32"/>
      <c r="AJ41" s="32"/>
      <c r="AK41" s="32"/>
      <c r="AL41" s="32"/>
      <c r="AM41" s="32"/>
      <c r="AN41" s="32"/>
      <c r="AO41" s="32"/>
      <c r="AP41" s="32"/>
      <c r="AQ41" s="32"/>
    </row>
    <row r="42" spans="2:43" x14ac:dyDescent="0.2">
      <c r="C42" s="33"/>
      <c r="D42" s="33"/>
      <c r="E42" s="33"/>
      <c r="F42" s="33"/>
      <c r="G42" s="33"/>
      <c r="H42" s="33"/>
      <c r="I42" s="33"/>
      <c r="J42" s="33"/>
      <c r="K42" s="33"/>
      <c r="L42" s="33"/>
      <c r="M42" s="32"/>
      <c r="N42" s="32"/>
      <c r="O42" s="32"/>
      <c r="P42" s="32"/>
      <c r="Q42" s="32"/>
      <c r="R42" s="32"/>
      <c r="S42" s="32"/>
      <c r="T42" s="32"/>
      <c r="U42" s="32"/>
      <c r="V42" s="32"/>
      <c r="W42" s="32"/>
      <c r="X42" s="32"/>
      <c r="Y42" s="32"/>
      <c r="Z42" s="32"/>
      <c r="AA42" s="32"/>
      <c r="AB42" s="32"/>
      <c r="AC42" s="32"/>
      <c r="AD42" s="32"/>
      <c r="AE42" s="32"/>
      <c r="AF42" s="32"/>
      <c r="AG42" s="32"/>
      <c r="AH42" s="32"/>
      <c r="AI42" s="32"/>
      <c r="AJ42" s="32"/>
      <c r="AK42" s="32"/>
      <c r="AL42" s="32"/>
      <c r="AM42" s="32"/>
      <c r="AN42" s="32"/>
      <c r="AO42" s="32"/>
      <c r="AP42" s="32"/>
      <c r="AQ42" s="32"/>
    </row>
    <row r="43" spans="2:43" x14ac:dyDescent="0.2">
      <c r="C43" s="33"/>
      <c r="D43" s="33"/>
      <c r="E43" s="33"/>
      <c r="F43" s="33"/>
      <c r="G43" s="33"/>
      <c r="H43" s="33"/>
      <c r="I43" s="33"/>
      <c r="J43" s="33"/>
      <c r="K43" s="33"/>
      <c r="L43" s="33"/>
      <c r="M43" s="32"/>
      <c r="N43" s="32"/>
      <c r="O43" s="32"/>
      <c r="P43" s="32"/>
      <c r="Q43" s="32"/>
      <c r="R43" s="32"/>
      <c r="S43" s="32"/>
      <c r="T43" s="32"/>
      <c r="U43" s="32"/>
      <c r="V43" s="32"/>
      <c r="W43" s="32"/>
      <c r="X43" s="32"/>
      <c r="Y43" s="32"/>
      <c r="Z43" s="32"/>
      <c r="AA43" s="32"/>
      <c r="AB43" s="32"/>
      <c r="AC43" s="32"/>
      <c r="AD43" s="32"/>
      <c r="AE43" s="32"/>
      <c r="AF43" s="32"/>
      <c r="AG43" s="32"/>
      <c r="AH43" s="32"/>
      <c r="AI43" s="32"/>
      <c r="AJ43" s="32"/>
      <c r="AK43" s="32"/>
      <c r="AL43" s="32"/>
      <c r="AM43" s="32"/>
      <c r="AN43" s="32"/>
      <c r="AO43" s="32"/>
      <c r="AP43" s="32"/>
      <c r="AQ43" s="32"/>
    </row>
    <row r="44" spans="2:43" x14ac:dyDescent="0.2">
      <c r="C44" s="33"/>
      <c r="D44" s="33"/>
      <c r="E44" s="33"/>
      <c r="F44" s="33"/>
      <c r="G44" s="33"/>
      <c r="H44" s="33"/>
      <c r="I44" s="33"/>
      <c r="J44" s="33"/>
      <c r="K44" s="33"/>
      <c r="L44" s="33"/>
      <c r="M44" s="32"/>
      <c r="N44" s="32"/>
      <c r="O44" s="32"/>
      <c r="P44" s="32"/>
      <c r="Q44" s="32"/>
      <c r="R44" s="32"/>
      <c r="S44" s="32"/>
      <c r="T44" s="32"/>
      <c r="U44" s="32"/>
      <c r="V44" s="32"/>
      <c r="W44" s="32"/>
      <c r="X44" s="32"/>
      <c r="Y44" s="32"/>
      <c r="Z44" s="32"/>
      <c r="AA44" s="32"/>
      <c r="AB44" s="32"/>
      <c r="AC44" s="32"/>
      <c r="AD44" s="32"/>
      <c r="AE44" s="32"/>
      <c r="AF44" s="32"/>
      <c r="AG44" s="32"/>
      <c r="AH44" s="32"/>
      <c r="AI44" s="32"/>
      <c r="AJ44" s="32"/>
      <c r="AK44" s="32"/>
      <c r="AL44" s="32"/>
      <c r="AM44" s="32"/>
      <c r="AN44" s="32"/>
      <c r="AO44" s="32"/>
      <c r="AP44" s="32"/>
      <c r="AQ44" s="32"/>
    </row>
    <row r="45" spans="2:43" x14ac:dyDescent="0.2">
      <c r="C45" s="3"/>
      <c r="D45" s="3"/>
      <c r="E45" s="3"/>
      <c r="F45" s="3"/>
      <c r="G45" s="3"/>
      <c r="H45" s="3"/>
      <c r="I45" s="3"/>
      <c r="J45" s="3"/>
      <c r="K45" s="3"/>
      <c r="L45" s="3"/>
    </row>
    <row r="46" spans="2:43" x14ac:dyDescent="0.2">
      <c r="C46" s="3"/>
      <c r="D46" s="3"/>
      <c r="E46" s="3"/>
      <c r="F46" s="3"/>
      <c r="G46" s="3"/>
      <c r="H46" s="3"/>
      <c r="I46" s="3"/>
      <c r="J46" s="3"/>
      <c r="K46" s="3"/>
      <c r="L46" s="3"/>
    </row>
    <row r="47" spans="2:43" x14ac:dyDescent="0.2">
      <c r="C47" s="3"/>
      <c r="D47" s="3"/>
      <c r="E47" s="3"/>
      <c r="F47" s="3"/>
      <c r="G47" s="3"/>
      <c r="H47" s="3"/>
      <c r="I47" s="3"/>
      <c r="J47" s="3"/>
      <c r="K47" s="3"/>
      <c r="L47" s="3"/>
    </row>
    <row r="48" spans="2:43" x14ac:dyDescent="0.2">
      <c r="C48" s="3"/>
      <c r="D48" s="3"/>
      <c r="E48" s="3"/>
      <c r="F48" s="3"/>
      <c r="G48" s="3"/>
      <c r="H48" s="3"/>
      <c r="I48" s="3"/>
      <c r="J48" s="3"/>
      <c r="K48" s="3"/>
      <c r="L48" s="3"/>
    </row>
    <row r="49" spans="3:12" x14ac:dyDescent="0.2">
      <c r="C49" s="3"/>
      <c r="D49" s="3"/>
      <c r="E49" s="3"/>
      <c r="F49" s="3"/>
      <c r="G49" s="3"/>
      <c r="H49" s="3"/>
      <c r="I49" s="3"/>
      <c r="J49" s="3"/>
      <c r="K49" s="3"/>
      <c r="L49" s="3"/>
    </row>
    <row r="50" spans="3:12" x14ac:dyDescent="0.2">
      <c r="C50" s="3"/>
      <c r="D50" s="3"/>
      <c r="E50" s="3"/>
      <c r="F50" s="3"/>
      <c r="G50" s="3"/>
      <c r="H50" s="3"/>
      <c r="I50" s="3"/>
      <c r="J50" s="3"/>
      <c r="K50" s="3"/>
      <c r="L50" s="3"/>
    </row>
    <row r="51" spans="3:12" x14ac:dyDescent="0.2">
      <c r="C51" s="3"/>
      <c r="D51" s="3"/>
      <c r="E51" s="3"/>
      <c r="F51" s="3"/>
      <c r="G51" s="3"/>
      <c r="H51" s="3"/>
      <c r="I51" s="3"/>
      <c r="J51" s="3"/>
      <c r="K51" s="3"/>
      <c r="L51" s="3"/>
    </row>
    <row r="52" spans="3:12" x14ac:dyDescent="0.2">
      <c r="C52" s="3"/>
      <c r="D52" s="3"/>
      <c r="E52" s="3"/>
      <c r="F52" s="3"/>
      <c r="G52" s="3"/>
      <c r="H52" s="3"/>
      <c r="I52" s="3"/>
      <c r="J52" s="3"/>
      <c r="K52" s="3"/>
      <c r="L52" s="3"/>
    </row>
    <row r="53" spans="3:12" x14ac:dyDescent="0.2">
      <c r="C53" s="3"/>
      <c r="D53" s="3"/>
      <c r="E53" s="3"/>
      <c r="F53" s="3"/>
      <c r="G53" s="3"/>
      <c r="H53" s="3"/>
      <c r="I53" s="3"/>
      <c r="J53" s="3"/>
      <c r="K53" s="3"/>
      <c r="L53" s="3"/>
    </row>
    <row r="54" spans="3:12" x14ac:dyDescent="0.2">
      <c r="C54" s="3"/>
      <c r="D54" s="3"/>
      <c r="E54" s="3"/>
      <c r="F54" s="3"/>
      <c r="G54" s="3"/>
      <c r="H54" s="3"/>
      <c r="I54" s="3"/>
      <c r="J54" s="3"/>
      <c r="K54" s="3"/>
      <c r="L54" s="3"/>
    </row>
    <row r="55" spans="3:12" x14ac:dyDescent="0.2">
      <c r="C55" s="3"/>
      <c r="D55" s="3"/>
      <c r="E55" s="3"/>
      <c r="F55" s="3"/>
      <c r="G55" s="3"/>
      <c r="H55" s="3"/>
      <c r="I55" s="3"/>
      <c r="J55" s="3"/>
      <c r="K55" s="3"/>
      <c r="L55" s="3"/>
    </row>
    <row r="56" spans="3:12" x14ac:dyDescent="0.2">
      <c r="C56" s="3"/>
      <c r="D56" s="3"/>
      <c r="E56" s="3"/>
      <c r="F56" s="3"/>
      <c r="G56" s="3"/>
      <c r="H56" s="3"/>
      <c r="I56" s="3"/>
      <c r="J56" s="3"/>
      <c r="K56" s="3"/>
      <c r="L56" s="3"/>
    </row>
    <row r="57" spans="3:12" x14ac:dyDescent="0.2">
      <c r="C57" s="3"/>
      <c r="D57" s="3"/>
      <c r="E57" s="3"/>
      <c r="F57" s="3"/>
      <c r="G57" s="3"/>
      <c r="H57" s="3"/>
      <c r="I57" s="3"/>
      <c r="J57" s="3"/>
      <c r="K57" s="3"/>
      <c r="L57" s="3"/>
    </row>
    <row r="58" spans="3:12" x14ac:dyDescent="0.2">
      <c r="C58" s="3"/>
      <c r="D58" s="3"/>
      <c r="E58" s="3"/>
      <c r="F58" s="3"/>
      <c r="G58" s="3"/>
      <c r="H58" s="3"/>
      <c r="I58" s="3"/>
      <c r="J58" s="3"/>
      <c r="K58" s="3"/>
      <c r="L58" s="3"/>
    </row>
    <row r="59" spans="3:12" x14ac:dyDescent="0.2">
      <c r="C59" s="3"/>
      <c r="D59" s="3"/>
      <c r="E59" s="3"/>
      <c r="F59" s="3"/>
      <c r="G59" s="3"/>
      <c r="H59" s="3"/>
      <c r="I59" s="3"/>
      <c r="J59" s="3"/>
      <c r="K59" s="3"/>
      <c r="L59" s="3"/>
    </row>
    <row r="60" spans="3:12" x14ac:dyDescent="0.2">
      <c r="C60" s="3"/>
      <c r="D60" s="3"/>
      <c r="E60" s="3"/>
      <c r="F60" s="3"/>
      <c r="G60" s="3"/>
      <c r="H60" s="3"/>
      <c r="I60" s="3"/>
      <c r="J60" s="3"/>
      <c r="K60" s="3"/>
      <c r="L60" s="3"/>
    </row>
    <row r="61" spans="3:12" x14ac:dyDescent="0.2">
      <c r="C61" s="3"/>
      <c r="D61" s="3"/>
      <c r="E61" s="3"/>
      <c r="F61" s="3"/>
      <c r="G61" s="3"/>
      <c r="H61" s="3"/>
      <c r="I61" s="3"/>
      <c r="J61" s="3"/>
      <c r="K61" s="3"/>
      <c r="L61" s="3"/>
    </row>
    <row r="62" spans="3:12" x14ac:dyDescent="0.2">
      <c r="C62" s="3"/>
      <c r="D62" s="3"/>
      <c r="E62" s="3"/>
      <c r="F62" s="3"/>
      <c r="G62" s="3"/>
      <c r="H62" s="3"/>
      <c r="I62" s="3"/>
      <c r="J62" s="3"/>
      <c r="K62" s="3"/>
      <c r="L62" s="3"/>
    </row>
    <row r="63" spans="3:12" x14ac:dyDescent="0.2">
      <c r="C63" s="3"/>
      <c r="D63" s="3"/>
      <c r="E63" s="3"/>
      <c r="F63" s="3"/>
      <c r="G63" s="3"/>
      <c r="H63" s="3"/>
      <c r="I63" s="3"/>
      <c r="J63" s="3"/>
      <c r="K63" s="3"/>
      <c r="L63" s="3"/>
    </row>
    <row r="64" spans="3:12" x14ac:dyDescent="0.2">
      <c r="C64" s="3"/>
      <c r="D64" s="3"/>
      <c r="E64" s="3"/>
      <c r="F64" s="3"/>
      <c r="G64" s="3"/>
      <c r="H64" s="3"/>
      <c r="I64" s="3"/>
      <c r="J64" s="3"/>
      <c r="K64" s="3"/>
      <c r="L64" s="3"/>
    </row>
    <row r="65" spans="3:12" x14ac:dyDescent="0.2">
      <c r="C65" s="3"/>
      <c r="D65" s="3"/>
      <c r="E65" s="3"/>
      <c r="F65" s="3"/>
      <c r="G65" s="3"/>
      <c r="H65" s="3"/>
      <c r="I65" s="3"/>
      <c r="J65" s="3"/>
      <c r="K65" s="3"/>
      <c r="L65" s="3"/>
    </row>
    <row r="66" spans="3:12" x14ac:dyDescent="0.2">
      <c r="C66" s="3"/>
      <c r="D66" s="3"/>
      <c r="E66" s="3"/>
      <c r="F66" s="3"/>
      <c r="G66" s="3"/>
      <c r="H66" s="3"/>
      <c r="I66" s="3"/>
      <c r="J66" s="3"/>
      <c r="K66" s="3"/>
      <c r="L66" s="3"/>
    </row>
    <row r="67" spans="3:12" x14ac:dyDescent="0.2">
      <c r="C67" s="3"/>
      <c r="D67" s="3"/>
      <c r="E67" s="3"/>
      <c r="F67" s="3"/>
      <c r="G67" s="3"/>
      <c r="H67" s="3"/>
      <c r="I67" s="3"/>
      <c r="J67" s="3"/>
      <c r="K67" s="3"/>
      <c r="L67" s="3"/>
    </row>
    <row r="68" spans="3:12" x14ac:dyDescent="0.2">
      <c r="C68" s="3"/>
      <c r="D68" s="3"/>
      <c r="E68" s="3"/>
      <c r="F68" s="3"/>
      <c r="G68" s="3"/>
      <c r="H68" s="3"/>
      <c r="I68" s="3"/>
      <c r="J68" s="3"/>
      <c r="K68" s="3"/>
      <c r="L68" s="3"/>
    </row>
    <row r="69" spans="3:12" x14ac:dyDescent="0.2">
      <c r="C69" s="3"/>
      <c r="D69" s="3"/>
      <c r="E69" s="3"/>
      <c r="F69" s="3"/>
      <c r="G69" s="3"/>
      <c r="H69" s="3"/>
      <c r="I69" s="3"/>
      <c r="J69" s="3"/>
      <c r="K69" s="3"/>
      <c r="L69" s="3"/>
    </row>
    <row r="70" spans="3:12" x14ac:dyDescent="0.2">
      <c r="C70" s="3"/>
      <c r="D70" s="3"/>
      <c r="E70" s="3"/>
      <c r="F70" s="3"/>
      <c r="G70" s="3"/>
      <c r="H70" s="3"/>
      <c r="I70" s="3"/>
      <c r="J70" s="3"/>
      <c r="K70" s="3"/>
      <c r="L70" s="3"/>
    </row>
    <row r="71" spans="3:12" x14ac:dyDescent="0.2">
      <c r="C71" s="3"/>
      <c r="D71" s="3"/>
      <c r="E71" s="3"/>
      <c r="F71" s="3"/>
      <c r="G71" s="3"/>
      <c r="H71" s="3"/>
      <c r="I71" s="3"/>
      <c r="J71" s="3"/>
      <c r="K71" s="3"/>
      <c r="L71" s="3"/>
    </row>
    <row r="72" spans="3:12" x14ac:dyDescent="0.2">
      <c r="C72" s="3"/>
      <c r="D72" s="3"/>
      <c r="E72" s="3"/>
      <c r="F72" s="3"/>
      <c r="G72" s="3"/>
      <c r="H72" s="3"/>
      <c r="I72" s="3"/>
      <c r="J72" s="3"/>
      <c r="K72" s="3"/>
      <c r="L72" s="3"/>
    </row>
    <row r="73" spans="3:12" x14ac:dyDescent="0.2">
      <c r="C73" s="3"/>
      <c r="D73" s="3"/>
      <c r="E73" s="3"/>
      <c r="F73" s="3"/>
      <c r="G73" s="3"/>
      <c r="H73" s="3"/>
      <c r="I73" s="3"/>
      <c r="J73" s="3"/>
      <c r="K73" s="3"/>
      <c r="L73" s="3"/>
    </row>
    <row r="74" spans="3:12" x14ac:dyDescent="0.2">
      <c r="C74" s="3"/>
      <c r="D74" s="3"/>
      <c r="E74" s="3"/>
      <c r="F74" s="3"/>
      <c r="G74" s="3"/>
      <c r="H74" s="3"/>
      <c r="I74" s="3"/>
      <c r="J74" s="3"/>
      <c r="K74" s="3"/>
      <c r="L74" s="3"/>
    </row>
    <row r="75" spans="3:12" x14ac:dyDescent="0.2">
      <c r="C75" s="3"/>
      <c r="D75" s="3"/>
      <c r="E75" s="3"/>
      <c r="F75" s="3"/>
      <c r="G75" s="3"/>
      <c r="H75" s="3"/>
      <c r="I75" s="3"/>
      <c r="J75" s="3"/>
      <c r="K75" s="3"/>
      <c r="L75" s="3"/>
    </row>
    <row r="76" spans="3:12" x14ac:dyDescent="0.2">
      <c r="C76" s="3"/>
      <c r="D76" s="3"/>
      <c r="E76" s="3"/>
      <c r="F76" s="3"/>
      <c r="G76" s="3"/>
      <c r="H76" s="3"/>
      <c r="I76" s="3"/>
      <c r="J76" s="3"/>
      <c r="K76" s="3"/>
      <c r="L76" s="3"/>
    </row>
    <row r="77" spans="3:12" x14ac:dyDescent="0.2">
      <c r="C77" s="3"/>
      <c r="D77" s="3"/>
      <c r="E77" s="3"/>
      <c r="F77" s="3"/>
      <c r="G77" s="3"/>
      <c r="H77" s="3"/>
      <c r="I77" s="3"/>
      <c r="J77" s="3"/>
      <c r="K77" s="3"/>
      <c r="L77" s="3"/>
    </row>
    <row r="78" spans="3:12" x14ac:dyDescent="0.2">
      <c r="C78" s="3"/>
      <c r="D78" s="3"/>
      <c r="E78" s="3"/>
      <c r="F78" s="3"/>
      <c r="G78" s="3"/>
      <c r="H78" s="3"/>
      <c r="I78" s="3"/>
      <c r="J78" s="3"/>
      <c r="K78" s="3"/>
      <c r="L78" s="3"/>
    </row>
    <row r="79" spans="3:12" x14ac:dyDescent="0.2">
      <c r="C79" s="3"/>
      <c r="D79" s="3"/>
      <c r="E79" s="3"/>
      <c r="F79" s="3"/>
      <c r="G79" s="3"/>
      <c r="H79" s="3"/>
      <c r="I79" s="3"/>
      <c r="J79" s="3"/>
      <c r="K79" s="3"/>
      <c r="L79" s="3"/>
    </row>
    <row r="80" spans="3:12" x14ac:dyDescent="0.2">
      <c r="C80" s="3"/>
      <c r="D80" s="3"/>
      <c r="E80" s="3"/>
      <c r="F80" s="3"/>
      <c r="G80" s="3"/>
      <c r="H80" s="3"/>
      <c r="I80" s="3"/>
      <c r="J80" s="3"/>
      <c r="K80" s="3"/>
      <c r="L80" s="3"/>
    </row>
    <row r="81" spans="3:12" x14ac:dyDescent="0.2">
      <c r="C81" s="3"/>
      <c r="D81" s="3"/>
      <c r="E81" s="3"/>
      <c r="F81" s="3"/>
      <c r="G81" s="3"/>
      <c r="H81" s="3"/>
      <c r="I81" s="3"/>
      <c r="J81" s="3"/>
      <c r="K81" s="3"/>
      <c r="L81" s="3"/>
    </row>
    <row r="82" spans="3:12" x14ac:dyDescent="0.2">
      <c r="C82" s="3"/>
      <c r="D82" s="3"/>
      <c r="E82" s="3"/>
      <c r="F82" s="3"/>
      <c r="G82" s="3"/>
      <c r="H82" s="3"/>
      <c r="I82" s="3"/>
      <c r="J82" s="3"/>
      <c r="K82" s="3"/>
      <c r="L82" s="3"/>
    </row>
    <row r="83" spans="3:12" x14ac:dyDescent="0.2">
      <c r="C83" s="3"/>
      <c r="D83" s="3"/>
      <c r="E83" s="3"/>
      <c r="F83" s="3"/>
      <c r="G83" s="3"/>
      <c r="H83" s="3"/>
      <c r="I83" s="3"/>
      <c r="J83" s="3"/>
      <c r="K83" s="3"/>
      <c r="L83" s="3"/>
    </row>
    <row r="84" spans="3:12" x14ac:dyDescent="0.2">
      <c r="C84" s="3"/>
      <c r="D84" s="3"/>
      <c r="E84" s="3"/>
      <c r="F84" s="3"/>
      <c r="G84" s="3"/>
      <c r="H84" s="3"/>
      <c r="I84" s="3"/>
      <c r="J84" s="3"/>
      <c r="K84" s="3"/>
      <c r="L84" s="3"/>
    </row>
    <row r="85" spans="3:12" x14ac:dyDescent="0.2">
      <c r="C85" s="3"/>
      <c r="D85" s="3"/>
      <c r="E85" s="3"/>
      <c r="F85" s="3"/>
      <c r="G85" s="3"/>
      <c r="H85" s="3"/>
      <c r="I85" s="3"/>
      <c r="J85" s="3"/>
      <c r="K85" s="3"/>
      <c r="L85" s="3"/>
    </row>
    <row r="86" spans="3:12" x14ac:dyDescent="0.2">
      <c r="C86" s="3"/>
      <c r="D86" s="3"/>
      <c r="E86" s="3"/>
      <c r="F86" s="3"/>
      <c r="G86" s="3"/>
      <c r="H86" s="3"/>
      <c r="I86" s="3"/>
      <c r="J86" s="3"/>
      <c r="K86" s="3"/>
      <c r="L86" s="3"/>
    </row>
    <row r="87" spans="3:12" x14ac:dyDescent="0.2">
      <c r="C87" s="3"/>
      <c r="D87" s="3"/>
      <c r="E87" s="3"/>
      <c r="F87" s="3"/>
      <c r="G87" s="3"/>
      <c r="H87" s="3"/>
      <c r="I87" s="3"/>
      <c r="J87" s="3"/>
      <c r="K87" s="3"/>
      <c r="L87" s="3"/>
    </row>
    <row r="88" spans="3:12" x14ac:dyDescent="0.2">
      <c r="C88" s="3"/>
      <c r="D88" s="3"/>
      <c r="E88" s="3"/>
      <c r="F88" s="3"/>
      <c r="G88" s="3"/>
      <c r="H88" s="3"/>
      <c r="I88" s="3"/>
      <c r="J88" s="3"/>
      <c r="K88" s="3"/>
      <c r="L88" s="3"/>
    </row>
    <row r="89" spans="3:12" x14ac:dyDescent="0.2">
      <c r="C89" s="3"/>
      <c r="D89" s="3"/>
      <c r="E89" s="3"/>
      <c r="F89" s="3"/>
      <c r="G89" s="3"/>
      <c r="H89" s="3"/>
      <c r="I89" s="3"/>
      <c r="J89" s="3"/>
      <c r="K89" s="3"/>
      <c r="L89" s="3"/>
    </row>
    <row r="90" spans="3:12" x14ac:dyDescent="0.2">
      <c r="C90" s="3"/>
      <c r="D90" s="3"/>
      <c r="E90" s="3"/>
      <c r="F90" s="3"/>
      <c r="G90" s="3"/>
      <c r="H90" s="3"/>
      <c r="I90" s="3"/>
      <c r="J90" s="3"/>
      <c r="K90" s="3"/>
      <c r="L90" s="3"/>
    </row>
    <row r="91" spans="3:12" x14ac:dyDescent="0.2">
      <c r="C91" s="3"/>
      <c r="D91" s="3"/>
      <c r="E91" s="3"/>
      <c r="F91" s="3"/>
      <c r="G91" s="3"/>
      <c r="H91" s="3"/>
      <c r="I91" s="3"/>
      <c r="J91" s="3"/>
      <c r="K91" s="3"/>
      <c r="L91" s="3"/>
    </row>
    <row r="92" spans="3:12" x14ac:dyDescent="0.2">
      <c r="C92" s="3"/>
      <c r="D92" s="3"/>
      <c r="E92" s="3"/>
      <c r="F92" s="3"/>
      <c r="G92" s="3"/>
      <c r="H92" s="3"/>
      <c r="I92" s="3"/>
      <c r="J92" s="3"/>
      <c r="K92" s="3"/>
      <c r="L92" s="3"/>
    </row>
    <row r="93" spans="3:12" x14ac:dyDescent="0.2">
      <c r="C93" s="3"/>
      <c r="D93" s="3"/>
      <c r="E93" s="3"/>
      <c r="F93" s="3"/>
      <c r="G93" s="3"/>
      <c r="H93" s="3"/>
      <c r="I93" s="3"/>
      <c r="J93" s="3"/>
      <c r="K93" s="3"/>
      <c r="L93" s="3"/>
    </row>
    <row r="94" spans="3:12" x14ac:dyDescent="0.2">
      <c r="C94" s="3"/>
      <c r="D94" s="3"/>
      <c r="E94" s="3"/>
      <c r="F94" s="3"/>
      <c r="G94" s="3"/>
      <c r="H94" s="3"/>
      <c r="I94" s="3"/>
      <c r="J94" s="3"/>
      <c r="K94" s="3"/>
      <c r="L94" s="3"/>
    </row>
    <row r="95" spans="3:12" x14ac:dyDescent="0.2">
      <c r="C95" s="3"/>
      <c r="D95" s="3"/>
      <c r="E95" s="3"/>
      <c r="F95" s="3"/>
      <c r="G95" s="3"/>
      <c r="H95" s="3"/>
      <c r="I95" s="3"/>
      <c r="J95" s="3"/>
      <c r="K95" s="3"/>
      <c r="L95" s="3"/>
    </row>
    <row r="96" spans="3:12" x14ac:dyDescent="0.2">
      <c r="C96" s="3"/>
      <c r="D96" s="3"/>
      <c r="E96" s="3"/>
      <c r="F96" s="3"/>
      <c r="G96" s="3"/>
      <c r="H96" s="3"/>
      <c r="I96" s="3"/>
      <c r="J96" s="3"/>
      <c r="K96" s="3"/>
      <c r="L96" s="3"/>
    </row>
    <row r="97" spans="3:12" x14ac:dyDescent="0.2">
      <c r="C97" s="3"/>
      <c r="D97" s="3"/>
      <c r="E97" s="3"/>
      <c r="F97" s="3"/>
      <c r="G97" s="3"/>
      <c r="H97" s="3"/>
      <c r="I97" s="3"/>
      <c r="J97" s="3"/>
      <c r="K97" s="3"/>
      <c r="L97" s="3"/>
    </row>
    <row r="98" spans="3:12" x14ac:dyDescent="0.2">
      <c r="C98" s="3"/>
      <c r="D98" s="3"/>
      <c r="E98" s="3"/>
      <c r="F98" s="3"/>
      <c r="G98" s="3"/>
      <c r="H98" s="3"/>
      <c r="I98" s="3"/>
      <c r="J98" s="3"/>
      <c r="K98" s="3"/>
      <c r="L98" s="3"/>
    </row>
    <row r="99" spans="3:12" x14ac:dyDescent="0.2">
      <c r="C99" s="3"/>
      <c r="D99" s="3"/>
      <c r="E99" s="3"/>
      <c r="F99" s="3"/>
      <c r="G99" s="3"/>
      <c r="H99" s="3"/>
      <c r="I99" s="3"/>
      <c r="J99" s="3"/>
      <c r="K99" s="3"/>
      <c r="L99" s="3"/>
    </row>
    <row r="100" spans="3:12" x14ac:dyDescent="0.2">
      <c r="C100" s="3"/>
      <c r="D100" s="3"/>
      <c r="E100" s="3"/>
      <c r="F100" s="3"/>
      <c r="G100" s="3"/>
      <c r="H100" s="3"/>
      <c r="I100" s="3"/>
      <c r="J100" s="3"/>
      <c r="K100" s="3"/>
      <c r="L100" s="3"/>
    </row>
    <row r="101" spans="3:12" x14ac:dyDescent="0.2">
      <c r="C101" s="3"/>
      <c r="D101" s="3"/>
      <c r="E101" s="3"/>
      <c r="F101" s="3"/>
      <c r="G101" s="3"/>
      <c r="H101" s="3"/>
      <c r="I101" s="3"/>
      <c r="J101" s="3"/>
      <c r="K101" s="3"/>
      <c r="L101" s="3"/>
    </row>
    <row r="102" spans="3:12" x14ac:dyDescent="0.2">
      <c r="C102" s="3"/>
      <c r="D102" s="3"/>
      <c r="E102" s="3"/>
      <c r="F102" s="3"/>
      <c r="G102" s="3"/>
      <c r="H102" s="3"/>
      <c r="I102" s="3"/>
      <c r="J102" s="3"/>
      <c r="K102" s="3"/>
      <c r="L102" s="3"/>
    </row>
    <row r="103" spans="3:12" x14ac:dyDescent="0.2">
      <c r="C103" s="3"/>
      <c r="D103" s="3"/>
      <c r="E103" s="3"/>
      <c r="F103" s="3"/>
      <c r="G103" s="3"/>
      <c r="H103" s="3"/>
      <c r="I103" s="3"/>
      <c r="J103" s="3"/>
      <c r="K103" s="3"/>
      <c r="L103" s="3"/>
    </row>
    <row r="104" spans="3:12" x14ac:dyDescent="0.2">
      <c r="C104" s="3"/>
      <c r="D104" s="3"/>
      <c r="E104" s="3"/>
      <c r="F104" s="3"/>
      <c r="G104" s="3"/>
      <c r="H104" s="3"/>
      <c r="I104" s="3"/>
      <c r="J104" s="3"/>
      <c r="K104" s="3"/>
      <c r="L104" s="3"/>
    </row>
    <row r="105" spans="3:12" x14ac:dyDescent="0.2">
      <c r="C105" s="3"/>
      <c r="D105" s="3"/>
      <c r="E105" s="3"/>
      <c r="F105" s="3"/>
      <c r="G105" s="3"/>
      <c r="H105" s="3"/>
      <c r="I105" s="3"/>
      <c r="J105" s="3"/>
      <c r="K105" s="3"/>
      <c r="L105" s="3"/>
    </row>
    <row r="106" spans="3:12" x14ac:dyDescent="0.2">
      <c r="C106" s="3"/>
      <c r="D106" s="3"/>
      <c r="E106" s="3"/>
      <c r="F106" s="3"/>
      <c r="G106" s="3"/>
      <c r="H106" s="3"/>
      <c r="I106" s="3"/>
      <c r="J106" s="3"/>
      <c r="K106" s="3"/>
      <c r="L106" s="3"/>
    </row>
    <row r="107" spans="3:12" x14ac:dyDescent="0.2">
      <c r="C107" s="3"/>
      <c r="D107" s="3"/>
      <c r="E107" s="3"/>
      <c r="F107" s="3"/>
      <c r="G107" s="3"/>
      <c r="H107" s="3"/>
      <c r="I107" s="3"/>
      <c r="J107" s="3"/>
      <c r="K107" s="3"/>
      <c r="L107" s="3"/>
    </row>
    <row r="108" spans="3:12" x14ac:dyDescent="0.2">
      <c r="C108" s="3"/>
      <c r="D108" s="3"/>
      <c r="E108" s="3"/>
      <c r="F108" s="3"/>
      <c r="G108" s="3"/>
      <c r="H108" s="3"/>
      <c r="I108" s="3"/>
      <c r="J108" s="3"/>
      <c r="K108" s="3"/>
      <c r="L108" s="3"/>
    </row>
    <row r="109" spans="3:12" x14ac:dyDescent="0.2">
      <c r="C109" s="3"/>
      <c r="D109" s="3"/>
      <c r="E109" s="3"/>
      <c r="F109" s="3"/>
      <c r="G109" s="3"/>
      <c r="H109" s="3"/>
      <c r="I109" s="3"/>
      <c r="J109" s="3"/>
      <c r="K109" s="3"/>
      <c r="L109" s="3"/>
    </row>
    <row r="110" spans="3:12" x14ac:dyDescent="0.2">
      <c r="C110" s="3"/>
      <c r="D110" s="3"/>
      <c r="E110" s="3"/>
      <c r="F110" s="3"/>
      <c r="G110" s="3"/>
      <c r="H110" s="3"/>
      <c r="I110" s="3"/>
      <c r="J110" s="3"/>
      <c r="K110" s="3"/>
      <c r="L110" s="3"/>
    </row>
    <row r="111" spans="3:12" x14ac:dyDescent="0.2">
      <c r="C111" s="3"/>
      <c r="D111" s="3"/>
      <c r="E111" s="3"/>
      <c r="F111" s="3"/>
      <c r="G111" s="3"/>
      <c r="H111" s="3"/>
      <c r="I111" s="3"/>
      <c r="J111" s="3"/>
      <c r="K111" s="3"/>
      <c r="L111" s="3"/>
    </row>
    <row r="112" spans="3:12" x14ac:dyDescent="0.2">
      <c r="C112" s="3"/>
      <c r="D112" s="3"/>
      <c r="E112" s="3"/>
      <c r="F112" s="3"/>
      <c r="G112" s="3"/>
      <c r="H112" s="3"/>
      <c r="I112" s="3"/>
      <c r="J112" s="3"/>
      <c r="K112" s="3"/>
      <c r="L112" s="3"/>
    </row>
    <row r="113" spans="3:12" x14ac:dyDescent="0.2">
      <c r="C113" s="3"/>
      <c r="D113" s="3"/>
      <c r="E113" s="3"/>
      <c r="F113" s="3"/>
      <c r="G113" s="3"/>
      <c r="H113" s="3"/>
      <c r="I113" s="3"/>
      <c r="J113" s="3"/>
      <c r="K113" s="3"/>
      <c r="L113" s="3"/>
    </row>
    <row r="114" spans="3:12" x14ac:dyDescent="0.2">
      <c r="C114" s="3"/>
      <c r="D114" s="3"/>
      <c r="E114" s="3"/>
      <c r="F114" s="3"/>
      <c r="G114" s="3"/>
      <c r="H114" s="3"/>
      <c r="I114" s="3"/>
      <c r="J114" s="3"/>
      <c r="K114" s="3"/>
      <c r="L114" s="3"/>
    </row>
    <row r="115" spans="3:12" x14ac:dyDescent="0.2">
      <c r="C115" s="3"/>
      <c r="D115" s="3"/>
      <c r="E115" s="3"/>
      <c r="F115" s="3"/>
      <c r="G115" s="3"/>
      <c r="H115" s="3"/>
      <c r="I115" s="3"/>
      <c r="J115" s="3"/>
      <c r="K115" s="3"/>
      <c r="L115" s="3"/>
    </row>
    <row r="116" spans="3:12" x14ac:dyDescent="0.2">
      <c r="C116" s="3"/>
      <c r="D116" s="3"/>
      <c r="E116" s="3"/>
      <c r="F116" s="3"/>
      <c r="G116" s="3"/>
      <c r="H116" s="3"/>
      <c r="I116" s="3"/>
      <c r="J116" s="3"/>
      <c r="K116" s="3"/>
      <c r="L116" s="3"/>
    </row>
    <row r="117" spans="3:12" x14ac:dyDescent="0.2">
      <c r="C117" s="3"/>
      <c r="D117" s="3"/>
      <c r="E117" s="3"/>
      <c r="F117" s="3"/>
      <c r="G117" s="3"/>
      <c r="H117" s="3"/>
      <c r="I117" s="3"/>
      <c r="J117" s="3"/>
      <c r="K117" s="3"/>
      <c r="L117" s="3"/>
    </row>
    <row r="118" spans="3:12" x14ac:dyDescent="0.2">
      <c r="C118" s="3"/>
      <c r="D118" s="3"/>
      <c r="E118" s="3"/>
      <c r="F118" s="3"/>
      <c r="G118" s="3"/>
      <c r="H118" s="3"/>
      <c r="I118" s="3"/>
      <c r="J118" s="3"/>
      <c r="K118" s="3"/>
      <c r="L118" s="3"/>
    </row>
    <row r="119" spans="3:12" x14ac:dyDescent="0.2">
      <c r="C119" s="3"/>
      <c r="D119" s="3"/>
      <c r="E119" s="3"/>
      <c r="F119" s="3"/>
      <c r="G119" s="3"/>
      <c r="H119" s="3"/>
      <c r="I119" s="3"/>
      <c r="J119" s="3"/>
      <c r="K119" s="3"/>
      <c r="L119" s="3"/>
    </row>
    <row r="120" spans="3:12" x14ac:dyDescent="0.2">
      <c r="C120" s="3"/>
      <c r="D120" s="3"/>
      <c r="E120" s="3"/>
      <c r="F120" s="3"/>
      <c r="G120" s="3"/>
      <c r="H120" s="3"/>
      <c r="I120" s="3"/>
      <c r="J120" s="3"/>
      <c r="K120" s="3"/>
      <c r="L120" s="3"/>
    </row>
    <row r="121" spans="3:12" x14ac:dyDescent="0.2">
      <c r="C121" s="3"/>
      <c r="D121" s="3"/>
      <c r="E121" s="3"/>
      <c r="F121" s="3"/>
      <c r="G121" s="3"/>
      <c r="H121" s="3"/>
      <c r="I121" s="3"/>
      <c r="J121" s="3"/>
      <c r="K121" s="3"/>
      <c r="L121" s="3"/>
    </row>
    <row r="122" spans="3:12" x14ac:dyDescent="0.2">
      <c r="C122" s="3"/>
      <c r="D122" s="3"/>
      <c r="E122" s="3"/>
      <c r="F122" s="3"/>
      <c r="G122" s="3"/>
      <c r="H122" s="3"/>
      <c r="I122" s="3"/>
      <c r="J122" s="3"/>
      <c r="K122" s="3"/>
      <c r="L122" s="3"/>
    </row>
    <row r="123" spans="3:12" x14ac:dyDescent="0.2">
      <c r="C123" s="3"/>
      <c r="D123" s="3"/>
      <c r="E123" s="3"/>
      <c r="F123" s="3"/>
      <c r="G123" s="3"/>
      <c r="H123" s="3"/>
      <c r="I123" s="3"/>
      <c r="J123" s="3"/>
      <c r="K123" s="3"/>
      <c r="L123" s="3"/>
    </row>
    <row r="124" spans="3:12" x14ac:dyDescent="0.2">
      <c r="C124" s="3"/>
      <c r="D124" s="3"/>
      <c r="E124" s="3"/>
      <c r="F124" s="3"/>
      <c r="G124" s="3"/>
      <c r="H124" s="3"/>
      <c r="I124" s="3"/>
      <c r="J124" s="3"/>
      <c r="K124" s="3"/>
      <c r="L124" s="3"/>
    </row>
    <row r="125" spans="3:12" x14ac:dyDescent="0.2">
      <c r="C125" s="3"/>
      <c r="D125" s="3"/>
      <c r="E125" s="3"/>
      <c r="F125" s="3"/>
      <c r="G125" s="3"/>
      <c r="H125" s="3"/>
      <c r="I125" s="3"/>
      <c r="J125" s="3"/>
      <c r="K125" s="3"/>
      <c r="L125" s="3"/>
    </row>
    <row r="126" spans="3:12" x14ac:dyDescent="0.2">
      <c r="C126" s="3"/>
      <c r="D126" s="3"/>
      <c r="E126" s="3"/>
      <c r="F126" s="3"/>
      <c r="G126" s="3"/>
      <c r="H126" s="3"/>
      <c r="I126" s="3"/>
      <c r="J126" s="3"/>
      <c r="K126" s="3"/>
      <c r="L126" s="3"/>
    </row>
    <row r="127" spans="3:12" x14ac:dyDescent="0.2">
      <c r="C127" s="3"/>
      <c r="D127" s="3"/>
      <c r="E127" s="3"/>
      <c r="F127" s="3"/>
      <c r="G127" s="3"/>
      <c r="H127" s="3"/>
      <c r="I127" s="3"/>
      <c r="J127" s="3"/>
      <c r="K127" s="3"/>
      <c r="L127" s="3"/>
    </row>
    <row r="128" spans="3:12" x14ac:dyDescent="0.2">
      <c r="C128" s="3"/>
      <c r="D128" s="3"/>
      <c r="E128" s="3"/>
      <c r="F128" s="3"/>
      <c r="G128" s="3"/>
      <c r="H128" s="3"/>
      <c r="I128" s="3"/>
      <c r="J128" s="3"/>
      <c r="K128" s="3"/>
      <c r="L128" s="3"/>
    </row>
    <row r="129" spans="3:12" x14ac:dyDescent="0.2">
      <c r="C129" s="3"/>
      <c r="D129" s="3"/>
      <c r="E129" s="3"/>
      <c r="F129" s="3"/>
      <c r="G129" s="3"/>
      <c r="H129" s="3"/>
      <c r="I129" s="3"/>
      <c r="J129" s="3"/>
      <c r="K129" s="3"/>
      <c r="L129" s="3"/>
    </row>
    <row r="130" spans="3:12" x14ac:dyDescent="0.2">
      <c r="C130" s="3"/>
      <c r="D130" s="3"/>
      <c r="E130" s="3"/>
      <c r="F130" s="3"/>
      <c r="G130" s="3"/>
      <c r="H130" s="3"/>
      <c r="I130" s="3"/>
      <c r="J130" s="3"/>
      <c r="K130" s="3"/>
      <c r="L130" s="3"/>
    </row>
    <row r="131" spans="3:12" x14ac:dyDescent="0.2">
      <c r="C131" s="3"/>
      <c r="D131" s="3"/>
      <c r="E131" s="3"/>
      <c r="F131" s="3"/>
      <c r="G131" s="3"/>
      <c r="H131" s="3"/>
      <c r="I131" s="3"/>
      <c r="J131" s="3"/>
      <c r="K131" s="3"/>
      <c r="L131" s="3"/>
    </row>
    <row r="132" spans="3:12" x14ac:dyDescent="0.2">
      <c r="C132" s="3"/>
      <c r="D132" s="3"/>
      <c r="E132" s="3"/>
      <c r="F132" s="3"/>
      <c r="G132" s="3"/>
      <c r="H132" s="3"/>
      <c r="I132" s="3"/>
      <c r="J132" s="3"/>
      <c r="K132" s="3"/>
      <c r="L132" s="3"/>
    </row>
    <row r="133" spans="3:12" x14ac:dyDescent="0.2">
      <c r="C133" s="3"/>
      <c r="D133" s="3"/>
      <c r="E133" s="3"/>
      <c r="F133" s="3"/>
      <c r="G133" s="3"/>
      <c r="H133" s="3"/>
      <c r="I133" s="3"/>
      <c r="J133" s="3"/>
      <c r="K133" s="3"/>
      <c r="L133" s="3"/>
    </row>
    <row r="134" spans="3:12" x14ac:dyDescent="0.2">
      <c r="C134" s="3"/>
      <c r="D134" s="3"/>
      <c r="E134" s="3"/>
      <c r="F134" s="3"/>
      <c r="G134" s="3"/>
      <c r="H134" s="3"/>
      <c r="I134" s="3"/>
      <c r="J134" s="3"/>
      <c r="K134" s="3"/>
      <c r="L134" s="3"/>
    </row>
    <row r="135" spans="3:12" x14ac:dyDescent="0.2">
      <c r="C135" s="3"/>
      <c r="D135" s="3"/>
      <c r="E135" s="3"/>
      <c r="F135" s="3"/>
      <c r="G135" s="3"/>
      <c r="H135" s="3"/>
      <c r="I135" s="3"/>
      <c r="J135" s="3"/>
      <c r="K135" s="3"/>
      <c r="L135" s="3"/>
    </row>
    <row r="136" spans="3:12" x14ac:dyDescent="0.2">
      <c r="C136" s="3"/>
      <c r="D136" s="3"/>
      <c r="E136" s="3"/>
      <c r="F136" s="3"/>
      <c r="G136" s="3"/>
      <c r="H136" s="3"/>
      <c r="I136" s="3"/>
      <c r="J136" s="3"/>
      <c r="K136" s="3"/>
      <c r="L136" s="3"/>
    </row>
    <row r="137" spans="3:12" x14ac:dyDescent="0.2">
      <c r="C137" s="3"/>
      <c r="D137" s="3"/>
      <c r="E137" s="3"/>
      <c r="F137" s="3"/>
      <c r="G137" s="3"/>
      <c r="H137" s="3"/>
      <c r="I137" s="3"/>
      <c r="J137" s="3"/>
      <c r="K137" s="3"/>
      <c r="L137" s="3"/>
    </row>
    <row r="138" spans="3:12" x14ac:dyDescent="0.2">
      <c r="C138" s="3"/>
      <c r="D138" s="3"/>
      <c r="E138" s="3"/>
      <c r="F138" s="3"/>
      <c r="G138" s="3"/>
      <c r="H138" s="3"/>
      <c r="I138" s="3"/>
      <c r="J138" s="3"/>
      <c r="K138" s="3"/>
      <c r="L138" s="3"/>
    </row>
    <row r="139" spans="3:12" x14ac:dyDescent="0.2">
      <c r="C139" s="3"/>
      <c r="D139" s="3"/>
      <c r="E139" s="3"/>
      <c r="F139" s="3"/>
      <c r="G139" s="3"/>
      <c r="H139" s="3"/>
      <c r="I139" s="3"/>
      <c r="J139" s="3"/>
      <c r="K139" s="3"/>
      <c r="L139" s="3"/>
    </row>
    <row r="140" spans="3:12" x14ac:dyDescent="0.2">
      <c r="C140" s="3"/>
      <c r="D140" s="3"/>
      <c r="E140" s="3"/>
      <c r="F140" s="3"/>
      <c r="G140" s="3"/>
      <c r="H140" s="3"/>
      <c r="I140" s="3"/>
      <c r="J140" s="3"/>
      <c r="K140" s="3"/>
      <c r="L140" s="3"/>
    </row>
    <row r="141" spans="3:12" x14ac:dyDescent="0.2">
      <c r="C141" s="3"/>
      <c r="D141" s="3"/>
      <c r="E141" s="3"/>
      <c r="F141" s="3"/>
      <c r="G141" s="3"/>
      <c r="H141" s="3"/>
      <c r="I141" s="3"/>
      <c r="J141" s="3"/>
      <c r="K141" s="3"/>
      <c r="L141" s="3"/>
    </row>
    <row r="142" spans="3:12" x14ac:dyDescent="0.2">
      <c r="C142" s="3"/>
      <c r="D142" s="3"/>
      <c r="E142" s="3"/>
      <c r="F142" s="3"/>
      <c r="G142" s="3"/>
      <c r="H142" s="3"/>
      <c r="I142" s="3"/>
      <c r="J142" s="3"/>
      <c r="K142" s="3"/>
      <c r="L142" s="3"/>
    </row>
    <row r="143" spans="3:12" x14ac:dyDescent="0.2">
      <c r="C143" s="3"/>
      <c r="D143" s="3"/>
      <c r="E143" s="3"/>
      <c r="F143" s="3"/>
      <c r="G143" s="3"/>
      <c r="H143" s="3"/>
      <c r="I143" s="3"/>
      <c r="J143" s="3"/>
      <c r="K143" s="3"/>
      <c r="L143" s="3"/>
    </row>
    <row r="144" spans="3:12" x14ac:dyDescent="0.2">
      <c r="C144" s="3"/>
      <c r="D144" s="3"/>
      <c r="E144" s="3"/>
      <c r="F144" s="3"/>
      <c r="G144" s="3"/>
      <c r="H144" s="3"/>
      <c r="I144" s="3"/>
      <c r="J144" s="3"/>
      <c r="K144" s="3"/>
      <c r="L144" s="3"/>
    </row>
    <row r="145" spans="3:12" x14ac:dyDescent="0.2">
      <c r="C145" s="3"/>
      <c r="D145" s="3"/>
      <c r="E145" s="3"/>
      <c r="F145" s="3"/>
      <c r="G145" s="3"/>
      <c r="H145" s="3"/>
      <c r="I145" s="3"/>
      <c r="J145" s="3"/>
      <c r="K145" s="3"/>
      <c r="L145" s="3"/>
    </row>
    <row r="146" spans="3:12" x14ac:dyDescent="0.2">
      <c r="C146" s="3"/>
      <c r="D146" s="3"/>
      <c r="E146" s="3"/>
      <c r="F146" s="3"/>
      <c r="G146" s="3"/>
      <c r="H146" s="3"/>
      <c r="I146" s="3"/>
      <c r="J146" s="3"/>
      <c r="K146" s="3"/>
      <c r="L146" s="3"/>
    </row>
    <row r="147" spans="3:12" x14ac:dyDescent="0.2">
      <c r="C147" s="3"/>
      <c r="D147" s="3"/>
      <c r="E147" s="3"/>
      <c r="F147" s="3"/>
      <c r="G147" s="3"/>
      <c r="H147" s="3"/>
      <c r="I147" s="3"/>
      <c r="J147" s="3"/>
      <c r="K147" s="3"/>
      <c r="L147" s="3"/>
    </row>
    <row r="148" spans="3:12" x14ac:dyDescent="0.2">
      <c r="C148" s="3"/>
      <c r="D148" s="3"/>
      <c r="E148" s="3"/>
      <c r="F148" s="3"/>
      <c r="G148" s="3"/>
      <c r="H148" s="3"/>
      <c r="I148" s="3"/>
      <c r="J148" s="3"/>
      <c r="K148" s="3"/>
      <c r="L148" s="3"/>
    </row>
    <row r="149" spans="3:12" x14ac:dyDescent="0.2">
      <c r="C149" s="3"/>
      <c r="D149" s="3"/>
      <c r="E149" s="3"/>
      <c r="F149" s="3"/>
      <c r="G149" s="3"/>
      <c r="H149" s="3"/>
      <c r="I149" s="3"/>
      <c r="J149" s="3"/>
      <c r="K149" s="3"/>
      <c r="L149" s="3"/>
    </row>
    <row r="150" spans="3:12" x14ac:dyDescent="0.2">
      <c r="C150" s="3"/>
      <c r="D150" s="3"/>
      <c r="E150" s="3"/>
      <c r="F150" s="3"/>
      <c r="G150" s="3"/>
      <c r="H150" s="3"/>
      <c r="I150" s="3"/>
      <c r="J150" s="3"/>
      <c r="K150" s="3"/>
      <c r="L150" s="3"/>
    </row>
    <row r="151" spans="3:12" x14ac:dyDescent="0.2">
      <c r="C151" s="3"/>
      <c r="D151" s="3"/>
      <c r="E151" s="3"/>
      <c r="F151" s="3"/>
      <c r="G151" s="3"/>
      <c r="H151" s="3"/>
      <c r="I151" s="3"/>
      <c r="J151" s="3"/>
      <c r="K151" s="3"/>
      <c r="L151" s="3"/>
    </row>
    <row r="152" spans="3:12" x14ac:dyDescent="0.2">
      <c r="C152" s="3"/>
      <c r="D152" s="3"/>
      <c r="E152" s="3"/>
      <c r="F152" s="3"/>
      <c r="G152" s="3"/>
      <c r="H152" s="3"/>
      <c r="I152" s="3"/>
      <c r="J152" s="3"/>
      <c r="K152" s="3"/>
      <c r="L152" s="3"/>
    </row>
    <row r="153" spans="3:12" x14ac:dyDescent="0.2">
      <c r="C153" s="3"/>
      <c r="D153" s="3"/>
      <c r="E153" s="3"/>
      <c r="F153" s="3"/>
      <c r="G153" s="3"/>
      <c r="H153" s="3"/>
      <c r="I153" s="3"/>
      <c r="J153" s="3"/>
      <c r="K153" s="3"/>
      <c r="L153" s="3"/>
    </row>
    <row r="154" spans="3:12" x14ac:dyDescent="0.2">
      <c r="C154" s="3"/>
      <c r="D154" s="3"/>
      <c r="E154" s="3"/>
      <c r="F154" s="3"/>
      <c r="G154" s="3"/>
      <c r="H154" s="3"/>
      <c r="I154" s="3"/>
      <c r="J154" s="3"/>
      <c r="K154" s="3"/>
      <c r="L154" s="3"/>
    </row>
    <row r="155" spans="3:12" x14ac:dyDescent="0.2">
      <c r="C155" s="3"/>
      <c r="D155" s="3"/>
      <c r="E155" s="3"/>
      <c r="F155" s="3"/>
      <c r="G155" s="3"/>
      <c r="H155" s="3"/>
      <c r="I155" s="3"/>
      <c r="J155" s="3"/>
      <c r="K155" s="3"/>
      <c r="L155" s="3"/>
    </row>
    <row r="156" spans="3:12" x14ac:dyDescent="0.2">
      <c r="C156" s="3"/>
      <c r="D156" s="3"/>
      <c r="E156" s="3"/>
      <c r="F156" s="3"/>
      <c r="G156" s="3"/>
      <c r="H156" s="3"/>
      <c r="I156" s="3"/>
      <c r="J156" s="3"/>
      <c r="K156" s="3"/>
      <c r="L156" s="3"/>
    </row>
    <row r="157" spans="3:12" x14ac:dyDescent="0.2">
      <c r="C157" s="3"/>
      <c r="D157" s="3"/>
      <c r="E157" s="3"/>
      <c r="F157" s="3"/>
      <c r="G157" s="3"/>
      <c r="H157" s="3"/>
      <c r="I157" s="3"/>
      <c r="J157" s="3"/>
      <c r="K157" s="3"/>
      <c r="L157" s="3"/>
    </row>
    <row r="158" spans="3:12" x14ac:dyDescent="0.2">
      <c r="C158" s="3"/>
      <c r="D158" s="3"/>
      <c r="E158" s="3"/>
      <c r="F158" s="3"/>
      <c r="G158" s="3"/>
      <c r="H158" s="3"/>
      <c r="I158" s="3"/>
      <c r="J158" s="3"/>
      <c r="K158" s="3"/>
      <c r="L158" s="3"/>
    </row>
    <row r="159" spans="3:12" x14ac:dyDescent="0.2">
      <c r="C159" s="3"/>
      <c r="D159" s="3"/>
      <c r="E159" s="3"/>
      <c r="F159" s="3"/>
      <c r="G159" s="3"/>
      <c r="H159" s="3"/>
      <c r="I159" s="3"/>
      <c r="J159" s="3"/>
      <c r="K159" s="3"/>
      <c r="L159" s="3"/>
    </row>
    <row r="160" spans="3:12" x14ac:dyDescent="0.2">
      <c r="C160" s="3"/>
      <c r="D160" s="3"/>
      <c r="E160" s="3"/>
      <c r="F160" s="3"/>
      <c r="G160" s="3"/>
      <c r="H160" s="3"/>
      <c r="I160" s="3"/>
      <c r="J160" s="3"/>
      <c r="K160" s="3"/>
      <c r="L160" s="3"/>
    </row>
    <row r="161" spans="3:12" x14ac:dyDescent="0.2">
      <c r="C161" s="3"/>
      <c r="D161" s="3"/>
      <c r="E161" s="3"/>
      <c r="F161" s="3"/>
      <c r="G161" s="3"/>
      <c r="H161" s="3"/>
      <c r="I161" s="3"/>
      <c r="J161" s="3"/>
      <c r="K161" s="3"/>
      <c r="L161" s="3"/>
    </row>
    <row r="162" spans="3:12" x14ac:dyDescent="0.2">
      <c r="C162" s="3"/>
      <c r="D162" s="3"/>
      <c r="E162" s="3"/>
      <c r="F162" s="3"/>
      <c r="G162" s="3"/>
      <c r="H162" s="3"/>
      <c r="I162" s="3"/>
      <c r="J162" s="3"/>
      <c r="K162" s="3"/>
      <c r="L162" s="3"/>
    </row>
    <row r="163" spans="3:12" x14ac:dyDescent="0.2">
      <c r="C163" s="3"/>
      <c r="D163" s="3"/>
      <c r="E163" s="3"/>
      <c r="F163" s="3"/>
      <c r="G163" s="3"/>
      <c r="H163" s="3"/>
      <c r="I163" s="3"/>
      <c r="J163" s="3"/>
      <c r="K163" s="3"/>
      <c r="L163" s="3"/>
    </row>
    <row r="164" spans="3:12" x14ac:dyDescent="0.2">
      <c r="C164" s="3"/>
      <c r="D164" s="3"/>
      <c r="E164" s="3"/>
      <c r="F164" s="3"/>
      <c r="G164" s="3"/>
      <c r="H164" s="3"/>
      <c r="I164" s="3"/>
      <c r="J164" s="3"/>
      <c r="K164" s="3"/>
      <c r="L164" s="3"/>
    </row>
    <row r="165" spans="3:12" x14ac:dyDescent="0.2">
      <c r="C165" s="3"/>
      <c r="D165" s="3"/>
      <c r="E165" s="3"/>
      <c r="F165" s="3"/>
      <c r="G165" s="3"/>
      <c r="H165" s="3"/>
      <c r="I165" s="3"/>
      <c r="J165" s="3"/>
      <c r="K165" s="3"/>
      <c r="L165" s="3"/>
    </row>
    <row r="166" spans="3:12" x14ac:dyDescent="0.2">
      <c r="C166" s="3"/>
      <c r="D166" s="3"/>
      <c r="E166" s="3"/>
      <c r="F166" s="3"/>
      <c r="G166" s="3"/>
      <c r="H166" s="3"/>
      <c r="I166" s="3"/>
      <c r="J166" s="3"/>
      <c r="K166" s="3"/>
      <c r="L166" s="3"/>
    </row>
    <row r="167" spans="3:12" x14ac:dyDescent="0.2">
      <c r="C167" s="3"/>
      <c r="D167" s="3"/>
      <c r="E167" s="3"/>
      <c r="F167" s="3"/>
      <c r="G167" s="3"/>
      <c r="H167" s="3"/>
      <c r="I167" s="3"/>
      <c r="J167" s="3"/>
      <c r="K167" s="3"/>
      <c r="L167" s="3"/>
    </row>
    <row r="168" spans="3:12" x14ac:dyDescent="0.2">
      <c r="C168" s="3"/>
      <c r="D168" s="3"/>
      <c r="E168" s="3"/>
      <c r="F168" s="3"/>
      <c r="G168" s="3"/>
      <c r="H168" s="3"/>
      <c r="I168" s="3"/>
      <c r="J168" s="3"/>
      <c r="K168" s="3"/>
      <c r="L168" s="3"/>
    </row>
    <row r="169" spans="3:12" x14ac:dyDescent="0.2">
      <c r="C169" s="3"/>
      <c r="D169" s="3"/>
      <c r="E169" s="3"/>
      <c r="F169" s="3"/>
      <c r="G169" s="3"/>
      <c r="H169" s="3"/>
      <c r="I169" s="3"/>
      <c r="J169" s="3"/>
      <c r="K169" s="3"/>
      <c r="L169" s="3"/>
    </row>
    <row r="170" spans="3:12" x14ac:dyDescent="0.2">
      <c r="C170" s="3"/>
      <c r="D170" s="3"/>
      <c r="E170" s="3"/>
      <c r="F170" s="3"/>
      <c r="G170" s="3"/>
      <c r="H170" s="3"/>
      <c r="I170" s="3"/>
      <c r="J170" s="3"/>
      <c r="K170" s="3"/>
      <c r="L170" s="3"/>
    </row>
    <row r="171" spans="3:12" x14ac:dyDescent="0.2">
      <c r="C171" s="3"/>
      <c r="D171" s="3"/>
      <c r="E171" s="3"/>
      <c r="F171" s="3"/>
      <c r="G171" s="3"/>
      <c r="H171" s="3"/>
      <c r="I171" s="3"/>
      <c r="J171" s="3"/>
      <c r="K171" s="3"/>
      <c r="L171" s="3"/>
    </row>
    <row r="172" spans="3:12" x14ac:dyDescent="0.2">
      <c r="C172" s="3"/>
      <c r="D172" s="3"/>
      <c r="E172" s="3"/>
      <c r="F172" s="3"/>
      <c r="G172" s="3"/>
      <c r="H172" s="3"/>
      <c r="I172" s="3"/>
      <c r="J172" s="3"/>
      <c r="K172" s="3"/>
      <c r="L172" s="3"/>
    </row>
    <row r="173" spans="3:12" x14ac:dyDescent="0.2">
      <c r="C173" s="3"/>
      <c r="D173" s="3"/>
      <c r="E173" s="3"/>
      <c r="F173" s="3"/>
      <c r="G173" s="3"/>
      <c r="H173" s="3"/>
      <c r="I173" s="3"/>
      <c r="J173" s="3"/>
      <c r="K173" s="3"/>
      <c r="L173" s="3"/>
    </row>
    <row r="174" spans="3:12" x14ac:dyDescent="0.2">
      <c r="C174" s="3"/>
      <c r="D174" s="3"/>
      <c r="E174" s="3"/>
      <c r="F174" s="3"/>
      <c r="G174" s="3"/>
      <c r="H174" s="3"/>
      <c r="I174" s="3"/>
      <c r="J174" s="3"/>
      <c r="K174" s="3"/>
      <c r="L174" s="3"/>
    </row>
    <row r="175" spans="3:12" x14ac:dyDescent="0.2">
      <c r="C175" s="3"/>
      <c r="D175" s="3"/>
      <c r="E175" s="3"/>
      <c r="F175" s="3"/>
      <c r="G175" s="3"/>
      <c r="H175" s="3"/>
      <c r="I175" s="3"/>
      <c r="J175" s="3"/>
      <c r="K175" s="3"/>
      <c r="L175" s="3"/>
    </row>
    <row r="176" spans="3:12" x14ac:dyDescent="0.2">
      <c r="C176" s="3"/>
      <c r="D176" s="3"/>
      <c r="E176" s="3"/>
      <c r="F176" s="3"/>
      <c r="G176" s="3"/>
      <c r="H176" s="3"/>
      <c r="I176" s="3"/>
      <c r="J176" s="3"/>
      <c r="K176" s="3"/>
      <c r="L176" s="3"/>
    </row>
    <row r="177" spans="3:12" x14ac:dyDescent="0.2">
      <c r="C177" s="3"/>
      <c r="D177" s="3"/>
      <c r="E177" s="3"/>
      <c r="F177" s="3"/>
      <c r="G177" s="3"/>
      <c r="H177" s="3"/>
      <c r="I177" s="3"/>
      <c r="J177" s="3"/>
      <c r="K177" s="3"/>
      <c r="L177" s="3"/>
    </row>
    <row r="178" spans="3:12" x14ac:dyDescent="0.2">
      <c r="C178" s="3"/>
      <c r="D178" s="3"/>
      <c r="E178" s="3"/>
      <c r="F178" s="3"/>
      <c r="G178" s="3"/>
      <c r="H178" s="3"/>
      <c r="I178" s="3"/>
      <c r="J178" s="3"/>
      <c r="K178" s="3"/>
      <c r="L178" s="3"/>
    </row>
    <row r="179" spans="3:12" x14ac:dyDescent="0.2">
      <c r="C179" s="3"/>
      <c r="D179" s="3"/>
      <c r="E179" s="3"/>
      <c r="F179" s="3"/>
      <c r="G179" s="3"/>
      <c r="H179" s="3"/>
      <c r="I179" s="3"/>
      <c r="J179" s="3"/>
      <c r="K179" s="3"/>
      <c r="L179" s="3"/>
    </row>
    <row r="180" spans="3:12" x14ac:dyDescent="0.2">
      <c r="C180" s="3"/>
      <c r="D180" s="3"/>
      <c r="E180" s="3"/>
      <c r="F180" s="3"/>
      <c r="G180" s="3"/>
      <c r="H180" s="3"/>
      <c r="I180" s="3"/>
      <c r="J180" s="3"/>
      <c r="K180" s="3"/>
      <c r="L180" s="3"/>
    </row>
    <row r="181" spans="3:12" x14ac:dyDescent="0.2">
      <c r="C181" s="3"/>
      <c r="D181" s="3"/>
      <c r="E181" s="3"/>
      <c r="F181" s="3"/>
      <c r="G181" s="3"/>
      <c r="H181" s="3"/>
      <c r="I181" s="3"/>
      <c r="J181" s="3"/>
      <c r="K181" s="3"/>
      <c r="L181" s="3"/>
    </row>
    <row r="182" spans="3:12" x14ac:dyDescent="0.2">
      <c r="C182" s="3"/>
      <c r="D182" s="3"/>
      <c r="E182" s="3"/>
      <c r="F182" s="3"/>
      <c r="G182" s="3"/>
      <c r="H182" s="3"/>
      <c r="I182" s="3"/>
      <c r="J182" s="3"/>
      <c r="K182" s="3"/>
      <c r="L182" s="3"/>
    </row>
    <row r="183" spans="3:12" x14ac:dyDescent="0.2">
      <c r="C183" s="3"/>
      <c r="D183" s="3"/>
      <c r="E183" s="3"/>
      <c r="F183" s="3"/>
      <c r="G183" s="3"/>
      <c r="H183" s="3"/>
      <c r="I183" s="3"/>
      <c r="J183" s="3"/>
      <c r="K183" s="3"/>
      <c r="L183" s="3"/>
    </row>
    <row r="184" spans="3:12" x14ac:dyDescent="0.2">
      <c r="C184" s="3"/>
      <c r="D184" s="3"/>
      <c r="E184" s="3"/>
      <c r="F184" s="3"/>
      <c r="G184" s="3"/>
      <c r="H184" s="3"/>
      <c r="I184" s="3"/>
      <c r="J184" s="3"/>
      <c r="K184" s="3"/>
      <c r="L184" s="3"/>
    </row>
    <row r="185" spans="3:12" x14ac:dyDescent="0.2">
      <c r="C185" s="3"/>
      <c r="D185" s="3"/>
      <c r="E185" s="3"/>
      <c r="F185" s="3"/>
      <c r="G185" s="3"/>
      <c r="H185" s="3"/>
      <c r="I185" s="3"/>
      <c r="J185" s="3"/>
      <c r="K185" s="3"/>
      <c r="L185" s="3"/>
    </row>
    <row r="186" spans="3:12" x14ac:dyDescent="0.2">
      <c r="C186" s="3"/>
      <c r="D186" s="3"/>
      <c r="E186" s="3"/>
      <c r="F186" s="3"/>
      <c r="G186" s="3"/>
      <c r="H186" s="3"/>
      <c r="I186" s="3"/>
      <c r="J186" s="3"/>
      <c r="K186" s="3"/>
      <c r="L186" s="3"/>
    </row>
    <row r="187" spans="3:12" x14ac:dyDescent="0.2">
      <c r="C187" s="3"/>
      <c r="D187" s="3"/>
      <c r="E187" s="3"/>
      <c r="F187" s="3"/>
      <c r="G187" s="3"/>
      <c r="H187" s="3"/>
      <c r="I187" s="3"/>
      <c r="J187" s="3"/>
      <c r="K187" s="3"/>
      <c r="L187" s="3"/>
    </row>
    <row r="188" spans="3:12" x14ac:dyDescent="0.2">
      <c r="C188" s="3"/>
      <c r="D188" s="3"/>
      <c r="E188" s="3"/>
      <c r="F188" s="3"/>
      <c r="G188" s="3"/>
      <c r="H188" s="3"/>
      <c r="I188" s="3"/>
      <c r="J188" s="3"/>
      <c r="K188" s="3"/>
      <c r="L188" s="3"/>
    </row>
    <row r="189" spans="3:12" x14ac:dyDescent="0.2">
      <c r="C189" s="3"/>
      <c r="D189" s="3"/>
      <c r="E189" s="3"/>
      <c r="F189" s="3"/>
      <c r="G189" s="3"/>
      <c r="H189" s="3"/>
      <c r="I189" s="3"/>
      <c r="J189" s="3"/>
      <c r="K189" s="3"/>
      <c r="L189" s="3"/>
    </row>
    <row r="190" spans="3:12" x14ac:dyDescent="0.2">
      <c r="C190" s="3"/>
      <c r="D190" s="3"/>
      <c r="E190" s="3"/>
      <c r="F190" s="3"/>
      <c r="G190" s="3"/>
      <c r="H190" s="3"/>
      <c r="I190" s="3"/>
      <c r="J190" s="3"/>
      <c r="K190" s="3"/>
      <c r="L190" s="3"/>
    </row>
    <row r="191" spans="3:12" x14ac:dyDescent="0.2">
      <c r="C191" s="3"/>
      <c r="D191" s="3"/>
      <c r="E191" s="3"/>
      <c r="F191" s="3"/>
      <c r="G191" s="3"/>
      <c r="H191" s="3"/>
      <c r="I191" s="3"/>
      <c r="J191" s="3"/>
      <c r="K191" s="3"/>
      <c r="L191" s="3"/>
    </row>
    <row r="192" spans="3:12" x14ac:dyDescent="0.2">
      <c r="C192" s="3"/>
      <c r="D192" s="3"/>
      <c r="E192" s="3"/>
      <c r="F192" s="3"/>
      <c r="G192" s="3"/>
      <c r="H192" s="3"/>
      <c r="I192" s="3"/>
      <c r="J192" s="3"/>
      <c r="K192" s="3"/>
      <c r="L192" s="3"/>
    </row>
    <row r="193" spans="3:12" x14ac:dyDescent="0.2">
      <c r="C193" s="3"/>
      <c r="D193" s="3"/>
      <c r="E193" s="3"/>
      <c r="F193" s="3"/>
      <c r="G193" s="3"/>
      <c r="H193" s="3"/>
      <c r="I193" s="3"/>
      <c r="J193" s="3"/>
      <c r="K193" s="3"/>
      <c r="L193" s="3"/>
    </row>
    <row r="194" spans="3:12" x14ac:dyDescent="0.2">
      <c r="C194" s="3"/>
      <c r="D194" s="3"/>
      <c r="E194" s="3"/>
      <c r="F194" s="3"/>
      <c r="G194" s="3"/>
      <c r="H194" s="3"/>
      <c r="I194" s="3"/>
      <c r="J194" s="3"/>
      <c r="K194" s="3"/>
      <c r="L194" s="3"/>
    </row>
    <row r="195" spans="3:12" x14ac:dyDescent="0.2">
      <c r="C195" s="3"/>
      <c r="D195" s="3"/>
      <c r="E195" s="3"/>
      <c r="F195" s="3"/>
      <c r="G195" s="3"/>
      <c r="H195" s="3"/>
      <c r="I195" s="3"/>
      <c r="J195" s="3"/>
      <c r="K195" s="3"/>
      <c r="L195" s="3"/>
    </row>
    <row r="196" spans="3:12" x14ac:dyDescent="0.2">
      <c r="C196" s="3"/>
      <c r="D196" s="3"/>
      <c r="E196" s="3"/>
      <c r="F196" s="3"/>
      <c r="G196" s="3"/>
      <c r="H196" s="3"/>
      <c r="I196" s="3"/>
      <c r="J196" s="3"/>
      <c r="K196" s="3"/>
      <c r="L196" s="3"/>
    </row>
    <row r="197" spans="3:12" x14ac:dyDescent="0.2">
      <c r="C197" s="3"/>
      <c r="D197" s="3"/>
      <c r="E197" s="3"/>
      <c r="F197" s="3"/>
      <c r="G197" s="3"/>
      <c r="H197" s="3"/>
      <c r="I197" s="3"/>
      <c r="J197" s="3"/>
      <c r="K197" s="3"/>
      <c r="L197" s="3"/>
    </row>
    <row r="198" spans="3:12" x14ac:dyDescent="0.2">
      <c r="C198" s="3"/>
      <c r="D198" s="3"/>
      <c r="E198" s="3"/>
      <c r="F198" s="3"/>
      <c r="G198" s="3"/>
      <c r="H198" s="3"/>
      <c r="I198" s="3"/>
      <c r="J198" s="3"/>
      <c r="K198" s="3"/>
      <c r="L198" s="3"/>
    </row>
    <row r="199" spans="3:12" x14ac:dyDescent="0.2">
      <c r="C199" s="3"/>
      <c r="D199" s="3"/>
      <c r="E199" s="3"/>
      <c r="F199" s="3"/>
      <c r="G199" s="3"/>
      <c r="H199" s="3"/>
      <c r="I199" s="3"/>
      <c r="J199" s="3"/>
      <c r="K199" s="3"/>
      <c r="L199" s="3"/>
    </row>
    <row r="200" spans="3:12" x14ac:dyDescent="0.2">
      <c r="C200" s="3"/>
      <c r="D200" s="3"/>
      <c r="E200" s="3"/>
      <c r="F200" s="3"/>
      <c r="G200" s="3"/>
      <c r="H200" s="3"/>
      <c r="I200" s="3"/>
      <c r="J200" s="3"/>
      <c r="K200" s="3"/>
      <c r="L200" s="3"/>
    </row>
    <row r="201" spans="3:12" x14ac:dyDescent="0.2">
      <c r="C201" s="3"/>
      <c r="D201" s="3"/>
      <c r="E201" s="3"/>
      <c r="F201" s="3"/>
      <c r="G201" s="3"/>
      <c r="H201" s="3"/>
      <c r="I201" s="3"/>
      <c r="J201" s="3"/>
      <c r="K201" s="3"/>
      <c r="L201" s="3"/>
    </row>
    <row r="202" spans="3:12" x14ac:dyDescent="0.2">
      <c r="C202" s="3"/>
      <c r="D202" s="3"/>
      <c r="E202" s="3"/>
      <c r="F202" s="3"/>
      <c r="G202" s="3"/>
      <c r="H202" s="3"/>
      <c r="I202" s="3"/>
      <c r="J202" s="3"/>
      <c r="K202" s="3"/>
      <c r="L202" s="3"/>
    </row>
    <row r="203" spans="3:12" x14ac:dyDescent="0.2">
      <c r="C203" s="3"/>
      <c r="D203" s="3"/>
      <c r="E203" s="3"/>
      <c r="F203" s="3"/>
      <c r="G203" s="3"/>
      <c r="H203" s="3"/>
      <c r="I203" s="3"/>
      <c r="J203" s="3"/>
      <c r="K203" s="3"/>
      <c r="L203" s="3"/>
    </row>
    <row r="204" spans="3:12" x14ac:dyDescent="0.2">
      <c r="C204" s="3"/>
      <c r="D204" s="3"/>
      <c r="E204" s="3"/>
      <c r="F204" s="3"/>
      <c r="G204" s="3"/>
      <c r="H204" s="3"/>
      <c r="I204" s="3"/>
      <c r="J204" s="3"/>
      <c r="K204" s="3"/>
      <c r="L204" s="3"/>
    </row>
    <row r="205" spans="3:12" x14ac:dyDescent="0.2">
      <c r="C205" s="3"/>
      <c r="D205" s="3"/>
      <c r="E205" s="3"/>
      <c r="F205" s="3"/>
      <c r="G205" s="3"/>
      <c r="H205" s="3"/>
      <c r="I205" s="3"/>
      <c r="J205" s="3"/>
      <c r="K205" s="3"/>
      <c r="L205" s="3"/>
    </row>
    <row r="206" spans="3:12" x14ac:dyDescent="0.2">
      <c r="C206" s="3"/>
      <c r="D206" s="3"/>
      <c r="E206" s="3"/>
      <c r="F206" s="3"/>
      <c r="G206" s="3"/>
      <c r="H206" s="3"/>
      <c r="I206" s="3"/>
      <c r="J206" s="3"/>
      <c r="K206" s="3"/>
      <c r="L206" s="3"/>
    </row>
    <row r="207" spans="3:12" x14ac:dyDescent="0.2">
      <c r="C207" s="3"/>
      <c r="D207" s="3"/>
      <c r="E207" s="3"/>
      <c r="F207" s="3"/>
      <c r="G207" s="3"/>
      <c r="H207" s="3"/>
      <c r="I207" s="3"/>
      <c r="J207" s="3"/>
      <c r="K207" s="3"/>
      <c r="L207" s="3"/>
    </row>
    <row r="208" spans="3:12" x14ac:dyDescent="0.2">
      <c r="C208" s="3"/>
      <c r="D208" s="3"/>
      <c r="E208" s="3"/>
      <c r="F208" s="3"/>
      <c r="G208" s="3"/>
      <c r="H208" s="3"/>
      <c r="I208" s="3"/>
      <c r="J208" s="3"/>
      <c r="K208" s="3"/>
      <c r="L208" s="3"/>
    </row>
    <row r="209" spans="3:12" x14ac:dyDescent="0.2">
      <c r="C209" s="3"/>
      <c r="D209" s="3"/>
      <c r="E209" s="3"/>
      <c r="F209" s="3"/>
      <c r="G209" s="3"/>
      <c r="H209" s="3"/>
      <c r="I209" s="3"/>
      <c r="J209" s="3"/>
      <c r="K209" s="3"/>
      <c r="L209" s="3"/>
    </row>
    <row r="210" spans="3:12" x14ac:dyDescent="0.2">
      <c r="C210" s="3"/>
      <c r="D210" s="3"/>
      <c r="E210" s="3"/>
      <c r="F210" s="3"/>
      <c r="G210" s="3"/>
      <c r="H210" s="3"/>
      <c r="I210" s="3"/>
      <c r="J210" s="3"/>
      <c r="K210" s="3"/>
      <c r="L210" s="3"/>
    </row>
    <row r="211" spans="3:12" x14ac:dyDescent="0.2">
      <c r="C211" s="3"/>
      <c r="D211" s="3"/>
      <c r="E211" s="3"/>
      <c r="F211" s="3"/>
      <c r="G211" s="3"/>
      <c r="H211" s="3"/>
      <c r="I211" s="3"/>
      <c r="J211" s="3"/>
      <c r="K211" s="3"/>
      <c r="L211" s="3"/>
    </row>
    <row r="212" spans="3:12" x14ac:dyDescent="0.2">
      <c r="C212" s="3"/>
      <c r="D212" s="3"/>
      <c r="E212" s="3"/>
      <c r="F212" s="3"/>
      <c r="G212" s="3"/>
      <c r="H212" s="3"/>
      <c r="I212" s="3"/>
      <c r="J212" s="3"/>
      <c r="K212" s="3"/>
      <c r="L212" s="3"/>
    </row>
    <row r="213" spans="3:12" x14ac:dyDescent="0.2">
      <c r="C213" s="3"/>
      <c r="D213" s="3"/>
      <c r="E213" s="3"/>
      <c r="F213" s="3"/>
      <c r="G213" s="3"/>
      <c r="H213" s="3"/>
      <c r="I213" s="3"/>
      <c r="J213" s="3"/>
      <c r="K213" s="3"/>
      <c r="L213" s="3"/>
    </row>
    <row r="214" spans="3:12" x14ac:dyDescent="0.2">
      <c r="C214" s="3"/>
      <c r="D214" s="3"/>
      <c r="E214" s="3"/>
      <c r="F214" s="3"/>
      <c r="G214" s="3"/>
      <c r="H214" s="3"/>
      <c r="I214" s="3"/>
      <c r="J214" s="3"/>
      <c r="K214" s="3"/>
      <c r="L214" s="3"/>
    </row>
    <row r="215" spans="3:12" x14ac:dyDescent="0.2">
      <c r="C215" s="3"/>
      <c r="D215" s="3"/>
      <c r="E215" s="3"/>
      <c r="F215" s="3"/>
      <c r="G215" s="3"/>
      <c r="H215" s="3"/>
      <c r="I215" s="3"/>
      <c r="J215" s="3"/>
      <c r="K215" s="3"/>
      <c r="L215" s="3"/>
    </row>
    <row r="216" spans="3:12" x14ac:dyDescent="0.2">
      <c r="C216" s="3"/>
      <c r="D216" s="3"/>
      <c r="E216" s="3"/>
      <c r="F216" s="3"/>
      <c r="G216" s="3"/>
      <c r="H216" s="3"/>
      <c r="I216" s="3"/>
      <c r="J216" s="3"/>
      <c r="K216" s="3"/>
      <c r="L216" s="3"/>
    </row>
    <row r="217" spans="3:12" x14ac:dyDescent="0.2">
      <c r="C217" s="3"/>
      <c r="D217" s="3"/>
      <c r="E217" s="3"/>
      <c r="F217" s="3"/>
      <c r="G217" s="3"/>
      <c r="H217" s="3"/>
      <c r="I217" s="3"/>
      <c r="J217" s="3"/>
      <c r="K217" s="3"/>
      <c r="L217" s="3"/>
    </row>
    <row r="218" spans="3:12" x14ac:dyDescent="0.2">
      <c r="C218" s="3"/>
      <c r="D218" s="3"/>
      <c r="E218" s="3"/>
      <c r="F218" s="3"/>
      <c r="G218" s="3"/>
      <c r="H218" s="3"/>
      <c r="I218" s="3"/>
      <c r="J218" s="3"/>
      <c r="K218" s="3"/>
      <c r="L218" s="3"/>
    </row>
  </sheetData>
  <mergeCells count="18">
    <mergeCell ref="H1:I1"/>
    <mergeCell ref="W3:AF3"/>
    <mergeCell ref="AG3:AP3"/>
    <mergeCell ref="M4:O4"/>
    <mergeCell ref="P4:U4"/>
    <mergeCell ref="V4:V5"/>
    <mergeCell ref="W4:Y4"/>
    <mergeCell ref="Z4:AE4"/>
    <mergeCell ref="AF4:AF5"/>
    <mergeCell ref="AG4:AI4"/>
    <mergeCell ref="AJ4:AO4"/>
    <mergeCell ref="AP4:AP5"/>
    <mergeCell ref="B3:B4"/>
    <mergeCell ref="C3:L3"/>
    <mergeCell ref="M3:V3"/>
    <mergeCell ref="C4:E4"/>
    <mergeCell ref="F4:K4"/>
    <mergeCell ref="L4:L5"/>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1">
    <tabColor theme="6"/>
  </sheetPr>
  <dimension ref="A1:AQ218"/>
  <sheetViews>
    <sheetView zoomScaleNormal="100" zoomScaleSheetLayoutView="55" workbookViewId="0">
      <pane xSplit="2" ySplit="6" topLeftCell="C7" activePane="bottomRight" state="frozen"/>
      <selection activeCell="F37" sqref="F37"/>
      <selection pane="topRight" activeCell="F37" sqref="F37"/>
      <selection pane="bottomLeft" activeCell="F37" sqref="F37"/>
      <selection pane="bottomRight" activeCell="O35" sqref="O35:O36"/>
    </sheetView>
  </sheetViews>
  <sheetFormatPr defaultColWidth="9" defaultRowHeight="13.2" x14ac:dyDescent="0.2"/>
  <cols>
    <col min="1" max="1" width="3.77734375" style="39" customWidth="1"/>
    <col min="2" max="2" width="9.77734375" style="1" customWidth="1"/>
    <col min="3" max="3" width="8.88671875" style="1" customWidth="1"/>
    <col min="4" max="4" width="8.109375" style="1" customWidth="1"/>
    <col min="5" max="5" width="10.109375" style="1" bestFit="1" customWidth="1"/>
    <col min="6" max="11" width="9" style="1"/>
    <col min="12" max="12" width="9.6640625" style="1" customWidth="1"/>
    <col min="13" max="22" width="8.77734375" style="1" customWidth="1"/>
    <col min="23" max="42" width="9.6640625" style="1" customWidth="1"/>
    <col min="43" max="16384" width="9" style="1"/>
  </cols>
  <sheetData>
    <row r="1" spans="2:43" ht="24" customHeight="1" x14ac:dyDescent="0.2">
      <c r="B1" s="15" t="s">
        <v>56</v>
      </c>
      <c r="F1" s="468">
        <f>第１表!F2</f>
        <v>5</v>
      </c>
      <c r="G1" s="233">
        <f>第１表!G2</f>
        <v>12</v>
      </c>
      <c r="H1" s="583">
        <f>IF(G1&lt;3,G1-2+12,G1-2)</f>
        <v>10</v>
      </c>
      <c r="I1" s="583"/>
    </row>
    <row r="2" spans="2:43" ht="24" customHeight="1" thickBot="1" x14ac:dyDescent="0.25">
      <c r="B2" s="15" t="s">
        <v>157</v>
      </c>
      <c r="F2" s="15" t="s">
        <v>138</v>
      </c>
    </row>
    <row r="3" spans="2:43" ht="21" customHeight="1" x14ac:dyDescent="0.2">
      <c r="B3" s="549"/>
      <c r="C3" s="552" t="s">
        <v>57</v>
      </c>
      <c r="D3" s="553"/>
      <c r="E3" s="553"/>
      <c r="F3" s="553"/>
      <c r="G3" s="553"/>
      <c r="H3" s="553"/>
      <c r="I3" s="553"/>
      <c r="J3" s="553"/>
      <c r="K3" s="553"/>
      <c r="L3" s="553"/>
      <c r="M3" s="552" t="s">
        <v>58</v>
      </c>
      <c r="N3" s="555"/>
      <c r="O3" s="555"/>
      <c r="P3" s="555"/>
      <c r="Q3" s="555"/>
      <c r="R3" s="555"/>
      <c r="S3" s="555"/>
      <c r="T3" s="555"/>
      <c r="U3" s="555"/>
      <c r="V3" s="555"/>
      <c r="W3" s="552" t="s">
        <v>59</v>
      </c>
      <c r="X3" s="553"/>
      <c r="Y3" s="553"/>
      <c r="Z3" s="553"/>
      <c r="AA3" s="553"/>
      <c r="AB3" s="553"/>
      <c r="AC3" s="553"/>
      <c r="AD3" s="553"/>
      <c r="AE3" s="553"/>
      <c r="AF3" s="553"/>
      <c r="AG3" s="581" t="s">
        <v>149</v>
      </c>
      <c r="AH3" s="553"/>
      <c r="AI3" s="553"/>
      <c r="AJ3" s="553"/>
      <c r="AK3" s="553"/>
      <c r="AL3" s="553"/>
      <c r="AM3" s="553"/>
      <c r="AN3" s="553"/>
      <c r="AO3" s="553"/>
      <c r="AP3" s="554"/>
    </row>
    <row r="4" spans="2:43" ht="21" customHeight="1" x14ac:dyDescent="0.2">
      <c r="B4" s="551"/>
      <c r="C4" s="557" t="s">
        <v>61</v>
      </c>
      <c r="D4" s="558"/>
      <c r="E4" s="559"/>
      <c r="F4" s="560" t="s">
        <v>62</v>
      </c>
      <c r="G4" s="561"/>
      <c r="H4" s="561"/>
      <c r="I4" s="561"/>
      <c r="J4" s="561"/>
      <c r="K4" s="562"/>
      <c r="L4" s="573" t="s">
        <v>52</v>
      </c>
      <c r="M4" s="557" t="s">
        <v>61</v>
      </c>
      <c r="N4" s="558"/>
      <c r="O4" s="559"/>
      <c r="P4" s="560" t="s">
        <v>62</v>
      </c>
      <c r="Q4" s="561"/>
      <c r="R4" s="561"/>
      <c r="S4" s="561"/>
      <c r="T4" s="561"/>
      <c r="U4" s="562"/>
      <c r="V4" s="563" t="s">
        <v>52</v>
      </c>
      <c r="W4" s="557" t="s">
        <v>61</v>
      </c>
      <c r="X4" s="558"/>
      <c r="Y4" s="559"/>
      <c r="Z4" s="560" t="s">
        <v>62</v>
      </c>
      <c r="AA4" s="561"/>
      <c r="AB4" s="561"/>
      <c r="AC4" s="561"/>
      <c r="AD4" s="561"/>
      <c r="AE4" s="562"/>
      <c r="AF4" s="573" t="s">
        <v>52</v>
      </c>
      <c r="AG4" s="557" t="s">
        <v>61</v>
      </c>
      <c r="AH4" s="558"/>
      <c r="AI4" s="559"/>
      <c r="AJ4" s="560" t="s">
        <v>62</v>
      </c>
      <c r="AK4" s="561"/>
      <c r="AL4" s="561"/>
      <c r="AM4" s="561"/>
      <c r="AN4" s="561"/>
      <c r="AO4" s="562"/>
      <c r="AP4" s="563" t="s">
        <v>52</v>
      </c>
    </row>
    <row r="5" spans="2:43" ht="30" customHeight="1" thickBot="1" x14ac:dyDescent="0.25">
      <c r="B5" s="338" t="s">
        <v>42</v>
      </c>
      <c r="C5" s="26" t="s">
        <v>43</v>
      </c>
      <c r="D5" s="27" t="s">
        <v>44</v>
      </c>
      <c r="E5" s="27" t="s">
        <v>45</v>
      </c>
      <c r="F5" s="28" t="s">
        <v>47</v>
      </c>
      <c r="G5" s="29" t="s">
        <v>48</v>
      </c>
      <c r="H5" s="29" t="s">
        <v>49</v>
      </c>
      <c r="I5" s="30" t="s">
        <v>50</v>
      </c>
      <c r="J5" s="27" t="s">
        <v>51</v>
      </c>
      <c r="K5" s="31" t="s">
        <v>95</v>
      </c>
      <c r="L5" s="572"/>
      <c r="M5" s="26" t="s">
        <v>43</v>
      </c>
      <c r="N5" s="27" t="s">
        <v>44</v>
      </c>
      <c r="O5" s="31" t="s">
        <v>45</v>
      </c>
      <c r="P5" s="12" t="s">
        <v>47</v>
      </c>
      <c r="Q5" s="29" t="s">
        <v>48</v>
      </c>
      <c r="R5" s="29" t="s">
        <v>49</v>
      </c>
      <c r="S5" s="30" t="s">
        <v>50</v>
      </c>
      <c r="T5" s="27" t="s">
        <v>51</v>
      </c>
      <c r="U5" s="31" t="s">
        <v>45</v>
      </c>
      <c r="V5" s="564"/>
      <c r="W5" s="26" t="s">
        <v>43</v>
      </c>
      <c r="X5" s="27" t="s">
        <v>44</v>
      </c>
      <c r="Y5" s="27" t="s">
        <v>45</v>
      </c>
      <c r="Z5" s="28" t="s">
        <v>47</v>
      </c>
      <c r="AA5" s="29" t="s">
        <v>48</v>
      </c>
      <c r="AB5" s="29" t="s">
        <v>49</v>
      </c>
      <c r="AC5" s="30" t="s">
        <v>50</v>
      </c>
      <c r="AD5" s="27" t="s">
        <v>51</v>
      </c>
      <c r="AE5" s="31" t="s">
        <v>45</v>
      </c>
      <c r="AF5" s="572"/>
      <c r="AG5" s="26" t="s">
        <v>43</v>
      </c>
      <c r="AH5" s="27" t="s">
        <v>44</v>
      </c>
      <c r="AI5" s="27" t="s">
        <v>45</v>
      </c>
      <c r="AJ5" s="28" t="s">
        <v>47</v>
      </c>
      <c r="AK5" s="29" t="s">
        <v>48</v>
      </c>
      <c r="AL5" s="29" t="s">
        <v>49</v>
      </c>
      <c r="AM5" s="30" t="s">
        <v>50</v>
      </c>
      <c r="AN5" s="27" t="s">
        <v>51</v>
      </c>
      <c r="AO5" s="31" t="s">
        <v>45</v>
      </c>
      <c r="AP5" s="564"/>
    </row>
    <row r="6" spans="2:43" ht="21" customHeight="1" x14ac:dyDescent="0.2">
      <c r="B6" s="470" t="s">
        <v>4</v>
      </c>
      <c r="C6" s="172">
        <v>0</v>
      </c>
      <c r="D6" s="173">
        <v>0</v>
      </c>
      <c r="E6" s="173">
        <v>0</v>
      </c>
      <c r="F6" s="174">
        <v>9</v>
      </c>
      <c r="G6" s="175">
        <v>37</v>
      </c>
      <c r="H6" s="175">
        <v>284</v>
      </c>
      <c r="I6" s="175">
        <v>389</v>
      </c>
      <c r="J6" s="173">
        <v>276</v>
      </c>
      <c r="K6" s="176">
        <v>995</v>
      </c>
      <c r="L6" s="177">
        <v>995</v>
      </c>
      <c r="M6" s="172">
        <v>0</v>
      </c>
      <c r="N6" s="173">
        <v>0</v>
      </c>
      <c r="O6" s="176">
        <v>0</v>
      </c>
      <c r="P6" s="179">
        <v>55</v>
      </c>
      <c r="Q6" s="175">
        <v>142</v>
      </c>
      <c r="R6" s="175">
        <v>192</v>
      </c>
      <c r="S6" s="175">
        <v>235</v>
      </c>
      <c r="T6" s="173">
        <v>125</v>
      </c>
      <c r="U6" s="176">
        <v>749</v>
      </c>
      <c r="V6" s="180">
        <v>749</v>
      </c>
      <c r="W6" s="179">
        <v>0</v>
      </c>
      <c r="X6" s="173">
        <v>0</v>
      </c>
      <c r="Y6" s="173">
        <v>0</v>
      </c>
      <c r="Z6" s="174">
        <v>0</v>
      </c>
      <c r="AA6" s="175">
        <v>0</v>
      </c>
      <c r="AB6" s="175">
        <v>0</v>
      </c>
      <c r="AC6" s="175">
        <v>9</v>
      </c>
      <c r="AD6" s="173">
        <v>9</v>
      </c>
      <c r="AE6" s="176">
        <v>18</v>
      </c>
      <c r="AF6" s="177">
        <v>18</v>
      </c>
      <c r="AG6" s="172">
        <v>0</v>
      </c>
      <c r="AH6" s="173">
        <v>0</v>
      </c>
      <c r="AI6" s="173">
        <v>0</v>
      </c>
      <c r="AJ6" s="174">
        <v>0</v>
      </c>
      <c r="AK6" s="175">
        <v>2</v>
      </c>
      <c r="AL6" s="175">
        <v>1</v>
      </c>
      <c r="AM6" s="175">
        <v>12</v>
      </c>
      <c r="AN6" s="173">
        <v>26</v>
      </c>
      <c r="AO6" s="176">
        <v>41</v>
      </c>
      <c r="AP6" s="178">
        <v>41</v>
      </c>
      <c r="AQ6" s="32"/>
    </row>
    <row r="7" spans="2:43" ht="21" customHeight="1" x14ac:dyDescent="0.2">
      <c r="B7" s="471" t="s">
        <v>5</v>
      </c>
      <c r="C7" s="181">
        <v>0</v>
      </c>
      <c r="D7" s="182">
        <v>0</v>
      </c>
      <c r="E7" s="182">
        <v>0</v>
      </c>
      <c r="F7" s="183">
        <v>6</v>
      </c>
      <c r="G7" s="184">
        <v>24</v>
      </c>
      <c r="H7" s="184">
        <v>145</v>
      </c>
      <c r="I7" s="184">
        <v>161</v>
      </c>
      <c r="J7" s="182">
        <v>116</v>
      </c>
      <c r="K7" s="185">
        <v>452</v>
      </c>
      <c r="L7" s="186">
        <v>452</v>
      </c>
      <c r="M7" s="181">
        <v>0</v>
      </c>
      <c r="N7" s="182">
        <v>0</v>
      </c>
      <c r="O7" s="185">
        <v>0</v>
      </c>
      <c r="P7" s="188">
        <v>25</v>
      </c>
      <c r="Q7" s="184">
        <v>77</v>
      </c>
      <c r="R7" s="184">
        <v>90</v>
      </c>
      <c r="S7" s="184">
        <v>112</v>
      </c>
      <c r="T7" s="182">
        <v>66</v>
      </c>
      <c r="U7" s="185">
        <v>370</v>
      </c>
      <c r="V7" s="189">
        <v>370</v>
      </c>
      <c r="W7" s="188">
        <v>0</v>
      </c>
      <c r="X7" s="182">
        <v>0</v>
      </c>
      <c r="Y7" s="182">
        <v>0</v>
      </c>
      <c r="Z7" s="183">
        <v>0</v>
      </c>
      <c r="AA7" s="184">
        <v>0</v>
      </c>
      <c r="AB7" s="184">
        <v>0</v>
      </c>
      <c r="AC7" s="184">
        <v>3</v>
      </c>
      <c r="AD7" s="182">
        <v>4</v>
      </c>
      <c r="AE7" s="185">
        <v>7</v>
      </c>
      <c r="AF7" s="186">
        <v>7</v>
      </c>
      <c r="AG7" s="181">
        <v>0</v>
      </c>
      <c r="AH7" s="182">
        <v>0</v>
      </c>
      <c r="AI7" s="182">
        <v>0</v>
      </c>
      <c r="AJ7" s="183">
        <v>0</v>
      </c>
      <c r="AK7" s="184">
        <v>0</v>
      </c>
      <c r="AL7" s="184">
        <v>0</v>
      </c>
      <c r="AM7" s="184">
        <v>8</v>
      </c>
      <c r="AN7" s="182">
        <v>9</v>
      </c>
      <c r="AO7" s="185">
        <v>17</v>
      </c>
      <c r="AP7" s="187">
        <v>17</v>
      </c>
      <c r="AQ7" s="32"/>
    </row>
    <row r="8" spans="2:43" ht="21" customHeight="1" x14ac:dyDescent="0.2">
      <c r="B8" s="472" t="s">
        <v>6</v>
      </c>
      <c r="C8" s="181">
        <v>0</v>
      </c>
      <c r="D8" s="182">
        <v>0</v>
      </c>
      <c r="E8" s="182">
        <v>0</v>
      </c>
      <c r="F8" s="183">
        <v>2</v>
      </c>
      <c r="G8" s="184">
        <v>3</v>
      </c>
      <c r="H8" s="184">
        <v>38</v>
      </c>
      <c r="I8" s="184">
        <v>49</v>
      </c>
      <c r="J8" s="182">
        <v>40</v>
      </c>
      <c r="K8" s="185">
        <v>132</v>
      </c>
      <c r="L8" s="186">
        <v>132</v>
      </c>
      <c r="M8" s="181">
        <v>0</v>
      </c>
      <c r="N8" s="182">
        <v>0</v>
      </c>
      <c r="O8" s="185">
        <v>0</v>
      </c>
      <c r="P8" s="188">
        <v>10</v>
      </c>
      <c r="Q8" s="184">
        <v>10</v>
      </c>
      <c r="R8" s="184">
        <v>21</v>
      </c>
      <c r="S8" s="184">
        <v>45</v>
      </c>
      <c r="T8" s="182">
        <v>19</v>
      </c>
      <c r="U8" s="185">
        <v>105</v>
      </c>
      <c r="V8" s="189">
        <v>105</v>
      </c>
      <c r="W8" s="188">
        <v>0</v>
      </c>
      <c r="X8" s="182">
        <v>0</v>
      </c>
      <c r="Y8" s="182">
        <v>0</v>
      </c>
      <c r="Z8" s="183">
        <v>0</v>
      </c>
      <c r="AA8" s="184">
        <v>0</v>
      </c>
      <c r="AB8" s="184">
        <v>0</v>
      </c>
      <c r="AC8" s="184">
        <v>5</v>
      </c>
      <c r="AD8" s="182">
        <v>3</v>
      </c>
      <c r="AE8" s="185">
        <v>8</v>
      </c>
      <c r="AF8" s="186">
        <v>8</v>
      </c>
      <c r="AG8" s="181">
        <v>0</v>
      </c>
      <c r="AH8" s="182">
        <v>0</v>
      </c>
      <c r="AI8" s="182">
        <v>0</v>
      </c>
      <c r="AJ8" s="183">
        <v>0</v>
      </c>
      <c r="AK8" s="184">
        <v>0</v>
      </c>
      <c r="AL8" s="184">
        <v>0</v>
      </c>
      <c r="AM8" s="184">
        <v>1</v>
      </c>
      <c r="AN8" s="182">
        <v>4</v>
      </c>
      <c r="AO8" s="185">
        <v>5</v>
      </c>
      <c r="AP8" s="187">
        <v>5</v>
      </c>
      <c r="AQ8" s="32"/>
    </row>
    <row r="9" spans="2:43" ht="21" customHeight="1" x14ac:dyDescent="0.2">
      <c r="B9" s="472" t="s">
        <v>14</v>
      </c>
      <c r="C9" s="181">
        <v>0</v>
      </c>
      <c r="D9" s="182">
        <v>0</v>
      </c>
      <c r="E9" s="182">
        <v>0</v>
      </c>
      <c r="F9" s="183">
        <v>0</v>
      </c>
      <c r="G9" s="184">
        <v>0</v>
      </c>
      <c r="H9" s="184">
        <v>23</v>
      </c>
      <c r="I9" s="184">
        <v>32</v>
      </c>
      <c r="J9" s="182">
        <v>22</v>
      </c>
      <c r="K9" s="185">
        <v>77</v>
      </c>
      <c r="L9" s="186">
        <v>77</v>
      </c>
      <c r="M9" s="181">
        <v>0</v>
      </c>
      <c r="N9" s="182">
        <v>0</v>
      </c>
      <c r="O9" s="185">
        <v>0</v>
      </c>
      <c r="P9" s="188">
        <v>1</v>
      </c>
      <c r="Q9" s="184">
        <v>9</v>
      </c>
      <c r="R9" s="184">
        <v>10</v>
      </c>
      <c r="S9" s="184">
        <v>15</v>
      </c>
      <c r="T9" s="182">
        <v>10</v>
      </c>
      <c r="U9" s="185">
        <v>45</v>
      </c>
      <c r="V9" s="189">
        <v>45</v>
      </c>
      <c r="W9" s="188">
        <v>0</v>
      </c>
      <c r="X9" s="182">
        <v>0</v>
      </c>
      <c r="Y9" s="182">
        <v>0</v>
      </c>
      <c r="Z9" s="183">
        <v>0</v>
      </c>
      <c r="AA9" s="184">
        <v>0</v>
      </c>
      <c r="AB9" s="184">
        <v>0</v>
      </c>
      <c r="AC9" s="184">
        <v>1</v>
      </c>
      <c r="AD9" s="182">
        <v>1</v>
      </c>
      <c r="AE9" s="185">
        <v>2</v>
      </c>
      <c r="AF9" s="186">
        <v>2</v>
      </c>
      <c r="AG9" s="181">
        <v>0</v>
      </c>
      <c r="AH9" s="182">
        <v>0</v>
      </c>
      <c r="AI9" s="182">
        <v>0</v>
      </c>
      <c r="AJ9" s="183">
        <v>0</v>
      </c>
      <c r="AK9" s="184">
        <v>0</v>
      </c>
      <c r="AL9" s="184">
        <v>1</v>
      </c>
      <c r="AM9" s="184">
        <v>1</v>
      </c>
      <c r="AN9" s="182">
        <v>3</v>
      </c>
      <c r="AO9" s="185">
        <v>5</v>
      </c>
      <c r="AP9" s="187">
        <v>5</v>
      </c>
      <c r="AQ9" s="32"/>
    </row>
    <row r="10" spans="2:43" ht="21" customHeight="1" x14ac:dyDescent="0.2">
      <c r="B10" s="472" t="s">
        <v>7</v>
      </c>
      <c r="C10" s="181">
        <v>0</v>
      </c>
      <c r="D10" s="182">
        <v>0</v>
      </c>
      <c r="E10" s="182">
        <v>0</v>
      </c>
      <c r="F10" s="183">
        <v>0</v>
      </c>
      <c r="G10" s="184">
        <v>1</v>
      </c>
      <c r="H10" s="184">
        <v>7</v>
      </c>
      <c r="I10" s="184">
        <v>16</v>
      </c>
      <c r="J10" s="182">
        <v>9</v>
      </c>
      <c r="K10" s="185">
        <v>33</v>
      </c>
      <c r="L10" s="186">
        <v>33</v>
      </c>
      <c r="M10" s="181">
        <v>0</v>
      </c>
      <c r="N10" s="182">
        <v>0</v>
      </c>
      <c r="O10" s="185">
        <v>0</v>
      </c>
      <c r="P10" s="188">
        <v>3</v>
      </c>
      <c r="Q10" s="184">
        <v>1</v>
      </c>
      <c r="R10" s="184">
        <v>6</v>
      </c>
      <c r="S10" s="184">
        <v>7</v>
      </c>
      <c r="T10" s="182">
        <v>0</v>
      </c>
      <c r="U10" s="185">
        <v>17</v>
      </c>
      <c r="V10" s="189">
        <v>17</v>
      </c>
      <c r="W10" s="188">
        <v>0</v>
      </c>
      <c r="X10" s="182">
        <v>0</v>
      </c>
      <c r="Y10" s="182">
        <v>0</v>
      </c>
      <c r="Z10" s="183">
        <v>0</v>
      </c>
      <c r="AA10" s="184">
        <v>0</v>
      </c>
      <c r="AB10" s="184">
        <v>0</v>
      </c>
      <c r="AC10" s="184">
        <v>0</v>
      </c>
      <c r="AD10" s="182">
        <v>0</v>
      </c>
      <c r="AE10" s="185">
        <v>0</v>
      </c>
      <c r="AF10" s="186">
        <v>0</v>
      </c>
      <c r="AG10" s="181">
        <v>0</v>
      </c>
      <c r="AH10" s="182">
        <v>0</v>
      </c>
      <c r="AI10" s="182">
        <v>0</v>
      </c>
      <c r="AJ10" s="183">
        <v>0</v>
      </c>
      <c r="AK10" s="184">
        <v>0</v>
      </c>
      <c r="AL10" s="184">
        <v>0</v>
      </c>
      <c r="AM10" s="184">
        <v>0</v>
      </c>
      <c r="AN10" s="182">
        <v>0</v>
      </c>
      <c r="AO10" s="185">
        <v>0</v>
      </c>
      <c r="AP10" s="187">
        <v>0</v>
      </c>
      <c r="AQ10" s="32"/>
    </row>
    <row r="11" spans="2:43" ht="21" customHeight="1" x14ac:dyDescent="0.2">
      <c r="B11" s="472" t="s">
        <v>8</v>
      </c>
      <c r="C11" s="181">
        <v>0</v>
      </c>
      <c r="D11" s="182">
        <v>0</v>
      </c>
      <c r="E11" s="182">
        <v>0</v>
      </c>
      <c r="F11" s="183">
        <v>0</v>
      </c>
      <c r="G11" s="184">
        <v>2</v>
      </c>
      <c r="H11" s="184">
        <v>4</v>
      </c>
      <c r="I11" s="184">
        <v>8</v>
      </c>
      <c r="J11" s="182">
        <v>5</v>
      </c>
      <c r="K11" s="185">
        <v>19</v>
      </c>
      <c r="L11" s="186">
        <v>19</v>
      </c>
      <c r="M11" s="181">
        <v>0</v>
      </c>
      <c r="N11" s="182">
        <v>0</v>
      </c>
      <c r="O11" s="185">
        <v>0</v>
      </c>
      <c r="P11" s="188">
        <v>3</v>
      </c>
      <c r="Q11" s="184">
        <v>2</v>
      </c>
      <c r="R11" s="184">
        <v>7</v>
      </c>
      <c r="S11" s="184">
        <v>5</v>
      </c>
      <c r="T11" s="182">
        <v>1</v>
      </c>
      <c r="U11" s="185">
        <v>18</v>
      </c>
      <c r="V11" s="189">
        <v>18</v>
      </c>
      <c r="W11" s="188">
        <v>0</v>
      </c>
      <c r="X11" s="182">
        <v>0</v>
      </c>
      <c r="Y11" s="182">
        <v>0</v>
      </c>
      <c r="Z11" s="183">
        <v>0</v>
      </c>
      <c r="AA11" s="184">
        <v>0</v>
      </c>
      <c r="AB11" s="184">
        <v>0</v>
      </c>
      <c r="AC11" s="184">
        <v>0</v>
      </c>
      <c r="AD11" s="182">
        <v>0</v>
      </c>
      <c r="AE11" s="185">
        <v>0</v>
      </c>
      <c r="AF11" s="186">
        <v>0</v>
      </c>
      <c r="AG11" s="181">
        <v>0</v>
      </c>
      <c r="AH11" s="182">
        <v>0</v>
      </c>
      <c r="AI11" s="182">
        <v>0</v>
      </c>
      <c r="AJ11" s="183">
        <v>0</v>
      </c>
      <c r="AK11" s="184">
        <v>1</v>
      </c>
      <c r="AL11" s="184">
        <v>0</v>
      </c>
      <c r="AM11" s="184">
        <v>0</v>
      </c>
      <c r="AN11" s="182">
        <v>0</v>
      </c>
      <c r="AO11" s="185">
        <v>1</v>
      </c>
      <c r="AP11" s="187">
        <v>1</v>
      </c>
      <c r="AQ11" s="32"/>
    </row>
    <row r="12" spans="2:43" ht="21" customHeight="1" x14ac:dyDescent="0.2">
      <c r="B12" s="472" t="s">
        <v>9</v>
      </c>
      <c r="C12" s="181">
        <v>0</v>
      </c>
      <c r="D12" s="182">
        <v>0</v>
      </c>
      <c r="E12" s="182">
        <v>0</v>
      </c>
      <c r="F12" s="183">
        <v>1</v>
      </c>
      <c r="G12" s="184">
        <v>0</v>
      </c>
      <c r="H12" s="184">
        <v>6</v>
      </c>
      <c r="I12" s="184">
        <v>17</v>
      </c>
      <c r="J12" s="182">
        <v>13</v>
      </c>
      <c r="K12" s="185">
        <v>37</v>
      </c>
      <c r="L12" s="186">
        <v>37</v>
      </c>
      <c r="M12" s="181">
        <v>0</v>
      </c>
      <c r="N12" s="182">
        <v>0</v>
      </c>
      <c r="O12" s="185">
        <v>0</v>
      </c>
      <c r="P12" s="188">
        <v>1</v>
      </c>
      <c r="Q12" s="184">
        <v>6</v>
      </c>
      <c r="R12" s="184">
        <v>7</v>
      </c>
      <c r="S12" s="184">
        <v>4</v>
      </c>
      <c r="T12" s="182">
        <v>6</v>
      </c>
      <c r="U12" s="185">
        <v>24</v>
      </c>
      <c r="V12" s="189">
        <v>24</v>
      </c>
      <c r="W12" s="188">
        <v>0</v>
      </c>
      <c r="X12" s="182">
        <v>0</v>
      </c>
      <c r="Y12" s="182">
        <v>0</v>
      </c>
      <c r="Z12" s="183">
        <v>0</v>
      </c>
      <c r="AA12" s="184">
        <v>0</v>
      </c>
      <c r="AB12" s="184">
        <v>0</v>
      </c>
      <c r="AC12" s="184">
        <v>0</v>
      </c>
      <c r="AD12" s="182">
        <v>0</v>
      </c>
      <c r="AE12" s="185">
        <v>0</v>
      </c>
      <c r="AF12" s="186">
        <v>0</v>
      </c>
      <c r="AG12" s="181">
        <v>0</v>
      </c>
      <c r="AH12" s="182">
        <v>0</v>
      </c>
      <c r="AI12" s="182">
        <v>0</v>
      </c>
      <c r="AJ12" s="183">
        <v>0</v>
      </c>
      <c r="AK12" s="184">
        <v>0</v>
      </c>
      <c r="AL12" s="184">
        <v>0</v>
      </c>
      <c r="AM12" s="184">
        <v>0</v>
      </c>
      <c r="AN12" s="182">
        <v>0</v>
      </c>
      <c r="AO12" s="185">
        <v>0</v>
      </c>
      <c r="AP12" s="187">
        <v>0</v>
      </c>
      <c r="AQ12" s="32"/>
    </row>
    <row r="13" spans="2:43" ht="21" customHeight="1" x14ac:dyDescent="0.2">
      <c r="B13" s="472" t="s">
        <v>10</v>
      </c>
      <c r="C13" s="181">
        <v>0</v>
      </c>
      <c r="D13" s="182">
        <v>0</v>
      </c>
      <c r="E13" s="182">
        <v>0</v>
      </c>
      <c r="F13" s="183">
        <v>0</v>
      </c>
      <c r="G13" s="184">
        <v>2</v>
      </c>
      <c r="H13" s="184">
        <v>13</v>
      </c>
      <c r="I13" s="184">
        <v>19</v>
      </c>
      <c r="J13" s="182">
        <v>20</v>
      </c>
      <c r="K13" s="185">
        <v>54</v>
      </c>
      <c r="L13" s="186">
        <v>54</v>
      </c>
      <c r="M13" s="181">
        <v>0</v>
      </c>
      <c r="N13" s="182">
        <v>0</v>
      </c>
      <c r="O13" s="185">
        <v>0</v>
      </c>
      <c r="P13" s="188">
        <v>1</v>
      </c>
      <c r="Q13" s="184">
        <v>2</v>
      </c>
      <c r="R13" s="184">
        <v>5</v>
      </c>
      <c r="S13" s="184">
        <v>7</v>
      </c>
      <c r="T13" s="182">
        <v>2</v>
      </c>
      <c r="U13" s="185">
        <v>17</v>
      </c>
      <c r="V13" s="189">
        <v>17</v>
      </c>
      <c r="W13" s="188">
        <v>0</v>
      </c>
      <c r="X13" s="182">
        <v>0</v>
      </c>
      <c r="Y13" s="182">
        <v>0</v>
      </c>
      <c r="Z13" s="183">
        <v>0</v>
      </c>
      <c r="AA13" s="184">
        <v>0</v>
      </c>
      <c r="AB13" s="184">
        <v>0</v>
      </c>
      <c r="AC13" s="184">
        <v>0</v>
      </c>
      <c r="AD13" s="182">
        <v>0</v>
      </c>
      <c r="AE13" s="185">
        <v>0</v>
      </c>
      <c r="AF13" s="186">
        <v>0</v>
      </c>
      <c r="AG13" s="181">
        <v>0</v>
      </c>
      <c r="AH13" s="182">
        <v>0</v>
      </c>
      <c r="AI13" s="182">
        <v>0</v>
      </c>
      <c r="AJ13" s="183">
        <v>0</v>
      </c>
      <c r="AK13" s="184">
        <v>0</v>
      </c>
      <c r="AL13" s="184">
        <v>0</v>
      </c>
      <c r="AM13" s="184">
        <v>0</v>
      </c>
      <c r="AN13" s="182">
        <v>1</v>
      </c>
      <c r="AO13" s="185">
        <v>1</v>
      </c>
      <c r="AP13" s="187">
        <v>1</v>
      </c>
      <c r="AQ13" s="32"/>
    </row>
    <row r="14" spans="2:43" ht="21" customHeight="1" x14ac:dyDescent="0.2">
      <c r="B14" s="472" t="s">
        <v>11</v>
      </c>
      <c r="C14" s="181">
        <v>0</v>
      </c>
      <c r="D14" s="182">
        <v>0</v>
      </c>
      <c r="E14" s="182">
        <v>0</v>
      </c>
      <c r="F14" s="183">
        <v>0</v>
      </c>
      <c r="G14" s="184">
        <v>0</v>
      </c>
      <c r="H14" s="184">
        <v>7</v>
      </c>
      <c r="I14" s="184">
        <v>9</v>
      </c>
      <c r="J14" s="182">
        <v>6</v>
      </c>
      <c r="K14" s="185">
        <v>22</v>
      </c>
      <c r="L14" s="186">
        <v>22</v>
      </c>
      <c r="M14" s="181">
        <v>0</v>
      </c>
      <c r="N14" s="182">
        <v>0</v>
      </c>
      <c r="O14" s="185">
        <v>0</v>
      </c>
      <c r="P14" s="188">
        <v>1</v>
      </c>
      <c r="Q14" s="184">
        <v>3</v>
      </c>
      <c r="R14" s="184">
        <v>8</v>
      </c>
      <c r="S14" s="184">
        <v>3</v>
      </c>
      <c r="T14" s="182">
        <v>0</v>
      </c>
      <c r="U14" s="185">
        <v>15</v>
      </c>
      <c r="V14" s="189">
        <v>15</v>
      </c>
      <c r="W14" s="188">
        <v>0</v>
      </c>
      <c r="X14" s="182">
        <v>0</v>
      </c>
      <c r="Y14" s="182">
        <v>0</v>
      </c>
      <c r="Z14" s="183">
        <v>0</v>
      </c>
      <c r="AA14" s="184">
        <v>0</v>
      </c>
      <c r="AB14" s="184">
        <v>0</v>
      </c>
      <c r="AC14" s="184">
        <v>0</v>
      </c>
      <c r="AD14" s="182">
        <v>0</v>
      </c>
      <c r="AE14" s="185">
        <v>0</v>
      </c>
      <c r="AF14" s="186">
        <v>0</v>
      </c>
      <c r="AG14" s="181">
        <v>0</v>
      </c>
      <c r="AH14" s="182">
        <v>0</v>
      </c>
      <c r="AI14" s="182">
        <v>0</v>
      </c>
      <c r="AJ14" s="183">
        <v>0</v>
      </c>
      <c r="AK14" s="184">
        <v>1</v>
      </c>
      <c r="AL14" s="184">
        <v>0</v>
      </c>
      <c r="AM14" s="184">
        <v>0</v>
      </c>
      <c r="AN14" s="182">
        <v>0</v>
      </c>
      <c r="AO14" s="185">
        <v>1</v>
      </c>
      <c r="AP14" s="187">
        <v>1</v>
      </c>
      <c r="AQ14" s="32"/>
    </row>
    <row r="15" spans="2:43" ht="21" customHeight="1" x14ac:dyDescent="0.2">
      <c r="B15" s="472" t="s">
        <v>12</v>
      </c>
      <c r="C15" s="181">
        <v>0</v>
      </c>
      <c r="D15" s="182">
        <v>0</v>
      </c>
      <c r="E15" s="182">
        <v>0</v>
      </c>
      <c r="F15" s="183">
        <v>0</v>
      </c>
      <c r="G15" s="184">
        <v>0</v>
      </c>
      <c r="H15" s="184">
        <v>1</v>
      </c>
      <c r="I15" s="184">
        <v>12</v>
      </c>
      <c r="J15" s="182">
        <v>3</v>
      </c>
      <c r="K15" s="185">
        <v>16</v>
      </c>
      <c r="L15" s="186">
        <v>16</v>
      </c>
      <c r="M15" s="181">
        <v>0</v>
      </c>
      <c r="N15" s="182">
        <v>0</v>
      </c>
      <c r="O15" s="185">
        <v>0</v>
      </c>
      <c r="P15" s="188">
        <v>0</v>
      </c>
      <c r="Q15" s="184">
        <v>5</v>
      </c>
      <c r="R15" s="184">
        <v>2</v>
      </c>
      <c r="S15" s="184">
        <v>5</v>
      </c>
      <c r="T15" s="182">
        <v>5</v>
      </c>
      <c r="U15" s="185">
        <v>17</v>
      </c>
      <c r="V15" s="189">
        <v>17</v>
      </c>
      <c r="W15" s="188">
        <v>0</v>
      </c>
      <c r="X15" s="182">
        <v>0</v>
      </c>
      <c r="Y15" s="182">
        <v>0</v>
      </c>
      <c r="Z15" s="183">
        <v>0</v>
      </c>
      <c r="AA15" s="184">
        <v>0</v>
      </c>
      <c r="AB15" s="184">
        <v>0</v>
      </c>
      <c r="AC15" s="184">
        <v>0</v>
      </c>
      <c r="AD15" s="182">
        <v>0</v>
      </c>
      <c r="AE15" s="185">
        <v>0</v>
      </c>
      <c r="AF15" s="186">
        <v>0</v>
      </c>
      <c r="AG15" s="181">
        <v>0</v>
      </c>
      <c r="AH15" s="182">
        <v>0</v>
      </c>
      <c r="AI15" s="182">
        <v>0</v>
      </c>
      <c r="AJ15" s="183">
        <v>0</v>
      </c>
      <c r="AK15" s="184">
        <v>0</v>
      </c>
      <c r="AL15" s="184">
        <v>0</v>
      </c>
      <c r="AM15" s="184">
        <v>1</v>
      </c>
      <c r="AN15" s="182">
        <v>0</v>
      </c>
      <c r="AO15" s="185">
        <v>1</v>
      </c>
      <c r="AP15" s="187">
        <v>1</v>
      </c>
      <c r="AQ15" s="32"/>
    </row>
    <row r="16" spans="2:43" ht="21" customHeight="1" x14ac:dyDescent="0.2">
      <c r="B16" s="472" t="s">
        <v>13</v>
      </c>
      <c r="C16" s="181">
        <v>0</v>
      </c>
      <c r="D16" s="182">
        <v>0</v>
      </c>
      <c r="E16" s="182">
        <v>0</v>
      </c>
      <c r="F16" s="183">
        <v>0</v>
      </c>
      <c r="G16" s="184">
        <v>0</v>
      </c>
      <c r="H16" s="184">
        <v>0</v>
      </c>
      <c r="I16" s="184">
        <v>6</v>
      </c>
      <c r="J16" s="182">
        <v>5</v>
      </c>
      <c r="K16" s="185">
        <v>11</v>
      </c>
      <c r="L16" s="186">
        <v>11</v>
      </c>
      <c r="M16" s="181">
        <v>0</v>
      </c>
      <c r="N16" s="182">
        <v>0</v>
      </c>
      <c r="O16" s="185">
        <v>0</v>
      </c>
      <c r="P16" s="188">
        <v>0</v>
      </c>
      <c r="Q16" s="184">
        <v>3</v>
      </c>
      <c r="R16" s="184">
        <v>1</v>
      </c>
      <c r="S16" s="184">
        <v>1</v>
      </c>
      <c r="T16" s="182">
        <v>2</v>
      </c>
      <c r="U16" s="185">
        <v>7</v>
      </c>
      <c r="V16" s="189">
        <v>7</v>
      </c>
      <c r="W16" s="188">
        <v>0</v>
      </c>
      <c r="X16" s="182">
        <v>0</v>
      </c>
      <c r="Y16" s="182">
        <v>0</v>
      </c>
      <c r="Z16" s="183">
        <v>0</v>
      </c>
      <c r="AA16" s="184">
        <v>0</v>
      </c>
      <c r="AB16" s="184">
        <v>0</v>
      </c>
      <c r="AC16" s="184">
        <v>0</v>
      </c>
      <c r="AD16" s="182">
        <v>0</v>
      </c>
      <c r="AE16" s="185">
        <v>0</v>
      </c>
      <c r="AF16" s="186">
        <v>0</v>
      </c>
      <c r="AG16" s="181">
        <v>0</v>
      </c>
      <c r="AH16" s="182">
        <v>0</v>
      </c>
      <c r="AI16" s="182">
        <v>0</v>
      </c>
      <c r="AJ16" s="183">
        <v>0</v>
      </c>
      <c r="AK16" s="184">
        <v>0</v>
      </c>
      <c r="AL16" s="184">
        <v>0</v>
      </c>
      <c r="AM16" s="184">
        <v>0</v>
      </c>
      <c r="AN16" s="182">
        <v>0</v>
      </c>
      <c r="AO16" s="185">
        <v>0</v>
      </c>
      <c r="AP16" s="187">
        <v>0</v>
      </c>
      <c r="AQ16" s="32"/>
    </row>
    <row r="17" spans="2:43" ht="21" customHeight="1" x14ac:dyDescent="0.2">
      <c r="B17" s="472" t="s">
        <v>15</v>
      </c>
      <c r="C17" s="181">
        <v>0</v>
      </c>
      <c r="D17" s="182">
        <v>0</v>
      </c>
      <c r="E17" s="182">
        <v>0</v>
      </c>
      <c r="F17" s="183">
        <v>0</v>
      </c>
      <c r="G17" s="184">
        <v>0</v>
      </c>
      <c r="H17" s="184">
        <v>0</v>
      </c>
      <c r="I17" s="184">
        <v>0</v>
      </c>
      <c r="J17" s="182">
        <v>2</v>
      </c>
      <c r="K17" s="185">
        <v>2</v>
      </c>
      <c r="L17" s="186">
        <v>2</v>
      </c>
      <c r="M17" s="181">
        <v>0</v>
      </c>
      <c r="N17" s="182">
        <v>0</v>
      </c>
      <c r="O17" s="185">
        <v>0</v>
      </c>
      <c r="P17" s="188">
        <v>0</v>
      </c>
      <c r="Q17" s="184">
        <v>0</v>
      </c>
      <c r="R17" s="184">
        <v>2</v>
      </c>
      <c r="S17" s="184">
        <v>1</v>
      </c>
      <c r="T17" s="182">
        <v>0</v>
      </c>
      <c r="U17" s="185">
        <v>3</v>
      </c>
      <c r="V17" s="189">
        <v>3</v>
      </c>
      <c r="W17" s="188">
        <v>0</v>
      </c>
      <c r="X17" s="182">
        <v>0</v>
      </c>
      <c r="Y17" s="182">
        <v>0</v>
      </c>
      <c r="Z17" s="183">
        <v>0</v>
      </c>
      <c r="AA17" s="184">
        <v>0</v>
      </c>
      <c r="AB17" s="184">
        <v>0</v>
      </c>
      <c r="AC17" s="184">
        <v>0</v>
      </c>
      <c r="AD17" s="182">
        <v>0</v>
      </c>
      <c r="AE17" s="185">
        <v>0</v>
      </c>
      <c r="AF17" s="186">
        <v>0</v>
      </c>
      <c r="AG17" s="181">
        <v>0</v>
      </c>
      <c r="AH17" s="182">
        <v>0</v>
      </c>
      <c r="AI17" s="182">
        <v>0</v>
      </c>
      <c r="AJ17" s="183">
        <v>0</v>
      </c>
      <c r="AK17" s="184">
        <v>0</v>
      </c>
      <c r="AL17" s="184">
        <v>0</v>
      </c>
      <c r="AM17" s="184">
        <v>0</v>
      </c>
      <c r="AN17" s="182">
        <v>0</v>
      </c>
      <c r="AO17" s="185">
        <v>0</v>
      </c>
      <c r="AP17" s="187">
        <v>0</v>
      </c>
      <c r="AQ17" s="32"/>
    </row>
    <row r="18" spans="2:43" ht="21" customHeight="1" x14ac:dyDescent="0.2">
      <c r="B18" s="472" t="s">
        <v>16</v>
      </c>
      <c r="C18" s="181">
        <v>0</v>
      </c>
      <c r="D18" s="182">
        <v>0</v>
      </c>
      <c r="E18" s="182">
        <v>0</v>
      </c>
      <c r="F18" s="183">
        <v>0</v>
      </c>
      <c r="G18" s="184">
        <v>0</v>
      </c>
      <c r="H18" s="184">
        <v>7</v>
      </c>
      <c r="I18" s="184">
        <v>7</v>
      </c>
      <c r="J18" s="182">
        <v>3</v>
      </c>
      <c r="K18" s="185">
        <v>17</v>
      </c>
      <c r="L18" s="186">
        <v>17</v>
      </c>
      <c r="M18" s="181">
        <v>0</v>
      </c>
      <c r="N18" s="182">
        <v>0</v>
      </c>
      <c r="O18" s="185">
        <v>0</v>
      </c>
      <c r="P18" s="188">
        <v>1</v>
      </c>
      <c r="Q18" s="184">
        <v>2</v>
      </c>
      <c r="R18" s="184">
        <v>3</v>
      </c>
      <c r="S18" s="184">
        <v>3</v>
      </c>
      <c r="T18" s="182">
        <v>1</v>
      </c>
      <c r="U18" s="185">
        <v>10</v>
      </c>
      <c r="V18" s="189">
        <v>10</v>
      </c>
      <c r="W18" s="188">
        <v>0</v>
      </c>
      <c r="X18" s="182">
        <v>0</v>
      </c>
      <c r="Y18" s="182">
        <v>0</v>
      </c>
      <c r="Z18" s="183">
        <v>0</v>
      </c>
      <c r="AA18" s="184">
        <v>0</v>
      </c>
      <c r="AB18" s="184">
        <v>0</v>
      </c>
      <c r="AC18" s="184">
        <v>0</v>
      </c>
      <c r="AD18" s="182">
        <v>0</v>
      </c>
      <c r="AE18" s="185">
        <v>0</v>
      </c>
      <c r="AF18" s="186">
        <v>0</v>
      </c>
      <c r="AG18" s="181">
        <v>0</v>
      </c>
      <c r="AH18" s="182">
        <v>0</v>
      </c>
      <c r="AI18" s="182">
        <v>0</v>
      </c>
      <c r="AJ18" s="183">
        <v>0</v>
      </c>
      <c r="AK18" s="184">
        <v>0</v>
      </c>
      <c r="AL18" s="184">
        <v>0</v>
      </c>
      <c r="AM18" s="184">
        <v>0</v>
      </c>
      <c r="AN18" s="182">
        <v>0</v>
      </c>
      <c r="AO18" s="185">
        <v>0</v>
      </c>
      <c r="AP18" s="187">
        <v>0</v>
      </c>
      <c r="AQ18" s="32"/>
    </row>
    <row r="19" spans="2:43" ht="21" customHeight="1" x14ac:dyDescent="0.2">
      <c r="B19" s="472" t="s">
        <v>17</v>
      </c>
      <c r="C19" s="181">
        <v>0</v>
      </c>
      <c r="D19" s="182">
        <v>0</v>
      </c>
      <c r="E19" s="182">
        <v>0</v>
      </c>
      <c r="F19" s="183">
        <v>0</v>
      </c>
      <c r="G19" s="184">
        <v>2</v>
      </c>
      <c r="H19" s="184">
        <v>6</v>
      </c>
      <c r="I19" s="184">
        <v>6</v>
      </c>
      <c r="J19" s="182">
        <v>6</v>
      </c>
      <c r="K19" s="185">
        <v>20</v>
      </c>
      <c r="L19" s="186">
        <v>20</v>
      </c>
      <c r="M19" s="181">
        <v>0</v>
      </c>
      <c r="N19" s="182">
        <v>0</v>
      </c>
      <c r="O19" s="185">
        <v>0</v>
      </c>
      <c r="P19" s="188">
        <v>2</v>
      </c>
      <c r="Q19" s="184">
        <v>5</v>
      </c>
      <c r="R19" s="184">
        <v>12</v>
      </c>
      <c r="S19" s="184">
        <v>3</v>
      </c>
      <c r="T19" s="182">
        <v>2</v>
      </c>
      <c r="U19" s="185">
        <v>24</v>
      </c>
      <c r="V19" s="189">
        <v>24</v>
      </c>
      <c r="W19" s="188">
        <v>0</v>
      </c>
      <c r="X19" s="182">
        <v>0</v>
      </c>
      <c r="Y19" s="182">
        <v>0</v>
      </c>
      <c r="Z19" s="183">
        <v>0</v>
      </c>
      <c r="AA19" s="184">
        <v>0</v>
      </c>
      <c r="AB19" s="184">
        <v>0</v>
      </c>
      <c r="AC19" s="184">
        <v>0</v>
      </c>
      <c r="AD19" s="182">
        <v>0</v>
      </c>
      <c r="AE19" s="185">
        <v>0</v>
      </c>
      <c r="AF19" s="186">
        <v>0</v>
      </c>
      <c r="AG19" s="181">
        <v>0</v>
      </c>
      <c r="AH19" s="182">
        <v>0</v>
      </c>
      <c r="AI19" s="182">
        <v>0</v>
      </c>
      <c r="AJ19" s="183">
        <v>0</v>
      </c>
      <c r="AK19" s="184">
        <v>0</v>
      </c>
      <c r="AL19" s="184">
        <v>0</v>
      </c>
      <c r="AM19" s="184">
        <v>0</v>
      </c>
      <c r="AN19" s="182">
        <v>1</v>
      </c>
      <c r="AO19" s="185">
        <v>1</v>
      </c>
      <c r="AP19" s="187">
        <v>1</v>
      </c>
      <c r="AQ19" s="32"/>
    </row>
    <row r="20" spans="2:43" ht="21" customHeight="1" x14ac:dyDescent="0.2">
      <c r="B20" s="472" t="s">
        <v>18</v>
      </c>
      <c r="C20" s="181">
        <v>0</v>
      </c>
      <c r="D20" s="182">
        <v>0</v>
      </c>
      <c r="E20" s="182">
        <v>0</v>
      </c>
      <c r="F20" s="183">
        <v>0</v>
      </c>
      <c r="G20" s="184">
        <v>1</v>
      </c>
      <c r="H20" s="184">
        <v>6</v>
      </c>
      <c r="I20" s="184">
        <v>11</v>
      </c>
      <c r="J20" s="182">
        <v>7</v>
      </c>
      <c r="K20" s="185">
        <v>25</v>
      </c>
      <c r="L20" s="186">
        <v>25</v>
      </c>
      <c r="M20" s="181">
        <v>0</v>
      </c>
      <c r="N20" s="182">
        <v>0</v>
      </c>
      <c r="O20" s="185">
        <v>0</v>
      </c>
      <c r="P20" s="188">
        <v>2</v>
      </c>
      <c r="Q20" s="184">
        <v>1</v>
      </c>
      <c r="R20" s="184">
        <v>5</v>
      </c>
      <c r="S20" s="184">
        <v>7</v>
      </c>
      <c r="T20" s="182">
        <v>3</v>
      </c>
      <c r="U20" s="185">
        <v>18</v>
      </c>
      <c r="V20" s="189">
        <v>18</v>
      </c>
      <c r="W20" s="188">
        <v>0</v>
      </c>
      <c r="X20" s="182">
        <v>0</v>
      </c>
      <c r="Y20" s="182">
        <v>0</v>
      </c>
      <c r="Z20" s="183">
        <v>0</v>
      </c>
      <c r="AA20" s="184">
        <v>0</v>
      </c>
      <c r="AB20" s="184">
        <v>0</v>
      </c>
      <c r="AC20" s="184">
        <v>0</v>
      </c>
      <c r="AD20" s="182">
        <v>1</v>
      </c>
      <c r="AE20" s="185">
        <v>1</v>
      </c>
      <c r="AF20" s="186">
        <v>1</v>
      </c>
      <c r="AG20" s="181">
        <v>0</v>
      </c>
      <c r="AH20" s="182">
        <v>0</v>
      </c>
      <c r="AI20" s="182">
        <v>0</v>
      </c>
      <c r="AJ20" s="183">
        <v>0</v>
      </c>
      <c r="AK20" s="184">
        <v>0</v>
      </c>
      <c r="AL20" s="184">
        <v>0</v>
      </c>
      <c r="AM20" s="184">
        <v>0</v>
      </c>
      <c r="AN20" s="182">
        <v>1</v>
      </c>
      <c r="AO20" s="185">
        <v>1</v>
      </c>
      <c r="AP20" s="187">
        <v>1</v>
      </c>
      <c r="AQ20" s="32"/>
    </row>
    <row r="21" spans="2:43" ht="21" customHeight="1" x14ac:dyDescent="0.2">
      <c r="B21" s="472" t="s">
        <v>19</v>
      </c>
      <c r="C21" s="181">
        <v>0</v>
      </c>
      <c r="D21" s="182">
        <v>0</v>
      </c>
      <c r="E21" s="182">
        <v>0</v>
      </c>
      <c r="F21" s="183">
        <v>0</v>
      </c>
      <c r="G21" s="184">
        <v>0</v>
      </c>
      <c r="H21" s="184">
        <v>2</v>
      </c>
      <c r="I21" s="184">
        <v>2</v>
      </c>
      <c r="J21" s="182">
        <v>3</v>
      </c>
      <c r="K21" s="185">
        <v>7</v>
      </c>
      <c r="L21" s="186">
        <v>7</v>
      </c>
      <c r="M21" s="181">
        <v>0</v>
      </c>
      <c r="N21" s="182">
        <v>0</v>
      </c>
      <c r="O21" s="185">
        <v>0</v>
      </c>
      <c r="P21" s="188">
        <v>0</v>
      </c>
      <c r="Q21" s="184">
        <v>3</v>
      </c>
      <c r="R21" s="184">
        <v>2</v>
      </c>
      <c r="S21" s="184">
        <v>2</v>
      </c>
      <c r="T21" s="182">
        <v>1</v>
      </c>
      <c r="U21" s="185">
        <v>8</v>
      </c>
      <c r="V21" s="189">
        <v>8</v>
      </c>
      <c r="W21" s="188">
        <v>0</v>
      </c>
      <c r="X21" s="182">
        <v>0</v>
      </c>
      <c r="Y21" s="182">
        <v>0</v>
      </c>
      <c r="Z21" s="183">
        <v>0</v>
      </c>
      <c r="AA21" s="184">
        <v>0</v>
      </c>
      <c r="AB21" s="184">
        <v>0</v>
      </c>
      <c r="AC21" s="184">
        <v>0</v>
      </c>
      <c r="AD21" s="182">
        <v>0</v>
      </c>
      <c r="AE21" s="185">
        <v>0</v>
      </c>
      <c r="AF21" s="186">
        <v>0</v>
      </c>
      <c r="AG21" s="181">
        <v>0</v>
      </c>
      <c r="AH21" s="182">
        <v>0</v>
      </c>
      <c r="AI21" s="182">
        <v>0</v>
      </c>
      <c r="AJ21" s="183">
        <v>0</v>
      </c>
      <c r="AK21" s="184">
        <v>0</v>
      </c>
      <c r="AL21" s="184">
        <v>0</v>
      </c>
      <c r="AM21" s="184">
        <v>0</v>
      </c>
      <c r="AN21" s="182">
        <v>1</v>
      </c>
      <c r="AO21" s="185">
        <v>1</v>
      </c>
      <c r="AP21" s="187">
        <v>1</v>
      </c>
      <c r="AQ21" s="32"/>
    </row>
    <row r="22" spans="2:43" ht="21" customHeight="1" x14ac:dyDescent="0.2">
      <c r="B22" s="472" t="s">
        <v>20</v>
      </c>
      <c r="C22" s="181">
        <v>0</v>
      </c>
      <c r="D22" s="182">
        <v>0</v>
      </c>
      <c r="E22" s="182">
        <v>0</v>
      </c>
      <c r="F22" s="183">
        <v>0</v>
      </c>
      <c r="G22" s="184">
        <v>1</v>
      </c>
      <c r="H22" s="184">
        <v>2</v>
      </c>
      <c r="I22" s="184">
        <v>13</v>
      </c>
      <c r="J22" s="182">
        <v>7</v>
      </c>
      <c r="K22" s="185">
        <v>23</v>
      </c>
      <c r="L22" s="186">
        <v>23</v>
      </c>
      <c r="M22" s="181">
        <v>0</v>
      </c>
      <c r="N22" s="182">
        <v>0</v>
      </c>
      <c r="O22" s="185">
        <v>0</v>
      </c>
      <c r="P22" s="188">
        <v>2</v>
      </c>
      <c r="Q22" s="184">
        <v>1</v>
      </c>
      <c r="R22" s="184">
        <v>1</v>
      </c>
      <c r="S22" s="184">
        <v>7</v>
      </c>
      <c r="T22" s="182">
        <v>1</v>
      </c>
      <c r="U22" s="185">
        <v>12</v>
      </c>
      <c r="V22" s="189">
        <v>12</v>
      </c>
      <c r="W22" s="188">
        <v>0</v>
      </c>
      <c r="X22" s="182">
        <v>0</v>
      </c>
      <c r="Y22" s="182">
        <v>0</v>
      </c>
      <c r="Z22" s="183">
        <v>0</v>
      </c>
      <c r="AA22" s="184">
        <v>0</v>
      </c>
      <c r="AB22" s="184">
        <v>0</v>
      </c>
      <c r="AC22" s="184">
        <v>0</v>
      </c>
      <c r="AD22" s="182">
        <v>0</v>
      </c>
      <c r="AE22" s="185">
        <v>0</v>
      </c>
      <c r="AF22" s="186">
        <v>0</v>
      </c>
      <c r="AG22" s="181">
        <v>0</v>
      </c>
      <c r="AH22" s="182">
        <v>0</v>
      </c>
      <c r="AI22" s="182">
        <v>0</v>
      </c>
      <c r="AJ22" s="183">
        <v>0</v>
      </c>
      <c r="AK22" s="184">
        <v>0</v>
      </c>
      <c r="AL22" s="184">
        <v>0</v>
      </c>
      <c r="AM22" s="184">
        <v>0</v>
      </c>
      <c r="AN22" s="182">
        <v>0</v>
      </c>
      <c r="AO22" s="185">
        <v>0</v>
      </c>
      <c r="AP22" s="187">
        <v>0</v>
      </c>
      <c r="AQ22" s="32"/>
    </row>
    <row r="23" spans="2:43" ht="21" customHeight="1" x14ac:dyDescent="0.2">
      <c r="B23" s="472" t="s">
        <v>21</v>
      </c>
      <c r="C23" s="181">
        <v>0</v>
      </c>
      <c r="D23" s="182">
        <v>0</v>
      </c>
      <c r="E23" s="182">
        <v>0</v>
      </c>
      <c r="F23" s="183">
        <v>0</v>
      </c>
      <c r="G23" s="184">
        <v>0</v>
      </c>
      <c r="H23" s="184">
        <v>3</v>
      </c>
      <c r="I23" s="184">
        <v>6</v>
      </c>
      <c r="J23" s="182">
        <v>3</v>
      </c>
      <c r="K23" s="185">
        <v>12</v>
      </c>
      <c r="L23" s="186">
        <v>12</v>
      </c>
      <c r="M23" s="181">
        <v>0</v>
      </c>
      <c r="N23" s="182">
        <v>0</v>
      </c>
      <c r="O23" s="185">
        <v>0</v>
      </c>
      <c r="P23" s="188">
        <v>0</v>
      </c>
      <c r="Q23" s="184">
        <v>3</v>
      </c>
      <c r="R23" s="184">
        <v>3</v>
      </c>
      <c r="S23" s="184">
        <v>0</v>
      </c>
      <c r="T23" s="182">
        <v>1</v>
      </c>
      <c r="U23" s="185">
        <v>7</v>
      </c>
      <c r="V23" s="189">
        <v>7</v>
      </c>
      <c r="W23" s="188">
        <v>0</v>
      </c>
      <c r="X23" s="182">
        <v>0</v>
      </c>
      <c r="Y23" s="182">
        <v>0</v>
      </c>
      <c r="Z23" s="183">
        <v>0</v>
      </c>
      <c r="AA23" s="184">
        <v>0</v>
      </c>
      <c r="AB23" s="184">
        <v>0</v>
      </c>
      <c r="AC23" s="184">
        <v>0</v>
      </c>
      <c r="AD23" s="182">
        <v>0</v>
      </c>
      <c r="AE23" s="185">
        <v>0</v>
      </c>
      <c r="AF23" s="186">
        <v>0</v>
      </c>
      <c r="AG23" s="181">
        <v>0</v>
      </c>
      <c r="AH23" s="182">
        <v>0</v>
      </c>
      <c r="AI23" s="182">
        <v>0</v>
      </c>
      <c r="AJ23" s="183">
        <v>0</v>
      </c>
      <c r="AK23" s="184">
        <v>0</v>
      </c>
      <c r="AL23" s="184">
        <v>0</v>
      </c>
      <c r="AM23" s="184">
        <v>0</v>
      </c>
      <c r="AN23" s="182">
        <v>1</v>
      </c>
      <c r="AO23" s="185">
        <v>1</v>
      </c>
      <c r="AP23" s="187">
        <v>1</v>
      </c>
      <c r="AQ23" s="32"/>
    </row>
    <row r="24" spans="2:43" ht="21" customHeight="1" x14ac:dyDescent="0.2">
      <c r="B24" s="472" t="s">
        <v>22</v>
      </c>
      <c r="C24" s="181">
        <v>0</v>
      </c>
      <c r="D24" s="182">
        <v>0</v>
      </c>
      <c r="E24" s="182">
        <v>0</v>
      </c>
      <c r="F24" s="183">
        <v>0</v>
      </c>
      <c r="G24" s="184">
        <v>1</v>
      </c>
      <c r="H24" s="184">
        <v>1</v>
      </c>
      <c r="I24" s="184">
        <v>1</v>
      </c>
      <c r="J24" s="182">
        <v>0</v>
      </c>
      <c r="K24" s="185">
        <v>3</v>
      </c>
      <c r="L24" s="186">
        <v>3</v>
      </c>
      <c r="M24" s="181">
        <v>0</v>
      </c>
      <c r="N24" s="182">
        <v>0</v>
      </c>
      <c r="O24" s="185">
        <v>0</v>
      </c>
      <c r="P24" s="188">
        <v>0</v>
      </c>
      <c r="Q24" s="184">
        <v>1</v>
      </c>
      <c r="R24" s="184">
        <v>3</v>
      </c>
      <c r="S24" s="184">
        <v>0</v>
      </c>
      <c r="T24" s="182">
        <v>0</v>
      </c>
      <c r="U24" s="185">
        <v>4</v>
      </c>
      <c r="V24" s="189">
        <v>4</v>
      </c>
      <c r="W24" s="188">
        <v>0</v>
      </c>
      <c r="X24" s="182">
        <v>0</v>
      </c>
      <c r="Y24" s="182">
        <v>0</v>
      </c>
      <c r="Z24" s="183">
        <v>0</v>
      </c>
      <c r="AA24" s="184">
        <v>0</v>
      </c>
      <c r="AB24" s="184">
        <v>0</v>
      </c>
      <c r="AC24" s="184">
        <v>0</v>
      </c>
      <c r="AD24" s="182">
        <v>0</v>
      </c>
      <c r="AE24" s="185">
        <v>0</v>
      </c>
      <c r="AF24" s="186">
        <v>0</v>
      </c>
      <c r="AG24" s="181">
        <v>0</v>
      </c>
      <c r="AH24" s="182">
        <v>0</v>
      </c>
      <c r="AI24" s="182">
        <v>0</v>
      </c>
      <c r="AJ24" s="183">
        <v>0</v>
      </c>
      <c r="AK24" s="184">
        <v>0</v>
      </c>
      <c r="AL24" s="184">
        <v>0</v>
      </c>
      <c r="AM24" s="184">
        <v>0</v>
      </c>
      <c r="AN24" s="182">
        <v>0</v>
      </c>
      <c r="AO24" s="185">
        <v>0</v>
      </c>
      <c r="AP24" s="187">
        <v>0</v>
      </c>
      <c r="AQ24" s="32"/>
    </row>
    <row r="25" spans="2:43" ht="21" customHeight="1" x14ac:dyDescent="0.2">
      <c r="B25" s="472" t="s">
        <v>23</v>
      </c>
      <c r="C25" s="181">
        <v>0</v>
      </c>
      <c r="D25" s="182">
        <v>0</v>
      </c>
      <c r="E25" s="182">
        <v>0</v>
      </c>
      <c r="F25" s="183">
        <v>0</v>
      </c>
      <c r="G25" s="184">
        <v>0</v>
      </c>
      <c r="H25" s="184">
        <v>3</v>
      </c>
      <c r="I25" s="184">
        <v>3</v>
      </c>
      <c r="J25" s="182">
        <v>0</v>
      </c>
      <c r="K25" s="185">
        <v>6</v>
      </c>
      <c r="L25" s="186">
        <v>6</v>
      </c>
      <c r="M25" s="181">
        <v>0</v>
      </c>
      <c r="N25" s="182">
        <v>0</v>
      </c>
      <c r="O25" s="185">
        <v>0</v>
      </c>
      <c r="P25" s="188">
        <v>0</v>
      </c>
      <c r="Q25" s="184">
        <v>0</v>
      </c>
      <c r="R25" s="184">
        <v>1</v>
      </c>
      <c r="S25" s="184">
        <v>0</v>
      </c>
      <c r="T25" s="182">
        <v>2</v>
      </c>
      <c r="U25" s="185">
        <v>3</v>
      </c>
      <c r="V25" s="189">
        <v>3</v>
      </c>
      <c r="W25" s="188">
        <v>0</v>
      </c>
      <c r="X25" s="182">
        <v>0</v>
      </c>
      <c r="Y25" s="182">
        <v>0</v>
      </c>
      <c r="Z25" s="183">
        <v>0</v>
      </c>
      <c r="AA25" s="184">
        <v>0</v>
      </c>
      <c r="AB25" s="184">
        <v>0</v>
      </c>
      <c r="AC25" s="184">
        <v>0</v>
      </c>
      <c r="AD25" s="182">
        <v>0</v>
      </c>
      <c r="AE25" s="185">
        <v>0</v>
      </c>
      <c r="AF25" s="186">
        <v>0</v>
      </c>
      <c r="AG25" s="181">
        <v>0</v>
      </c>
      <c r="AH25" s="182">
        <v>0</v>
      </c>
      <c r="AI25" s="182">
        <v>0</v>
      </c>
      <c r="AJ25" s="183">
        <v>0</v>
      </c>
      <c r="AK25" s="184">
        <v>0</v>
      </c>
      <c r="AL25" s="184">
        <v>0</v>
      </c>
      <c r="AM25" s="184">
        <v>0</v>
      </c>
      <c r="AN25" s="182">
        <v>2</v>
      </c>
      <c r="AO25" s="185">
        <v>2</v>
      </c>
      <c r="AP25" s="187">
        <v>2</v>
      </c>
      <c r="AQ25" s="32"/>
    </row>
    <row r="26" spans="2:43" ht="21" customHeight="1" x14ac:dyDescent="0.2">
      <c r="B26" s="472" t="s">
        <v>24</v>
      </c>
      <c r="C26" s="181">
        <v>0</v>
      </c>
      <c r="D26" s="182">
        <v>0</v>
      </c>
      <c r="E26" s="182">
        <v>0</v>
      </c>
      <c r="F26" s="183">
        <v>0</v>
      </c>
      <c r="G26" s="184">
        <v>0</v>
      </c>
      <c r="H26" s="184">
        <v>1</v>
      </c>
      <c r="I26" s="184">
        <v>4</v>
      </c>
      <c r="J26" s="182">
        <v>0</v>
      </c>
      <c r="K26" s="185">
        <v>5</v>
      </c>
      <c r="L26" s="186">
        <v>5</v>
      </c>
      <c r="M26" s="181">
        <v>0</v>
      </c>
      <c r="N26" s="182">
        <v>0</v>
      </c>
      <c r="O26" s="185">
        <v>0</v>
      </c>
      <c r="P26" s="188">
        <v>0</v>
      </c>
      <c r="Q26" s="184">
        <v>0</v>
      </c>
      <c r="R26" s="184">
        <v>0</v>
      </c>
      <c r="S26" s="184">
        <v>0</v>
      </c>
      <c r="T26" s="182">
        <v>0</v>
      </c>
      <c r="U26" s="185">
        <v>0</v>
      </c>
      <c r="V26" s="189">
        <v>0</v>
      </c>
      <c r="W26" s="188">
        <v>0</v>
      </c>
      <c r="X26" s="182">
        <v>0</v>
      </c>
      <c r="Y26" s="182">
        <v>0</v>
      </c>
      <c r="Z26" s="183">
        <v>0</v>
      </c>
      <c r="AA26" s="184">
        <v>0</v>
      </c>
      <c r="AB26" s="184">
        <v>0</v>
      </c>
      <c r="AC26" s="184">
        <v>0</v>
      </c>
      <c r="AD26" s="182">
        <v>0</v>
      </c>
      <c r="AE26" s="185">
        <v>0</v>
      </c>
      <c r="AF26" s="186">
        <v>0</v>
      </c>
      <c r="AG26" s="181">
        <v>0</v>
      </c>
      <c r="AH26" s="182">
        <v>0</v>
      </c>
      <c r="AI26" s="182">
        <v>0</v>
      </c>
      <c r="AJ26" s="183">
        <v>0</v>
      </c>
      <c r="AK26" s="184">
        <v>0</v>
      </c>
      <c r="AL26" s="184">
        <v>0</v>
      </c>
      <c r="AM26" s="184">
        <v>0</v>
      </c>
      <c r="AN26" s="182">
        <v>0</v>
      </c>
      <c r="AO26" s="185">
        <v>0</v>
      </c>
      <c r="AP26" s="187">
        <v>0</v>
      </c>
      <c r="AQ26" s="32"/>
    </row>
    <row r="27" spans="2:43" ht="21" customHeight="1" x14ac:dyDescent="0.2">
      <c r="B27" s="472" t="s">
        <v>25</v>
      </c>
      <c r="C27" s="181">
        <v>0</v>
      </c>
      <c r="D27" s="182">
        <v>0</v>
      </c>
      <c r="E27" s="182">
        <v>0</v>
      </c>
      <c r="F27" s="183">
        <v>0</v>
      </c>
      <c r="G27" s="184">
        <v>0</v>
      </c>
      <c r="H27" s="184">
        <v>2</v>
      </c>
      <c r="I27" s="184">
        <v>1</v>
      </c>
      <c r="J27" s="182">
        <v>2</v>
      </c>
      <c r="K27" s="185">
        <v>5</v>
      </c>
      <c r="L27" s="186">
        <v>5</v>
      </c>
      <c r="M27" s="181">
        <v>0</v>
      </c>
      <c r="N27" s="182">
        <v>0</v>
      </c>
      <c r="O27" s="185">
        <v>0</v>
      </c>
      <c r="P27" s="188">
        <v>2</v>
      </c>
      <c r="Q27" s="184">
        <v>3</v>
      </c>
      <c r="R27" s="184">
        <v>0</v>
      </c>
      <c r="S27" s="184">
        <v>2</v>
      </c>
      <c r="T27" s="182">
        <v>0</v>
      </c>
      <c r="U27" s="185">
        <v>7</v>
      </c>
      <c r="V27" s="189">
        <v>7</v>
      </c>
      <c r="W27" s="188">
        <v>0</v>
      </c>
      <c r="X27" s="182">
        <v>0</v>
      </c>
      <c r="Y27" s="182">
        <v>0</v>
      </c>
      <c r="Z27" s="183">
        <v>0</v>
      </c>
      <c r="AA27" s="184">
        <v>0</v>
      </c>
      <c r="AB27" s="184">
        <v>0</v>
      </c>
      <c r="AC27" s="184">
        <v>0</v>
      </c>
      <c r="AD27" s="182">
        <v>0</v>
      </c>
      <c r="AE27" s="185">
        <v>0</v>
      </c>
      <c r="AF27" s="186">
        <v>0</v>
      </c>
      <c r="AG27" s="181">
        <v>0</v>
      </c>
      <c r="AH27" s="182">
        <v>0</v>
      </c>
      <c r="AI27" s="182">
        <v>0</v>
      </c>
      <c r="AJ27" s="183">
        <v>0</v>
      </c>
      <c r="AK27" s="184">
        <v>0</v>
      </c>
      <c r="AL27" s="184">
        <v>0</v>
      </c>
      <c r="AM27" s="184">
        <v>0</v>
      </c>
      <c r="AN27" s="182">
        <v>0</v>
      </c>
      <c r="AO27" s="185">
        <v>0</v>
      </c>
      <c r="AP27" s="187">
        <v>0</v>
      </c>
      <c r="AQ27" s="32"/>
    </row>
    <row r="28" spans="2:43" ht="21" customHeight="1" x14ac:dyDescent="0.2">
      <c r="B28" s="472" t="s">
        <v>26</v>
      </c>
      <c r="C28" s="181">
        <v>0</v>
      </c>
      <c r="D28" s="182">
        <v>0</v>
      </c>
      <c r="E28" s="182">
        <v>0</v>
      </c>
      <c r="F28" s="183">
        <v>0</v>
      </c>
      <c r="G28" s="184">
        <v>0</v>
      </c>
      <c r="H28" s="184">
        <v>1</v>
      </c>
      <c r="I28" s="184">
        <v>1</v>
      </c>
      <c r="J28" s="182">
        <v>0</v>
      </c>
      <c r="K28" s="185">
        <v>2</v>
      </c>
      <c r="L28" s="186">
        <v>2</v>
      </c>
      <c r="M28" s="181">
        <v>0</v>
      </c>
      <c r="N28" s="182">
        <v>0</v>
      </c>
      <c r="O28" s="185">
        <v>0</v>
      </c>
      <c r="P28" s="188">
        <v>0</v>
      </c>
      <c r="Q28" s="184">
        <v>3</v>
      </c>
      <c r="R28" s="184">
        <v>0</v>
      </c>
      <c r="S28" s="184">
        <v>3</v>
      </c>
      <c r="T28" s="182">
        <v>0</v>
      </c>
      <c r="U28" s="185">
        <v>6</v>
      </c>
      <c r="V28" s="189">
        <v>6</v>
      </c>
      <c r="W28" s="188">
        <v>0</v>
      </c>
      <c r="X28" s="182">
        <v>0</v>
      </c>
      <c r="Y28" s="182">
        <v>0</v>
      </c>
      <c r="Z28" s="183">
        <v>0</v>
      </c>
      <c r="AA28" s="184">
        <v>0</v>
      </c>
      <c r="AB28" s="184">
        <v>0</v>
      </c>
      <c r="AC28" s="184">
        <v>0</v>
      </c>
      <c r="AD28" s="182">
        <v>0</v>
      </c>
      <c r="AE28" s="185">
        <v>0</v>
      </c>
      <c r="AF28" s="186">
        <v>0</v>
      </c>
      <c r="AG28" s="181">
        <v>0</v>
      </c>
      <c r="AH28" s="182">
        <v>0</v>
      </c>
      <c r="AI28" s="182">
        <v>0</v>
      </c>
      <c r="AJ28" s="183">
        <v>0</v>
      </c>
      <c r="AK28" s="184">
        <v>0</v>
      </c>
      <c r="AL28" s="184">
        <v>0</v>
      </c>
      <c r="AM28" s="184">
        <v>0</v>
      </c>
      <c r="AN28" s="182">
        <v>0</v>
      </c>
      <c r="AO28" s="185">
        <v>0</v>
      </c>
      <c r="AP28" s="187">
        <v>0</v>
      </c>
      <c r="AQ28" s="32"/>
    </row>
    <row r="29" spans="2:43" ht="21" customHeight="1" x14ac:dyDescent="0.2">
      <c r="B29" s="472" t="s">
        <v>27</v>
      </c>
      <c r="C29" s="181">
        <v>0</v>
      </c>
      <c r="D29" s="182">
        <v>0</v>
      </c>
      <c r="E29" s="182">
        <v>0</v>
      </c>
      <c r="F29" s="183">
        <v>0</v>
      </c>
      <c r="G29" s="184">
        <v>0</v>
      </c>
      <c r="H29" s="184">
        <v>1</v>
      </c>
      <c r="I29" s="184">
        <v>1</v>
      </c>
      <c r="J29" s="182">
        <v>1</v>
      </c>
      <c r="K29" s="185">
        <v>3</v>
      </c>
      <c r="L29" s="186">
        <v>3</v>
      </c>
      <c r="M29" s="181">
        <v>0</v>
      </c>
      <c r="N29" s="182">
        <v>0</v>
      </c>
      <c r="O29" s="185">
        <v>0</v>
      </c>
      <c r="P29" s="188">
        <v>1</v>
      </c>
      <c r="Q29" s="184">
        <v>0</v>
      </c>
      <c r="R29" s="184">
        <v>0</v>
      </c>
      <c r="S29" s="184">
        <v>0</v>
      </c>
      <c r="T29" s="182">
        <v>1</v>
      </c>
      <c r="U29" s="185">
        <v>2</v>
      </c>
      <c r="V29" s="189">
        <v>2</v>
      </c>
      <c r="W29" s="188">
        <v>0</v>
      </c>
      <c r="X29" s="182">
        <v>0</v>
      </c>
      <c r="Y29" s="182">
        <v>0</v>
      </c>
      <c r="Z29" s="183">
        <v>0</v>
      </c>
      <c r="AA29" s="184">
        <v>0</v>
      </c>
      <c r="AB29" s="184">
        <v>0</v>
      </c>
      <c r="AC29" s="184">
        <v>0</v>
      </c>
      <c r="AD29" s="182">
        <v>0</v>
      </c>
      <c r="AE29" s="185">
        <v>0</v>
      </c>
      <c r="AF29" s="186">
        <v>0</v>
      </c>
      <c r="AG29" s="181">
        <v>0</v>
      </c>
      <c r="AH29" s="182">
        <v>0</v>
      </c>
      <c r="AI29" s="182">
        <v>0</v>
      </c>
      <c r="AJ29" s="183">
        <v>0</v>
      </c>
      <c r="AK29" s="184">
        <v>0</v>
      </c>
      <c r="AL29" s="184">
        <v>0</v>
      </c>
      <c r="AM29" s="184">
        <v>0</v>
      </c>
      <c r="AN29" s="182">
        <v>0</v>
      </c>
      <c r="AO29" s="185">
        <v>0</v>
      </c>
      <c r="AP29" s="187">
        <v>0</v>
      </c>
      <c r="AQ29" s="32"/>
    </row>
    <row r="30" spans="2:43" ht="21" customHeight="1" x14ac:dyDescent="0.2">
      <c r="B30" s="472" t="s">
        <v>28</v>
      </c>
      <c r="C30" s="181">
        <v>0</v>
      </c>
      <c r="D30" s="182">
        <v>0</v>
      </c>
      <c r="E30" s="182">
        <v>0</v>
      </c>
      <c r="F30" s="183">
        <v>0</v>
      </c>
      <c r="G30" s="184">
        <v>0</v>
      </c>
      <c r="H30" s="184">
        <v>0</v>
      </c>
      <c r="I30" s="184">
        <v>0</v>
      </c>
      <c r="J30" s="182">
        <v>0</v>
      </c>
      <c r="K30" s="185">
        <v>0</v>
      </c>
      <c r="L30" s="186">
        <v>0</v>
      </c>
      <c r="M30" s="181">
        <v>0</v>
      </c>
      <c r="N30" s="182">
        <v>0</v>
      </c>
      <c r="O30" s="185">
        <v>0</v>
      </c>
      <c r="P30" s="188">
        <v>0</v>
      </c>
      <c r="Q30" s="184">
        <v>0</v>
      </c>
      <c r="R30" s="184">
        <v>0</v>
      </c>
      <c r="S30" s="184">
        <v>0</v>
      </c>
      <c r="T30" s="182">
        <v>0</v>
      </c>
      <c r="U30" s="185">
        <v>0</v>
      </c>
      <c r="V30" s="189">
        <v>0</v>
      </c>
      <c r="W30" s="188">
        <v>0</v>
      </c>
      <c r="X30" s="182">
        <v>0</v>
      </c>
      <c r="Y30" s="182">
        <v>0</v>
      </c>
      <c r="Z30" s="183">
        <v>0</v>
      </c>
      <c r="AA30" s="184">
        <v>0</v>
      </c>
      <c r="AB30" s="184">
        <v>0</v>
      </c>
      <c r="AC30" s="184">
        <v>0</v>
      </c>
      <c r="AD30" s="182">
        <v>0</v>
      </c>
      <c r="AE30" s="185">
        <v>0</v>
      </c>
      <c r="AF30" s="186">
        <v>0</v>
      </c>
      <c r="AG30" s="181">
        <v>0</v>
      </c>
      <c r="AH30" s="182">
        <v>0</v>
      </c>
      <c r="AI30" s="182">
        <v>0</v>
      </c>
      <c r="AJ30" s="183">
        <v>0</v>
      </c>
      <c r="AK30" s="184">
        <v>0</v>
      </c>
      <c r="AL30" s="184">
        <v>0</v>
      </c>
      <c r="AM30" s="184">
        <v>0</v>
      </c>
      <c r="AN30" s="182">
        <v>0</v>
      </c>
      <c r="AO30" s="185">
        <v>0</v>
      </c>
      <c r="AP30" s="187">
        <v>0</v>
      </c>
      <c r="AQ30" s="32"/>
    </row>
    <row r="31" spans="2:43" ht="21" customHeight="1" x14ac:dyDescent="0.2">
      <c r="B31" s="472" t="s">
        <v>29</v>
      </c>
      <c r="C31" s="181">
        <v>0</v>
      </c>
      <c r="D31" s="182">
        <v>0</v>
      </c>
      <c r="E31" s="182">
        <v>0</v>
      </c>
      <c r="F31" s="183">
        <v>0</v>
      </c>
      <c r="G31" s="184">
        <v>0</v>
      </c>
      <c r="H31" s="184">
        <v>0</v>
      </c>
      <c r="I31" s="184">
        <v>1</v>
      </c>
      <c r="J31" s="182">
        <v>0</v>
      </c>
      <c r="K31" s="185">
        <v>1</v>
      </c>
      <c r="L31" s="186">
        <v>1</v>
      </c>
      <c r="M31" s="181">
        <v>0</v>
      </c>
      <c r="N31" s="182">
        <v>0</v>
      </c>
      <c r="O31" s="185">
        <v>0</v>
      </c>
      <c r="P31" s="188">
        <v>0</v>
      </c>
      <c r="Q31" s="184">
        <v>0</v>
      </c>
      <c r="R31" s="184">
        <v>0</v>
      </c>
      <c r="S31" s="184">
        <v>1</v>
      </c>
      <c r="T31" s="182">
        <v>1</v>
      </c>
      <c r="U31" s="185">
        <v>2</v>
      </c>
      <c r="V31" s="189">
        <v>2</v>
      </c>
      <c r="W31" s="188">
        <v>0</v>
      </c>
      <c r="X31" s="182">
        <v>0</v>
      </c>
      <c r="Y31" s="182">
        <v>0</v>
      </c>
      <c r="Z31" s="183">
        <v>0</v>
      </c>
      <c r="AA31" s="184">
        <v>0</v>
      </c>
      <c r="AB31" s="184">
        <v>0</v>
      </c>
      <c r="AC31" s="184">
        <v>0</v>
      </c>
      <c r="AD31" s="182">
        <v>0</v>
      </c>
      <c r="AE31" s="185">
        <v>0</v>
      </c>
      <c r="AF31" s="186">
        <v>0</v>
      </c>
      <c r="AG31" s="181">
        <v>0</v>
      </c>
      <c r="AH31" s="182">
        <v>0</v>
      </c>
      <c r="AI31" s="182">
        <v>0</v>
      </c>
      <c r="AJ31" s="183">
        <v>0</v>
      </c>
      <c r="AK31" s="184">
        <v>0</v>
      </c>
      <c r="AL31" s="184">
        <v>0</v>
      </c>
      <c r="AM31" s="184">
        <v>0</v>
      </c>
      <c r="AN31" s="182">
        <v>0</v>
      </c>
      <c r="AO31" s="185">
        <v>0</v>
      </c>
      <c r="AP31" s="187">
        <v>0</v>
      </c>
      <c r="AQ31" s="32"/>
    </row>
    <row r="32" spans="2:43" ht="21" customHeight="1" x14ac:dyDescent="0.2">
      <c r="B32" s="472" t="s">
        <v>30</v>
      </c>
      <c r="C32" s="181">
        <v>0</v>
      </c>
      <c r="D32" s="182">
        <v>0</v>
      </c>
      <c r="E32" s="182">
        <v>0</v>
      </c>
      <c r="F32" s="183">
        <v>0</v>
      </c>
      <c r="G32" s="184">
        <v>0</v>
      </c>
      <c r="H32" s="184">
        <v>1</v>
      </c>
      <c r="I32" s="184">
        <v>2</v>
      </c>
      <c r="J32" s="182">
        <v>0</v>
      </c>
      <c r="K32" s="185">
        <v>3</v>
      </c>
      <c r="L32" s="186">
        <v>3</v>
      </c>
      <c r="M32" s="181">
        <v>0</v>
      </c>
      <c r="N32" s="182">
        <v>0</v>
      </c>
      <c r="O32" s="185">
        <v>0</v>
      </c>
      <c r="P32" s="188">
        <v>0</v>
      </c>
      <c r="Q32" s="184">
        <v>0</v>
      </c>
      <c r="R32" s="184">
        <v>0</v>
      </c>
      <c r="S32" s="184">
        <v>0</v>
      </c>
      <c r="T32" s="182">
        <v>1</v>
      </c>
      <c r="U32" s="185">
        <v>1</v>
      </c>
      <c r="V32" s="189">
        <v>1</v>
      </c>
      <c r="W32" s="188">
        <v>0</v>
      </c>
      <c r="X32" s="182">
        <v>0</v>
      </c>
      <c r="Y32" s="182">
        <v>0</v>
      </c>
      <c r="Z32" s="183">
        <v>0</v>
      </c>
      <c r="AA32" s="184">
        <v>0</v>
      </c>
      <c r="AB32" s="184">
        <v>0</v>
      </c>
      <c r="AC32" s="184">
        <v>0</v>
      </c>
      <c r="AD32" s="182">
        <v>0</v>
      </c>
      <c r="AE32" s="185">
        <v>0</v>
      </c>
      <c r="AF32" s="186">
        <v>0</v>
      </c>
      <c r="AG32" s="181">
        <v>0</v>
      </c>
      <c r="AH32" s="182">
        <v>0</v>
      </c>
      <c r="AI32" s="182">
        <v>0</v>
      </c>
      <c r="AJ32" s="183">
        <v>0</v>
      </c>
      <c r="AK32" s="184">
        <v>0</v>
      </c>
      <c r="AL32" s="184">
        <v>0</v>
      </c>
      <c r="AM32" s="184">
        <v>0</v>
      </c>
      <c r="AN32" s="182">
        <v>0</v>
      </c>
      <c r="AO32" s="185">
        <v>0</v>
      </c>
      <c r="AP32" s="187">
        <v>0</v>
      </c>
      <c r="AQ32" s="32"/>
    </row>
    <row r="33" spans="2:43" ht="21" customHeight="1" x14ac:dyDescent="0.2">
      <c r="B33" s="472" t="s">
        <v>31</v>
      </c>
      <c r="C33" s="181">
        <v>0</v>
      </c>
      <c r="D33" s="182">
        <v>0</v>
      </c>
      <c r="E33" s="182">
        <v>0</v>
      </c>
      <c r="F33" s="183">
        <v>0</v>
      </c>
      <c r="G33" s="184">
        <v>0</v>
      </c>
      <c r="H33" s="184">
        <v>2</v>
      </c>
      <c r="I33" s="184">
        <v>0</v>
      </c>
      <c r="J33" s="182">
        <v>1</v>
      </c>
      <c r="K33" s="185">
        <v>3</v>
      </c>
      <c r="L33" s="186">
        <v>3</v>
      </c>
      <c r="M33" s="181">
        <v>0</v>
      </c>
      <c r="N33" s="182">
        <v>0</v>
      </c>
      <c r="O33" s="185">
        <v>0</v>
      </c>
      <c r="P33" s="188">
        <v>0</v>
      </c>
      <c r="Q33" s="184">
        <v>1</v>
      </c>
      <c r="R33" s="184">
        <v>1</v>
      </c>
      <c r="S33" s="184">
        <v>0</v>
      </c>
      <c r="T33" s="182">
        <v>0</v>
      </c>
      <c r="U33" s="185">
        <v>2</v>
      </c>
      <c r="V33" s="189">
        <v>2</v>
      </c>
      <c r="W33" s="188">
        <v>0</v>
      </c>
      <c r="X33" s="182">
        <v>0</v>
      </c>
      <c r="Y33" s="182">
        <v>0</v>
      </c>
      <c r="Z33" s="183">
        <v>0</v>
      </c>
      <c r="AA33" s="184">
        <v>0</v>
      </c>
      <c r="AB33" s="184">
        <v>0</v>
      </c>
      <c r="AC33" s="184">
        <v>0</v>
      </c>
      <c r="AD33" s="182">
        <v>0</v>
      </c>
      <c r="AE33" s="185">
        <v>0</v>
      </c>
      <c r="AF33" s="186">
        <v>0</v>
      </c>
      <c r="AG33" s="181">
        <v>0</v>
      </c>
      <c r="AH33" s="182">
        <v>0</v>
      </c>
      <c r="AI33" s="182">
        <v>0</v>
      </c>
      <c r="AJ33" s="183">
        <v>0</v>
      </c>
      <c r="AK33" s="184">
        <v>0</v>
      </c>
      <c r="AL33" s="184">
        <v>0</v>
      </c>
      <c r="AM33" s="184">
        <v>0</v>
      </c>
      <c r="AN33" s="182">
        <v>0</v>
      </c>
      <c r="AO33" s="185">
        <v>0</v>
      </c>
      <c r="AP33" s="187">
        <v>0</v>
      </c>
      <c r="AQ33" s="32"/>
    </row>
    <row r="34" spans="2:43" ht="21" customHeight="1" x14ac:dyDescent="0.2">
      <c r="B34" s="472" t="s">
        <v>32</v>
      </c>
      <c r="C34" s="181">
        <v>0</v>
      </c>
      <c r="D34" s="182">
        <v>0</v>
      </c>
      <c r="E34" s="182">
        <v>0</v>
      </c>
      <c r="F34" s="183">
        <v>0</v>
      </c>
      <c r="G34" s="184">
        <v>0</v>
      </c>
      <c r="H34" s="184">
        <v>1</v>
      </c>
      <c r="I34" s="184">
        <v>0</v>
      </c>
      <c r="J34" s="182">
        <v>1</v>
      </c>
      <c r="K34" s="185">
        <v>2</v>
      </c>
      <c r="L34" s="186">
        <v>2</v>
      </c>
      <c r="M34" s="181">
        <v>0</v>
      </c>
      <c r="N34" s="182">
        <v>0</v>
      </c>
      <c r="O34" s="185">
        <v>0</v>
      </c>
      <c r="P34" s="188">
        <v>0</v>
      </c>
      <c r="Q34" s="184">
        <v>0</v>
      </c>
      <c r="R34" s="184">
        <v>0</v>
      </c>
      <c r="S34" s="184">
        <v>1</v>
      </c>
      <c r="T34" s="182">
        <v>0</v>
      </c>
      <c r="U34" s="185">
        <v>1</v>
      </c>
      <c r="V34" s="189">
        <v>1</v>
      </c>
      <c r="W34" s="188">
        <v>0</v>
      </c>
      <c r="X34" s="182">
        <v>0</v>
      </c>
      <c r="Y34" s="182">
        <v>0</v>
      </c>
      <c r="Z34" s="183">
        <v>0</v>
      </c>
      <c r="AA34" s="184">
        <v>0</v>
      </c>
      <c r="AB34" s="184">
        <v>0</v>
      </c>
      <c r="AC34" s="184">
        <v>0</v>
      </c>
      <c r="AD34" s="182">
        <v>0</v>
      </c>
      <c r="AE34" s="185">
        <v>0</v>
      </c>
      <c r="AF34" s="186">
        <v>0</v>
      </c>
      <c r="AG34" s="181">
        <v>0</v>
      </c>
      <c r="AH34" s="182">
        <v>0</v>
      </c>
      <c r="AI34" s="182">
        <v>0</v>
      </c>
      <c r="AJ34" s="183">
        <v>0</v>
      </c>
      <c r="AK34" s="184">
        <v>0</v>
      </c>
      <c r="AL34" s="184">
        <v>0</v>
      </c>
      <c r="AM34" s="184">
        <v>0</v>
      </c>
      <c r="AN34" s="182">
        <v>0</v>
      </c>
      <c r="AO34" s="185">
        <v>0</v>
      </c>
      <c r="AP34" s="187">
        <v>0</v>
      </c>
      <c r="AQ34" s="32"/>
    </row>
    <row r="35" spans="2:43" ht="21" customHeight="1" x14ac:dyDescent="0.2">
      <c r="B35" s="472" t="s">
        <v>33</v>
      </c>
      <c r="C35" s="181">
        <v>0</v>
      </c>
      <c r="D35" s="182">
        <v>0</v>
      </c>
      <c r="E35" s="182">
        <v>0</v>
      </c>
      <c r="F35" s="183">
        <v>0</v>
      </c>
      <c r="G35" s="184">
        <v>0</v>
      </c>
      <c r="H35" s="184">
        <v>0</v>
      </c>
      <c r="I35" s="184">
        <v>0</v>
      </c>
      <c r="J35" s="182">
        <v>0</v>
      </c>
      <c r="K35" s="185">
        <v>0</v>
      </c>
      <c r="L35" s="186">
        <v>0</v>
      </c>
      <c r="M35" s="181">
        <v>0</v>
      </c>
      <c r="N35" s="182">
        <v>0</v>
      </c>
      <c r="O35" s="185">
        <v>0</v>
      </c>
      <c r="P35" s="188">
        <v>0</v>
      </c>
      <c r="Q35" s="184">
        <v>0</v>
      </c>
      <c r="R35" s="184">
        <v>1</v>
      </c>
      <c r="S35" s="184">
        <v>0</v>
      </c>
      <c r="T35" s="182">
        <v>0</v>
      </c>
      <c r="U35" s="185">
        <v>1</v>
      </c>
      <c r="V35" s="189">
        <v>1</v>
      </c>
      <c r="W35" s="188">
        <v>0</v>
      </c>
      <c r="X35" s="182">
        <v>0</v>
      </c>
      <c r="Y35" s="182">
        <v>0</v>
      </c>
      <c r="Z35" s="183">
        <v>0</v>
      </c>
      <c r="AA35" s="184">
        <v>0</v>
      </c>
      <c r="AB35" s="184">
        <v>0</v>
      </c>
      <c r="AC35" s="184">
        <v>0</v>
      </c>
      <c r="AD35" s="182">
        <v>0</v>
      </c>
      <c r="AE35" s="185">
        <v>0</v>
      </c>
      <c r="AF35" s="186">
        <v>0</v>
      </c>
      <c r="AG35" s="181">
        <v>0</v>
      </c>
      <c r="AH35" s="182">
        <v>0</v>
      </c>
      <c r="AI35" s="182">
        <v>0</v>
      </c>
      <c r="AJ35" s="183">
        <v>0</v>
      </c>
      <c r="AK35" s="184">
        <v>0</v>
      </c>
      <c r="AL35" s="184">
        <v>0</v>
      </c>
      <c r="AM35" s="184">
        <v>1</v>
      </c>
      <c r="AN35" s="182">
        <v>3</v>
      </c>
      <c r="AO35" s="185">
        <v>4</v>
      </c>
      <c r="AP35" s="187">
        <v>4</v>
      </c>
      <c r="AQ35" s="32"/>
    </row>
    <row r="36" spans="2:43" ht="21" customHeight="1" x14ac:dyDescent="0.2">
      <c r="B36" s="472" t="s">
        <v>34</v>
      </c>
      <c r="C36" s="181">
        <v>0</v>
      </c>
      <c r="D36" s="182">
        <v>0</v>
      </c>
      <c r="E36" s="182">
        <v>0</v>
      </c>
      <c r="F36" s="183">
        <v>0</v>
      </c>
      <c r="G36" s="184">
        <v>0</v>
      </c>
      <c r="H36" s="184">
        <v>0</v>
      </c>
      <c r="I36" s="184">
        <v>0</v>
      </c>
      <c r="J36" s="182">
        <v>0</v>
      </c>
      <c r="K36" s="185">
        <v>0</v>
      </c>
      <c r="L36" s="186">
        <v>0</v>
      </c>
      <c r="M36" s="181">
        <v>0</v>
      </c>
      <c r="N36" s="182">
        <v>0</v>
      </c>
      <c r="O36" s="185">
        <v>0</v>
      </c>
      <c r="P36" s="188">
        <v>0</v>
      </c>
      <c r="Q36" s="184">
        <v>0</v>
      </c>
      <c r="R36" s="184">
        <v>0</v>
      </c>
      <c r="S36" s="184">
        <v>0</v>
      </c>
      <c r="T36" s="182">
        <v>0</v>
      </c>
      <c r="U36" s="185">
        <v>0</v>
      </c>
      <c r="V36" s="189">
        <v>0</v>
      </c>
      <c r="W36" s="188">
        <v>0</v>
      </c>
      <c r="X36" s="182">
        <v>0</v>
      </c>
      <c r="Y36" s="182">
        <v>0</v>
      </c>
      <c r="Z36" s="183">
        <v>0</v>
      </c>
      <c r="AA36" s="184">
        <v>0</v>
      </c>
      <c r="AB36" s="184">
        <v>0</v>
      </c>
      <c r="AC36" s="184">
        <v>0</v>
      </c>
      <c r="AD36" s="182">
        <v>0</v>
      </c>
      <c r="AE36" s="185">
        <v>0</v>
      </c>
      <c r="AF36" s="186">
        <v>0</v>
      </c>
      <c r="AG36" s="181">
        <v>0</v>
      </c>
      <c r="AH36" s="182">
        <v>0</v>
      </c>
      <c r="AI36" s="182">
        <v>0</v>
      </c>
      <c r="AJ36" s="183">
        <v>0</v>
      </c>
      <c r="AK36" s="184">
        <v>0</v>
      </c>
      <c r="AL36" s="184">
        <v>0</v>
      </c>
      <c r="AM36" s="184">
        <v>0</v>
      </c>
      <c r="AN36" s="182">
        <v>0</v>
      </c>
      <c r="AO36" s="185">
        <v>0</v>
      </c>
      <c r="AP36" s="187">
        <v>0</v>
      </c>
      <c r="AQ36" s="32"/>
    </row>
    <row r="37" spans="2:43" ht="21" customHeight="1" x14ac:dyDescent="0.2">
      <c r="B37" s="472" t="s">
        <v>35</v>
      </c>
      <c r="C37" s="181">
        <v>0</v>
      </c>
      <c r="D37" s="182">
        <v>0</v>
      </c>
      <c r="E37" s="182">
        <v>0</v>
      </c>
      <c r="F37" s="183">
        <v>0</v>
      </c>
      <c r="G37" s="184">
        <v>0</v>
      </c>
      <c r="H37" s="184">
        <v>0</v>
      </c>
      <c r="I37" s="184">
        <v>1</v>
      </c>
      <c r="J37" s="182">
        <v>0</v>
      </c>
      <c r="K37" s="185">
        <v>1</v>
      </c>
      <c r="L37" s="186">
        <v>1</v>
      </c>
      <c r="M37" s="181">
        <v>0</v>
      </c>
      <c r="N37" s="182">
        <v>0</v>
      </c>
      <c r="O37" s="185">
        <v>0</v>
      </c>
      <c r="P37" s="188">
        <v>0</v>
      </c>
      <c r="Q37" s="184">
        <v>0</v>
      </c>
      <c r="R37" s="184">
        <v>0</v>
      </c>
      <c r="S37" s="184">
        <v>0</v>
      </c>
      <c r="T37" s="182">
        <v>0</v>
      </c>
      <c r="U37" s="185">
        <v>0</v>
      </c>
      <c r="V37" s="189">
        <v>0</v>
      </c>
      <c r="W37" s="188">
        <v>0</v>
      </c>
      <c r="X37" s="182">
        <v>0</v>
      </c>
      <c r="Y37" s="182">
        <v>0</v>
      </c>
      <c r="Z37" s="183">
        <v>0</v>
      </c>
      <c r="AA37" s="184">
        <v>0</v>
      </c>
      <c r="AB37" s="184">
        <v>0</v>
      </c>
      <c r="AC37" s="184">
        <v>0</v>
      </c>
      <c r="AD37" s="182">
        <v>0</v>
      </c>
      <c r="AE37" s="185">
        <v>0</v>
      </c>
      <c r="AF37" s="186">
        <v>0</v>
      </c>
      <c r="AG37" s="181">
        <v>0</v>
      </c>
      <c r="AH37" s="182">
        <v>0</v>
      </c>
      <c r="AI37" s="182">
        <v>0</v>
      </c>
      <c r="AJ37" s="183">
        <v>0</v>
      </c>
      <c r="AK37" s="184">
        <v>0</v>
      </c>
      <c r="AL37" s="184">
        <v>0</v>
      </c>
      <c r="AM37" s="184">
        <v>0</v>
      </c>
      <c r="AN37" s="182">
        <v>0</v>
      </c>
      <c r="AO37" s="185">
        <v>0</v>
      </c>
      <c r="AP37" s="187">
        <v>0</v>
      </c>
      <c r="AQ37" s="32"/>
    </row>
    <row r="38" spans="2:43" ht="21" customHeight="1" x14ac:dyDescent="0.2">
      <c r="B38" s="472" t="s">
        <v>36</v>
      </c>
      <c r="C38" s="181">
        <v>0</v>
      </c>
      <c r="D38" s="182">
        <v>0</v>
      </c>
      <c r="E38" s="182">
        <v>0</v>
      </c>
      <c r="F38" s="183">
        <v>0</v>
      </c>
      <c r="G38" s="184">
        <v>0</v>
      </c>
      <c r="H38" s="184">
        <v>1</v>
      </c>
      <c r="I38" s="184">
        <v>0</v>
      </c>
      <c r="J38" s="182">
        <v>1</v>
      </c>
      <c r="K38" s="185">
        <v>2</v>
      </c>
      <c r="L38" s="186">
        <v>2</v>
      </c>
      <c r="M38" s="181">
        <v>0</v>
      </c>
      <c r="N38" s="182">
        <v>0</v>
      </c>
      <c r="O38" s="185">
        <v>0</v>
      </c>
      <c r="P38" s="188">
        <v>0</v>
      </c>
      <c r="Q38" s="184">
        <v>1</v>
      </c>
      <c r="R38" s="184">
        <v>1</v>
      </c>
      <c r="S38" s="184">
        <v>1</v>
      </c>
      <c r="T38" s="182">
        <v>0</v>
      </c>
      <c r="U38" s="185">
        <v>3</v>
      </c>
      <c r="V38" s="189">
        <v>3</v>
      </c>
      <c r="W38" s="188">
        <v>0</v>
      </c>
      <c r="X38" s="182">
        <v>0</v>
      </c>
      <c r="Y38" s="182">
        <v>0</v>
      </c>
      <c r="Z38" s="183">
        <v>0</v>
      </c>
      <c r="AA38" s="184">
        <v>0</v>
      </c>
      <c r="AB38" s="184">
        <v>0</v>
      </c>
      <c r="AC38" s="184">
        <v>0</v>
      </c>
      <c r="AD38" s="182">
        <v>0</v>
      </c>
      <c r="AE38" s="185">
        <v>0</v>
      </c>
      <c r="AF38" s="186">
        <v>0</v>
      </c>
      <c r="AG38" s="181">
        <v>0</v>
      </c>
      <c r="AH38" s="182">
        <v>0</v>
      </c>
      <c r="AI38" s="182">
        <v>0</v>
      </c>
      <c r="AJ38" s="183">
        <v>0</v>
      </c>
      <c r="AK38" s="184">
        <v>0</v>
      </c>
      <c r="AL38" s="184">
        <v>0</v>
      </c>
      <c r="AM38" s="184">
        <v>0</v>
      </c>
      <c r="AN38" s="182">
        <v>0</v>
      </c>
      <c r="AO38" s="185">
        <v>0</v>
      </c>
      <c r="AP38" s="187">
        <v>0</v>
      </c>
      <c r="AQ38" s="32"/>
    </row>
    <row r="39" spans="2:43" ht="21" customHeight="1" thickBot="1" x14ac:dyDescent="0.25">
      <c r="B39" s="473" t="s">
        <v>37</v>
      </c>
      <c r="C39" s="190">
        <v>0</v>
      </c>
      <c r="D39" s="191">
        <v>0</v>
      </c>
      <c r="E39" s="191">
        <v>0</v>
      </c>
      <c r="F39" s="192">
        <v>0</v>
      </c>
      <c r="G39" s="193">
        <v>0</v>
      </c>
      <c r="H39" s="193">
        <v>0</v>
      </c>
      <c r="I39" s="193">
        <v>0</v>
      </c>
      <c r="J39" s="191">
        <v>0</v>
      </c>
      <c r="K39" s="194">
        <v>0</v>
      </c>
      <c r="L39" s="195">
        <v>0</v>
      </c>
      <c r="M39" s="190">
        <v>0</v>
      </c>
      <c r="N39" s="191">
        <v>0</v>
      </c>
      <c r="O39" s="194">
        <v>0</v>
      </c>
      <c r="P39" s="197">
        <v>0</v>
      </c>
      <c r="Q39" s="193">
        <v>0</v>
      </c>
      <c r="R39" s="193">
        <v>0</v>
      </c>
      <c r="S39" s="193">
        <v>0</v>
      </c>
      <c r="T39" s="191">
        <v>0</v>
      </c>
      <c r="U39" s="194">
        <v>0</v>
      </c>
      <c r="V39" s="198">
        <v>0</v>
      </c>
      <c r="W39" s="197">
        <v>0</v>
      </c>
      <c r="X39" s="191">
        <v>0</v>
      </c>
      <c r="Y39" s="191">
        <v>0</v>
      </c>
      <c r="Z39" s="192">
        <v>0</v>
      </c>
      <c r="AA39" s="193">
        <v>0</v>
      </c>
      <c r="AB39" s="193">
        <v>0</v>
      </c>
      <c r="AC39" s="193">
        <v>0</v>
      </c>
      <c r="AD39" s="191">
        <v>0</v>
      </c>
      <c r="AE39" s="194">
        <v>0</v>
      </c>
      <c r="AF39" s="195">
        <v>0</v>
      </c>
      <c r="AG39" s="190">
        <v>0</v>
      </c>
      <c r="AH39" s="191">
        <v>0</v>
      </c>
      <c r="AI39" s="191">
        <v>0</v>
      </c>
      <c r="AJ39" s="192">
        <v>0</v>
      </c>
      <c r="AK39" s="193">
        <v>0</v>
      </c>
      <c r="AL39" s="193">
        <v>0</v>
      </c>
      <c r="AM39" s="193">
        <v>0</v>
      </c>
      <c r="AN39" s="191">
        <v>0</v>
      </c>
      <c r="AO39" s="194">
        <v>0</v>
      </c>
      <c r="AP39" s="196">
        <v>0</v>
      </c>
      <c r="AQ39" s="32"/>
    </row>
    <row r="40" spans="2:43" x14ac:dyDescent="0.2">
      <c r="C40" s="33"/>
      <c r="D40" s="33"/>
      <c r="E40" s="33"/>
      <c r="F40" s="33"/>
      <c r="G40" s="33"/>
      <c r="H40" s="33"/>
      <c r="I40" s="33"/>
      <c r="J40" s="33"/>
      <c r="K40" s="33"/>
      <c r="L40" s="33"/>
      <c r="M40" s="32"/>
      <c r="N40" s="32"/>
      <c r="O40" s="32"/>
      <c r="P40" s="32"/>
      <c r="Q40" s="32"/>
      <c r="R40" s="32"/>
      <c r="S40" s="32"/>
      <c r="T40" s="32"/>
      <c r="U40" s="32"/>
      <c r="V40" s="32"/>
      <c r="W40" s="32"/>
      <c r="X40" s="32"/>
      <c r="Y40" s="32"/>
      <c r="Z40" s="32"/>
      <c r="AA40" s="32"/>
      <c r="AB40" s="32"/>
      <c r="AC40" s="32"/>
      <c r="AD40" s="32"/>
      <c r="AE40" s="32"/>
      <c r="AF40" s="32"/>
      <c r="AG40" s="32"/>
      <c r="AH40" s="32"/>
      <c r="AI40" s="32"/>
      <c r="AJ40" s="32"/>
      <c r="AK40" s="32"/>
      <c r="AL40" s="32"/>
      <c r="AM40" s="32"/>
      <c r="AN40" s="32"/>
      <c r="AO40" s="32"/>
      <c r="AP40" s="32"/>
      <c r="AQ40" s="32"/>
    </row>
    <row r="41" spans="2:43" x14ac:dyDescent="0.2">
      <c r="C41" s="33"/>
      <c r="D41" s="33"/>
      <c r="E41" s="33"/>
      <c r="F41" s="33"/>
      <c r="G41" s="33"/>
      <c r="H41" s="33"/>
      <c r="I41" s="33"/>
      <c r="J41" s="33"/>
      <c r="K41" s="33"/>
      <c r="L41" s="33"/>
      <c r="M41" s="32"/>
      <c r="N41" s="32"/>
      <c r="O41" s="32"/>
      <c r="P41" s="32"/>
      <c r="Q41" s="32"/>
      <c r="R41" s="32"/>
      <c r="S41" s="32"/>
      <c r="T41" s="32"/>
      <c r="U41" s="32"/>
      <c r="V41" s="32"/>
      <c r="W41" s="32"/>
      <c r="X41" s="32"/>
      <c r="Y41" s="32"/>
      <c r="Z41" s="32"/>
      <c r="AA41" s="32"/>
      <c r="AB41" s="32"/>
      <c r="AC41" s="32"/>
      <c r="AD41" s="32"/>
      <c r="AE41" s="32"/>
      <c r="AF41" s="32"/>
      <c r="AG41" s="32"/>
      <c r="AH41" s="32"/>
      <c r="AI41" s="32"/>
      <c r="AJ41" s="32"/>
      <c r="AK41" s="32"/>
      <c r="AL41" s="32"/>
      <c r="AM41" s="32"/>
      <c r="AN41" s="32"/>
      <c r="AO41" s="32"/>
      <c r="AP41" s="32"/>
      <c r="AQ41" s="32"/>
    </row>
    <row r="42" spans="2:43" x14ac:dyDescent="0.2">
      <c r="C42" s="33"/>
      <c r="D42" s="33"/>
      <c r="E42" s="33"/>
      <c r="F42" s="33"/>
      <c r="G42" s="33"/>
      <c r="H42" s="33"/>
      <c r="I42" s="33"/>
      <c r="J42" s="33"/>
      <c r="K42" s="33"/>
      <c r="L42" s="33"/>
      <c r="M42" s="32"/>
      <c r="N42" s="32"/>
      <c r="O42" s="32"/>
      <c r="P42" s="32"/>
      <c r="Q42" s="32"/>
      <c r="R42" s="32"/>
      <c r="S42" s="32"/>
      <c r="T42" s="32"/>
      <c r="U42" s="32"/>
      <c r="V42" s="32"/>
      <c r="W42" s="32"/>
      <c r="X42" s="32"/>
      <c r="Y42" s="32"/>
      <c r="Z42" s="32"/>
      <c r="AA42" s="32"/>
      <c r="AB42" s="32"/>
      <c r="AC42" s="32"/>
      <c r="AD42" s="32"/>
      <c r="AE42" s="32"/>
      <c r="AF42" s="32"/>
      <c r="AG42" s="32"/>
      <c r="AH42" s="32"/>
      <c r="AI42" s="32"/>
      <c r="AJ42" s="32"/>
      <c r="AK42" s="32"/>
      <c r="AL42" s="32"/>
      <c r="AM42" s="32"/>
      <c r="AN42" s="32"/>
      <c r="AO42" s="32"/>
      <c r="AP42" s="32"/>
      <c r="AQ42" s="32"/>
    </row>
    <row r="43" spans="2:43" x14ac:dyDescent="0.2">
      <c r="C43" s="33"/>
      <c r="D43" s="33"/>
      <c r="E43" s="33"/>
      <c r="F43" s="33"/>
      <c r="G43" s="33"/>
      <c r="H43" s="33"/>
      <c r="I43" s="33"/>
      <c r="J43" s="33"/>
      <c r="K43" s="33"/>
      <c r="L43" s="33"/>
      <c r="M43" s="32"/>
      <c r="N43" s="32"/>
      <c r="O43" s="32"/>
      <c r="P43" s="32"/>
      <c r="Q43" s="32"/>
      <c r="R43" s="32"/>
      <c r="S43" s="32"/>
      <c r="T43" s="32"/>
      <c r="U43" s="32"/>
      <c r="V43" s="32"/>
      <c r="W43" s="32"/>
      <c r="X43" s="32"/>
      <c r="Y43" s="32"/>
      <c r="Z43" s="32"/>
      <c r="AA43" s="32"/>
      <c r="AB43" s="32"/>
      <c r="AC43" s="32"/>
      <c r="AD43" s="32"/>
      <c r="AE43" s="32"/>
      <c r="AF43" s="32"/>
      <c r="AG43" s="32"/>
      <c r="AH43" s="32"/>
      <c r="AI43" s="32"/>
      <c r="AJ43" s="32"/>
      <c r="AK43" s="32"/>
      <c r="AL43" s="32"/>
      <c r="AM43" s="32"/>
      <c r="AN43" s="32"/>
      <c r="AO43" s="32"/>
      <c r="AP43" s="32"/>
      <c r="AQ43" s="32"/>
    </row>
    <row r="44" spans="2:43" x14ac:dyDescent="0.2">
      <c r="C44" s="33"/>
      <c r="D44" s="33"/>
      <c r="E44" s="33"/>
      <c r="F44" s="33"/>
      <c r="G44" s="33"/>
      <c r="H44" s="33"/>
      <c r="I44" s="33"/>
      <c r="J44" s="33"/>
      <c r="K44" s="33"/>
      <c r="L44" s="33"/>
      <c r="M44" s="32"/>
      <c r="N44" s="32"/>
      <c r="O44" s="32"/>
      <c r="P44" s="32"/>
      <c r="Q44" s="32"/>
      <c r="R44" s="32"/>
      <c r="S44" s="32"/>
      <c r="T44" s="32"/>
      <c r="U44" s="32"/>
      <c r="V44" s="32"/>
      <c r="W44" s="32"/>
      <c r="X44" s="32"/>
      <c r="Y44" s="32"/>
      <c r="Z44" s="32"/>
      <c r="AA44" s="32"/>
      <c r="AB44" s="32"/>
      <c r="AC44" s="32"/>
      <c r="AD44" s="32"/>
      <c r="AE44" s="32"/>
      <c r="AF44" s="32"/>
      <c r="AG44" s="32"/>
      <c r="AH44" s="32"/>
      <c r="AI44" s="32"/>
      <c r="AJ44" s="32"/>
      <c r="AK44" s="32"/>
      <c r="AL44" s="32"/>
      <c r="AM44" s="32"/>
      <c r="AN44" s="32"/>
      <c r="AO44" s="32"/>
      <c r="AP44" s="32"/>
      <c r="AQ44" s="32"/>
    </row>
    <row r="45" spans="2:43" x14ac:dyDescent="0.2">
      <c r="C45" s="3"/>
      <c r="D45" s="3"/>
      <c r="E45" s="3"/>
      <c r="F45" s="3"/>
      <c r="G45" s="3"/>
      <c r="H45" s="3"/>
      <c r="I45" s="3"/>
      <c r="J45" s="3"/>
      <c r="K45" s="3"/>
      <c r="L45" s="3"/>
    </row>
    <row r="46" spans="2:43" x14ac:dyDescent="0.2">
      <c r="C46" s="3"/>
      <c r="D46" s="3"/>
      <c r="E46" s="3"/>
      <c r="F46" s="3"/>
      <c r="G46" s="3"/>
      <c r="H46" s="3"/>
      <c r="I46" s="3"/>
      <c r="J46" s="3"/>
      <c r="K46" s="3"/>
      <c r="L46" s="3"/>
    </row>
    <row r="47" spans="2:43" x14ac:dyDescent="0.2">
      <c r="C47" s="3"/>
      <c r="D47" s="3"/>
      <c r="E47" s="3"/>
      <c r="F47" s="3"/>
      <c r="G47" s="3"/>
      <c r="H47" s="3"/>
      <c r="I47" s="3"/>
      <c r="J47" s="3"/>
      <c r="K47" s="3"/>
      <c r="L47" s="3"/>
    </row>
    <row r="48" spans="2:43" x14ac:dyDescent="0.2">
      <c r="C48" s="3"/>
      <c r="D48" s="3"/>
      <c r="E48" s="3"/>
      <c r="F48" s="3"/>
      <c r="G48" s="3"/>
      <c r="H48" s="3"/>
      <c r="I48" s="3"/>
      <c r="J48" s="3"/>
      <c r="K48" s="3"/>
      <c r="L48" s="3"/>
    </row>
    <row r="49" spans="3:12" x14ac:dyDescent="0.2">
      <c r="C49" s="3"/>
      <c r="D49" s="3"/>
      <c r="E49" s="3"/>
      <c r="F49" s="3"/>
      <c r="G49" s="3"/>
      <c r="H49" s="3"/>
      <c r="I49" s="3"/>
      <c r="J49" s="3"/>
      <c r="K49" s="3"/>
      <c r="L49" s="3"/>
    </row>
    <row r="50" spans="3:12" x14ac:dyDescent="0.2">
      <c r="C50" s="3"/>
      <c r="D50" s="3"/>
      <c r="E50" s="3"/>
      <c r="F50" s="3"/>
      <c r="G50" s="3"/>
      <c r="H50" s="3"/>
      <c r="I50" s="3"/>
      <c r="J50" s="3"/>
      <c r="K50" s="3"/>
      <c r="L50" s="3"/>
    </row>
    <row r="51" spans="3:12" x14ac:dyDescent="0.2">
      <c r="C51" s="3"/>
      <c r="D51" s="3"/>
      <c r="E51" s="3"/>
      <c r="F51" s="3"/>
      <c r="G51" s="3"/>
      <c r="H51" s="3"/>
      <c r="I51" s="3"/>
      <c r="J51" s="3"/>
      <c r="K51" s="3"/>
      <c r="L51" s="3"/>
    </row>
    <row r="52" spans="3:12" x14ac:dyDescent="0.2">
      <c r="C52" s="3"/>
      <c r="D52" s="3"/>
      <c r="E52" s="3"/>
      <c r="F52" s="3"/>
      <c r="G52" s="3"/>
      <c r="H52" s="3"/>
      <c r="I52" s="3"/>
      <c r="J52" s="3"/>
      <c r="K52" s="3"/>
      <c r="L52" s="3"/>
    </row>
    <row r="53" spans="3:12" x14ac:dyDescent="0.2">
      <c r="C53" s="3"/>
      <c r="D53" s="3"/>
      <c r="E53" s="3"/>
      <c r="F53" s="3"/>
      <c r="G53" s="3"/>
      <c r="H53" s="3"/>
      <c r="I53" s="3"/>
      <c r="J53" s="3"/>
      <c r="K53" s="3"/>
      <c r="L53" s="3"/>
    </row>
    <row r="54" spans="3:12" x14ac:dyDescent="0.2">
      <c r="C54" s="3"/>
      <c r="D54" s="3"/>
      <c r="E54" s="3"/>
      <c r="F54" s="3"/>
      <c r="G54" s="3"/>
      <c r="H54" s="3"/>
      <c r="I54" s="3"/>
      <c r="J54" s="3"/>
      <c r="K54" s="3"/>
      <c r="L54" s="3"/>
    </row>
    <row r="55" spans="3:12" x14ac:dyDescent="0.2">
      <c r="C55" s="3"/>
      <c r="D55" s="3"/>
      <c r="E55" s="3"/>
      <c r="F55" s="3"/>
      <c r="G55" s="3"/>
      <c r="H55" s="3"/>
      <c r="I55" s="3"/>
      <c r="J55" s="3"/>
      <c r="K55" s="3"/>
      <c r="L55" s="3"/>
    </row>
    <row r="56" spans="3:12" x14ac:dyDescent="0.2">
      <c r="C56" s="3"/>
      <c r="D56" s="3"/>
      <c r="E56" s="3"/>
      <c r="F56" s="3"/>
      <c r="G56" s="3"/>
      <c r="H56" s="3"/>
      <c r="I56" s="3"/>
      <c r="J56" s="3"/>
      <c r="K56" s="3"/>
      <c r="L56" s="3"/>
    </row>
    <row r="57" spans="3:12" x14ac:dyDescent="0.2">
      <c r="C57" s="3"/>
      <c r="D57" s="3"/>
      <c r="E57" s="3"/>
      <c r="F57" s="3"/>
      <c r="G57" s="3"/>
      <c r="H57" s="3"/>
      <c r="I57" s="3"/>
      <c r="J57" s="3"/>
      <c r="K57" s="3"/>
      <c r="L57" s="3"/>
    </row>
    <row r="58" spans="3:12" x14ac:dyDescent="0.2">
      <c r="C58" s="3"/>
      <c r="D58" s="3"/>
      <c r="E58" s="3"/>
      <c r="F58" s="3"/>
      <c r="G58" s="3"/>
      <c r="H58" s="3"/>
      <c r="I58" s="3"/>
      <c r="J58" s="3"/>
      <c r="K58" s="3"/>
      <c r="L58" s="3"/>
    </row>
    <row r="59" spans="3:12" x14ac:dyDescent="0.2">
      <c r="C59" s="3"/>
      <c r="D59" s="3"/>
      <c r="E59" s="3"/>
      <c r="F59" s="3"/>
      <c r="G59" s="3"/>
      <c r="H59" s="3"/>
      <c r="I59" s="3"/>
      <c r="J59" s="3"/>
      <c r="K59" s="3"/>
      <c r="L59" s="3"/>
    </row>
    <row r="60" spans="3:12" x14ac:dyDescent="0.2">
      <c r="C60" s="3"/>
      <c r="D60" s="3"/>
      <c r="E60" s="3"/>
      <c r="F60" s="3"/>
      <c r="G60" s="3"/>
      <c r="H60" s="3"/>
      <c r="I60" s="3"/>
      <c r="J60" s="3"/>
      <c r="K60" s="3"/>
      <c r="L60" s="3"/>
    </row>
    <row r="61" spans="3:12" x14ac:dyDescent="0.2">
      <c r="C61" s="3"/>
      <c r="D61" s="3"/>
      <c r="E61" s="3"/>
      <c r="F61" s="3"/>
      <c r="G61" s="3"/>
      <c r="H61" s="3"/>
      <c r="I61" s="3"/>
      <c r="J61" s="3"/>
      <c r="K61" s="3"/>
      <c r="L61" s="3"/>
    </row>
    <row r="62" spans="3:12" x14ac:dyDescent="0.2">
      <c r="C62" s="3"/>
      <c r="D62" s="3"/>
      <c r="E62" s="3"/>
      <c r="F62" s="3"/>
      <c r="G62" s="3"/>
      <c r="H62" s="3"/>
      <c r="I62" s="3"/>
      <c r="J62" s="3"/>
      <c r="K62" s="3"/>
      <c r="L62" s="3"/>
    </row>
    <row r="63" spans="3:12" x14ac:dyDescent="0.2">
      <c r="C63" s="3"/>
      <c r="D63" s="3"/>
      <c r="E63" s="3"/>
      <c r="F63" s="3"/>
      <c r="G63" s="3"/>
      <c r="H63" s="3"/>
      <c r="I63" s="3"/>
      <c r="J63" s="3"/>
      <c r="K63" s="3"/>
      <c r="L63" s="3"/>
    </row>
    <row r="64" spans="3:12" x14ac:dyDescent="0.2">
      <c r="C64" s="3"/>
      <c r="D64" s="3"/>
      <c r="E64" s="3"/>
      <c r="F64" s="3"/>
      <c r="G64" s="3"/>
      <c r="H64" s="3"/>
      <c r="I64" s="3"/>
      <c r="J64" s="3"/>
      <c r="K64" s="3"/>
      <c r="L64" s="3"/>
    </row>
    <row r="65" spans="3:12" x14ac:dyDescent="0.2">
      <c r="C65" s="3"/>
      <c r="D65" s="3"/>
      <c r="E65" s="3"/>
      <c r="F65" s="3"/>
      <c r="G65" s="3"/>
      <c r="H65" s="3"/>
      <c r="I65" s="3"/>
      <c r="J65" s="3"/>
      <c r="K65" s="3"/>
      <c r="L65" s="3"/>
    </row>
    <row r="66" spans="3:12" x14ac:dyDescent="0.2">
      <c r="C66" s="3"/>
      <c r="D66" s="3"/>
      <c r="E66" s="3"/>
      <c r="F66" s="3"/>
      <c r="G66" s="3"/>
      <c r="H66" s="3"/>
      <c r="I66" s="3"/>
      <c r="J66" s="3"/>
      <c r="K66" s="3"/>
      <c r="L66" s="3"/>
    </row>
    <row r="67" spans="3:12" x14ac:dyDescent="0.2">
      <c r="C67" s="3"/>
      <c r="D67" s="3"/>
      <c r="E67" s="3"/>
      <c r="F67" s="3"/>
      <c r="G67" s="3"/>
      <c r="H67" s="3"/>
      <c r="I67" s="3"/>
      <c r="J67" s="3"/>
      <c r="K67" s="3"/>
      <c r="L67" s="3"/>
    </row>
    <row r="68" spans="3:12" x14ac:dyDescent="0.2">
      <c r="C68" s="3"/>
      <c r="D68" s="3"/>
      <c r="E68" s="3"/>
      <c r="F68" s="3"/>
      <c r="G68" s="3"/>
      <c r="H68" s="3"/>
      <c r="I68" s="3"/>
      <c r="J68" s="3"/>
      <c r="K68" s="3"/>
      <c r="L68" s="3"/>
    </row>
    <row r="69" spans="3:12" x14ac:dyDescent="0.2">
      <c r="C69" s="3"/>
      <c r="D69" s="3"/>
      <c r="E69" s="3"/>
      <c r="F69" s="3"/>
      <c r="G69" s="3"/>
      <c r="H69" s="3"/>
      <c r="I69" s="3"/>
      <c r="J69" s="3"/>
      <c r="K69" s="3"/>
      <c r="L69" s="3"/>
    </row>
    <row r="70" spans="3:12" x14ac:dyDescent="0.2">
      <c r="C70" s="3"/>
      <c r="D70" s="3"/>
      <c r="E70" s="3"/>
      <c r="F70" s="3"/>
      <c r="G70" s="3"/>
      <c r="H70" s="3"/>
      <c r="I70" s="3"/>
      <c r="J70" s="3"/>
      <c r="K70" s="3"/>
      <c r="L70" s="3"/>
    </row>
    <row r="71" spans="3:12" x14ac:dyDescent="0.2">
      <c r="C71" s="3"/>
      <c r="D71" s="3"/>
      <c r="E71" s="3"/>
      <c r="F71" s="3"/>
      <c r="G71" s="3"/>
      <c r="H71" s="3"/>
      <c r="I71" s="3"/>
      <c r="J71" s="3"/>
      <c r="K71" s="3"/>
      <c r="L71" s="3"/>
    </row>
    <row r="72" spans="3:12" x14ac:dyDescent="0.2">
      <c r="C72" s="3"/>
      <c r="D72" s="3"/>
      <c r="E72" s="3"/>
      <c r="F72" s="3"/>
      <c r="G72" s="3"/>
      <c r="H72" s="3"/>
      <c r="I72" s="3"/>
      <c r="J72" s="3"/>
      <c r="K72" s="3"/>
      <c r="L72" s="3"/>
    </row>
    <row r="73" spans="3:12" x14ac:dyDescent="0.2">
      <c r="C73" s="3"/>
      <c r="D73" s="3"/>
      <c r="E73" s="3"/>
      <c r="F73" s="3"/>
      <c r="G73" s="3"/>
      <c r="H73" s="3"/>
      <c r="I73" s="3"/>
      <c r="J73" s="3"/>
      <c r="K73" s="3"/>
      <c r="L73" s="3"/>
    </row>
    <row r="74" spans="3:12" x14ac:dyDescent="0.2">
      <c r="C74" s="3"/>
      <c r="D74" s="3"/>
      <c r="E74" s="3"/>
      <c r="F74" s="3"/>
      <c r="G74" s="3"/>
      <c r="H74" s="3"/>
      <c r="I74" s="3"/>
      <c r="J74" s="3"/>
      <c r="K74" s="3"/>
      <c r="L74" s="3"/>
    </row>
    <row r="75" spans="3:12" x14ac:dyDescent="0.2">
      <c r="C75" s="3"/>
      <c r="D75" s="3"/>
      <c r="E75" s="3"/>
      <c r="F75" s="3"/>
      <c r="G75" s="3"/>
      <c r="H75" s="3"/>
      <c r="I75" s="3"/>
      <c r="J75" s="3"/>
      <c r="K75" s="3"/>
      <c r="L75" s="3"/>
    </row>
    <row r="76" spans="3:12" x14ac:dyDescent="0.2">
      <c r="C76" s="3"/>
      <c r="D76" s="3"/>
      <c r="E76" s="3"/>
      <c r="F76" s="3"/>
      <c r="G76" s="3"/>
      <c r="H76" s="3"/>
      <c r="I76" s="3"/>
      <c r="J76" s="3"/>
      <c r="K76" s="3"/>
      <c r="L76" s="3"/>
    </row>
    <row r="77" spans="3:12" x14ac:dyDescent="0.2">
      <c r="C77" s="3"/>
      <c r="D77" s="3"/>
      <c r="E77" s="3"/>
      <c r="F77" s="3"/>
      <c r="G77" s="3"/>
      <c r="H77" s="3"/>
      <c r="I77" s="3"/>
      <c r="J77" s="3"/>
      <c r="K77" s="3"/>
      <c r="L77" s="3"/>
    </row>
    <row r="78" spans="3:12" x14ac:dyDescent="0.2">
      <c r="C78" s="3"/>
      <c r="D78" s="3"/>
      <c r="E78" s="3"/>
      <c r="F78" s="3"/>
      <c r="G78" s="3"/>
      <c r="H78" s="3"/>
      <c r="I78" s="3"/>
      <c r="J78" s="3"/>
      <c r="K78" s="3"/>
      <c r="L78" s="3"/>
    </row>
    <row r="79" spans="3:12" x14ac:dyDescent="0.2">
      <c r="C79" s="3"/>
      <c r="D79" s="3"/>
      <c r="E79" s="3"/>
      <c r="F79" s="3"/>
      <c r="G79" s="3"/>
      <c r="H79" s="3"/>
      <c r="I79" s="3"/>
      <c r="J79" s="3"/>
      <c r="K79" s="3"/>
      <c r="L79" s="3"/>
    </row>
    <row r="80" spans="3:12" x14ac:dyDescent="0.2">
      <c r="C80" s="3"/>
      <c r="D80" s="3"/>
      <c r="E80" s="3"/>
      <c r="F80" s="3"/>
      <c r="G80" s="3"/>
      <c r="H80" s="3"/>
      <c r="I80" s="3"/>
      <c r="J80" s="3"/>
      <c r="K80" s="3"/>
      <c r="L80" s="3"/>
    </row>
    <row r="81" spans="3:12" x14ac:dyDescent="0.2">
      <c r="C81" s="3"/>
      <c r="D81" s="3"/>
      <c r="E81" s="3"/>
      <c r="F81" s="3"/>
      <c r="G81" s="3"/>
      <c r="H81" s="3"/>
      <c r="I81" s="3"/>
      <c r="J81" s="3"/>
      <c r="K81" s="3"/>
      <c r="L81" s="3"/>
    </row>
    <row r="82" spans="3:12" x14ac:dyDescent="0.2">
      <c r="C82" s="3"/>
      <c r="D82" s="3"/>
      <c r="E82" s="3"/>
      <c r="F82" s="3"/>
      <c r="G82" s="3"/>
      <c r="H82" s="3"/>
      <c r="I82" s="3"/>
      <c r="J82" s="3"/>
      <c r="K82" s="3"/>
      <c r="L82" s="3"/>
    </row>
    <row r="83" spans="3:12" x14ac:dyDescent="0.2">
      <c r="C83" s="3"/>
      <c r="D83" s="3"/>
      <c r="E83" s="3"/>
      <c r="F83" s="3"/>
      <c r="G83" s="3"/>
      <c r="H83" s="3"/>
      <c r="I83" s="3"/>
      <c r="J83" s="3"/>
      <c r="K83" s="3"/>
      <c r="L83" s="3"/>
    </row>
    <row r="84" spans="3:12" x14ac:dyDescent="0.2">
      <c r="C84" s="3"/>
      <c r="D84" s="3"/>
      <c r="E84" s="3"/>
      <c r="F84" s="3"/>
      <c r="G84" s="3"/>
      <c r="H84" s="3"/>
      <c r="I84" s="3"/>
      <c r="J84" s="3"/>
      <c r="K84" s="3"/>
      <c r="L84" s="3"/>
    </row>
    <row r="85" spans="3:12" x14ac:dyDescent="0.2">
      <c r="C85" s="3"/>
      <c r="D85" s="3"/>
      <c r="E85" s="3"/>
      <c r="F85" s="3"/>
      <c r="G85" s="3"/>
      <c r="H85" s="3"/>
      <c r="I85" s="3"/>
      <c r="J85" s="3"/>
      <c r="K85" s="3"/>
      <c r="L85" s="3"/>
    </row>
    <row r="86" spans="3:12" x14ac:dyDescent="0.2">
      <c r="C86" s="3"/>
      <c r="D86" s="3"/>
      <c r="E86" s="3"/>
      <c r="F86" s="3"/>
      <c r="G86" s="3"/>
      <c r="H86" s="3"/>
      <c r="I86" s="3"/>
      <c r="J86" s="3"/>
      <c r="K86" s="3"/>
      <c r="L86" s="3"/>
    </row>
    <row r="87" spans="3:12" x14ac:dyDescent="0.2">
      <c r="C87" s="3"/>
      <c r="D87" s="3"/>
      <c r="E87" s="3"/>
      <c r="F87" s="3"/>
      <c r="G87" s="3"/>
      <c r="H87" s="3"/>
      <c r="I87" s="3"/>
      <c r="J87" s="3"/>
      <c r="K87" s="3"/>
      <c r="L87" s="3"/>
    </row>
    <row r="88" spans="3:12" x14ac:dyDescent="0.2">
      <c r="C88" s="3"/>
      <c r="D88" s="3"/>
      <c r="E88" s="3"/>
      <c r="F88" s="3"/>
      <c r="G88" s="3"/>
      <c r="H88" s="3"/>
      <c r="I88" s="3"/>
      <c r="J88" s="3"/>
      <c r="K88" s="3"/>
      <c r="L88" s="3"/>
    </row>
    <row r="89" spans="3:12" x14ac:dyDescent="0.2">
      <c r="C89" s="3"/>
      <c r="D89" s="3"/>
      <c r="E89" s="3"/>
      <c r="F89" s="3"/>
      <c r="G89" s="3"/>
      <c r="H89" s="3"/>
      <c r="I89" s="3"/>
      <c r="J89" s="3"/>
      <c r="K89" s="3"/>
      <c r="L89" s="3"/>
    </row>
    <row r="90" spans="3:12" x14ac:dyDescent="0.2">
      <c r="C90" s="3"/>
      <c r="D90" s="3"/>
      <c r="E90" s="3"/>
      <c r="F90" s="3"/>
      <c r="G90" s="3"/>
      <c r="H90" s="3"/>
      <c r="I90" s="3"/>
      <c r="J90" s="3"/>
      <c r="K90" s="3"/>
      <c r="L90" s="3"/>
    </row>
    <row r="91" spans="3:12" x14ac:dyDescent="0.2">
      <c r="C91" s="3"/>
      <c r="D91" s="3"/>
      <c r="E91" s="3"/>
      <c r="F91" s="3"/>
      <c r="G91" s="3"/>
      <c r="H91" s="3"/>
      <c r="I91" s="3"/>
      <c r="J91" s="3"/>
      <c r="K91" s="3"/>
      <c r="L91" s="3"/>
    </row>
    <row r="92" spans="3:12" x14ac:dyDescent="0.2">
      <c r="C92" s="3"/>
      <c r="D92" s="3"/>
      <c r="E92" s="3"/>
      <c r="F92" s="3"/>
      <c r="G92" s="3"/>
      <c r="H92" s="3"/>
      <c r="I92" s="3"/>
      <c r="J92" s="3"/>
      <c r="K92" s="3"/>
      <c r="L92" s="3"/>
    </row>
    <row r="93" spans="3:12" x14ac:dyDescent="0.2">
      <c r="C93" s="3"/>
      <c r="D93" s="3"/>
      <c r="E93" s="3"/>
      <c r="F93" s="3"/>
      <c r="G93" s="3"/>
      <c r="H93" s="3"/>
      <c r="I93" s="3"/>
      <c r="J93" s="3"/>
      <c r="K93" s="3"/>
      <c r="L93" s="3"/>
    </row>
    <row r="94" spans="3:12" x14ac:dyDescent="0.2">
      <c r="C94" s="3"/>
      <c r="D94" s="3"/>
      <c r="E94" s="3"/>
      <c r="F94" s="3"/>
      <c r="G94" s="3"/>
      <c r="H94" s="3"/>
      <c r="I94" s="3"/>
      <c r="J94" s="3"/>
      <c r="K94" s="3"/>
      <c r="L94" s="3"/>
    </row>
    <row r="95" spans="3:12" x14ac:dyDescent="0.2">
      <c r="C95" s="3"/>
      <c r="D95" s="3"/>
      <c r="E95" s="3"/>
      <c r="F95" s="3"/>
      <c r="G95" s="3"/>
      <c r="H95" s="3"/>
      <c r="I95" s="3"/>
      <c r="J95" s="3"/>
      <c r="K95" s="3"/>
      <c r="L95" s="3"/>
    </row>
    <row r="96" spans="3:12" x14ac:dyDescent="0.2">
      <c r="C96" s="3"/>
      <c r="D96" s="3"/>
      <c r="E96" s="3"/>
      <c r="F96" s="3"/>
      <c r="G96" s="3"/>
      <c r="H96" s="3"/>
      <c r="I96" s="3"/>
      <c r="J96" s="3"/>
      <c r="K96" s="3"/>
      <c r="L96" s="3"/>
    </row>
    <row r="97" spans="3:12" x14ac:dyDescent="0.2">
      <c r="C97" s="3"/>
      <c r="D97" s="3"/>
      <c r="E97" s="3"/>
      <c r="F97" s="3"/>
      <c r="G97" s="3"/>
      <c r="H97" s="3"/>
      <c r="I97" s="3"/>
      <c r="J97" s="3"/>
      <c r="K97" s="3"/>
      <c r="L97" s="3"/>
    </row>
    <row r="98" spans="3:12" x14ac:dyDescent="0.2">
      <c r="C98" s="3"/>
      <c r="D98" s="3"/>
      <c r="E98" s="3"/>
      <c r="F98" s="3"/>
      <c r="G98" s="3"/>
      <c r="H98" s="3"/>
      <c r="I98" s="3"/>
      <c r="J98" s="3"/>
      <c r="K98" s="3"/>
      <c r="L98" s="3"/>
    </row>
    <row r="99" spans="3:12" x14ac:dyDescent="0.2">
      <c r="C99" s="3"/>
      <c r="D99" s="3"/>
      <c r="E99" s="3"/>
      <c r="F99" s="3"/>
      <c r="G99" s="3"/>
      <c r="H99" s="3"/>
      <c r="I99" s="3"/>
      <c r="J99" s="3"/>
      <c r="K99" s="3"/>
      <c r="L99" s="3"/>
    </row>
    <row r="100" spans="3:12" x14ac:dyDescent="0.2">
      <c r="C100" s="3"/>
      <c r="D100" s="3"/>
      <c r="E100" s="3"/>
      <c r="F100" s="3"/>
      <c r="G100" s="3"/>
      <c r="H100" s="3"/>
      <c r="I100" s="3"/>
      <c r="J100" s="3"/>
      <c r="K100" s="3"/>
      <c r="L100" s="3"/>
    </row>
    <row r="101" spans="3:12" x14ac:dyDescent="0.2">
      <c r="C101" s="3"/>
      <c r="D101" s="3"/>
      <c r="E101" s="3"/>
      <c r="F101" s="3"/>
      <c r="G101" s="3"/>
      <c r="H101" s="3"/>
      <c r="I101" s="3"/>
      <c r="J101" s="3"/>
      <c r="K101" s="3"/>
      <c r="L101" s="3"/>
    </row>
    <row r="102" spans="3:12" x14ac:dyDescent="0.2">
      <c r="C102" s="3"/>
      <c r="D102" s="3"/>
      <c r="E102" s="3"/>
      <c r="F102" s="3"/>
      <c r="G102" s="3"/>
      <c r="H102" s="3"/>
      <c r="I102" s="3"/>
      <c r="J102" s="3"/>
      <c r="K102" s="3"/>
      <c r="L102" s="3"/>
    </row>
    <row r="103" spans="3:12" x14ac:dyDescent="0.2">
      <c r="C103" s="3"/>
      <c r="D103" s="3"/>
      <c r="E103" s="3"/>
      <c r="F103" s="3"/>
      <c r="G103" s="3"/>
      <c r="H103" s="3"/>
      <c r="I103" s="3"/>
      <c r="J103" s="3"/>
      <c r="K103" s="3"/>
      <c r="L103" s="3"/>
    </row>
    <row r="104" spans="3:12" x14ac:dyDescent="0.2">
      <c r="C104" s="3"/>
      <c r="D104" s="3"/>
      <c r="E104" s="3"/>
      <c r="F104" s="3"/>
      <c r="G104" s="3"/>
      <c r="H104" s="3"/>
      <c r="I104" s="3"/>
      <c r="J104" s="3"/>
      <c r="K104" s="3"/>
      <c r="L104" s="3"/>
    </row>
    <row r="105" spans="3:12" x14ac:dyDescent="0.2">
      <c r="C105" s="3"/>
      <c r="D105" s="3"/>
      <c r="E105" s="3"/>
      <c r="F105" s="3"/>
      <c r="G105" s="3"/>
      <c r="H105" s="3"/>
      <c r="I105" s="3"/>
      <c r="J105" s="3"/>
      <c r="K105" s="3"/>
      <c r="L105" s="3"/>
    </row>
    <row r="106" spans="3:12" x14ac:dyDescent="0.2">
      <c r="C106" s="3"/>
      <c r="D106" s="3"/>
      <c r="E106" s="3"/>
      <c r="F106" s="3"/>
      <c r="G106" s="3"/>
      <c r="H106" s="3"/>
      <c r="I106" s="3"/>
      <c r="J106" s="3"/>
      <c r="K106" s="3"/>
      <c r="L106" s="3"/>
    </row>
    <row r="107" spans="3:12" x14ac:dyDescent="0.2">
      <c r="C107" s="3"/>
      <c r="D107" s="3"/>
      <c r="E107" s="3"/>
      <c r="F107" s="3"/>
      <c r="G107" s="3"/>
      <c r="H107" s="3"/>
      <c r="I107" s="3"/>
      <c r="J107" s="3"/>
      <c r="K107" s="3"/>
      <c r="L107" s="3"/>
    </row>
    <row r="108" spans="3:12" x14ac:dyDescent="0.2">
      <c r="C108" s="3"/>
      <c r="D108" s="3"/>
      <c r="E108" s="3"/>
      <c r="F108" s="3"/>
      <c r="G108" s="3"/>
      <c r="H108" s="3"/>
      <c r="I108" s="3"/>
      <c r="J108" s="3"/>
      <c r="K108" s="3"/>
      <c r="L108" s="3"/>
    </row>
    <row r="109" spans="3:12" x14ac:dyDescent="0.2">
      <c r="C109" s="3"/>
      <c r="D109" s="3"/>
      <c r="E109" s="3"/>
      <c r="F109" s="3"/>
      <c r="G109" s="3"/>
      <c r="H109" s="3"/>
      <c r="I109" s="3"/>
      <c r="J109" s="3"/>
      <c r="K109" s="3"/>
      <c r="L109" s="3"/>
    </row>
    <row r="110" spans="3:12" x14ac:dyDescent="0.2">
      <c r="C110" s="3"/>
      <c r="D110" s="3"/>
      <c r="E110" s="3"/>
      <c r="F110" s="3"/>
      <c r="G110" s="3"/>
      <c r="H110" s="3"/>
      <c r="I110" s="3"/>
      <c r="J110" s="3"/>
      <c r="K110" s="3"/>
      <c r="L110" s="3"/>
    </row>
    <row r="111" spans="3:12" x14ac:dyDescent="0.2">
      <c r="C111" s="3"/>
      <c r="D111" s="3"/>
      <c r="E111" s="3"/>
      <c r="F111" s="3"/>
      <c r="G111" s="3"/>
      <c r="H111" s="3"/>
      <c r="I111" s="3"/>
      <c r="J111" s="3"/>
      <c r="K111" s="3"/>
      <c r="L111" s="3"/>
    </row>
    <row r="112" spans="3:12" x14ac:dyDescent="0.2">
      <c r="C112" s="3"/>
      <c r="D112" s="3"/>
      <c r="E112" s="3"/>
      <c r="F112" s="3"/>
      <c r="G112" s="3"/>
      <c r="H112" s="3"/>
      <c r="I112" s="3"/>
      <c r="J112" s="3"/>
      <c r="K112" s="3"/>
      <c r="L112" s="3"/>
    </row>
    <row r="113" spans="3:12" x14ac:dyDescent="0.2">
      <c r="C113" s="3"/>
      <c r="D113" s="3"/>
      <c r="E113" s="3"/>
      <c r="F113" s="3"/>
      <c r="G113" s="3"/>
      <c r="H113" s="3"/>
      <c r="I113" s="3"/>
      <c r="J113" s="3"/>
      <c r="K113" s="3"/>
      <c r="L113" s="3"/>
    </row>
    <row r="114" spans="3:12" x14ac:dyDescent="0.2">
      <c r="C114" s="3"/>
      <c r="D114" s="3"/>
      <c r="E114" s="3"/>
      <c r="F114" s="3"/>
      <c r="G114" s="3"/>
      <c r="H114" s="3"/>
      <c r="I114" s="3"/>
      <c r="J114" s="3"/>
      <c r="K114" s="3"/>
      <c r="L114" s="3"/>
    </row>
    <row r="115" spans="3:12" x14ac:dyDescent="0.2">
      <c r="C115" s="3"/>
      <c r="D115" s="3"/>
      <c r="E115" s="3"/>
      <c r="F115" s="3"/>
      <c r="G115" s="3"/>
      <c r="H115" s="3"/>
      <c r="I115" s="3"/>
      <c r="J115" s="3"/>
      <c r="K115" s="3"/>
      <c r="L115" s="3"/>
    </row>
    <row r="116" spans="3:12" x14ac:dyDescent="0.2">
      <c r="C116" s="3"/>
      <c r="D116" s="3"/>
      <c r="E116" s="3"/>
      <c r="F116" s="3"/>
      <c r="G116" s="3"/>
      <c r="H116" s="3"/>
      <c r="I116" s="3"/>
      <c r="J116" s="3"/>
      <c r="K116" s="3"/>
      <c r="L116" s="3"/>
    </row>
    <row r="117" spans="3:12" x14ac:dyDescent="0.2">
      <c r="C117" s="3"/>
      <c r="D117" s="3"/>
      <c r="E117" s="3"/>
      <c r="F117" s="3"/>
      <c r="G117" s="3"/>
      <c r="H117" s="3"/>
      <c r="I117" s="3"/>
      <c r="J117" s="3"/>
      <c r="K117" s="3"/>
      <c r="L117" s="3"/>
    </row>
    <row r="118" spans="3:12" x14ac:dyDescent="0.2">
      <c r="C118" s="3"/>
      <c r="D118" s="3"/>
      <c r="E118" s="3"/>
      <c r="F118" s="3"/>
      <c r="G118" s="3"/>
      <c r="H118" s="3"/>
      <c r="I118" s="3"/>
      <c r="J118" s="3"/>
      <c r="K118" s="3"/>
      <c r="L118" s="3"/>
    </row>
    <row r="119" spans="3:12" x14ac:dyDescent="0.2">
      <c r="C119" s="3"/>
      <c r="D119" s="3"/>
      <c r="E119" s="3"/>
      <c r="F119" s="3"/>
      <c r="G119" s="3"/>
      <c r="H119" s="3"/>
      <c r="I119" s="3"/>
      <c r="J119" s="3"/>
      <c r="K119" s="3"/>
      <c r="L119" s="3"/>
    </row>
    <row r="120" spans="3:12" x14ac:dyDescent="0.2">
      <c r="C120" s="3"/>
      <c r="D120" s="3"/>
      <c r="E120" s="3"/>
      <c r="F120" s="3"/>
      <c r="G120" s="3"/>
      <c r="H120" s="3"/>
      <c r="I120" s="3"/>
      <c r="J120" s="3"/>
      <c r="K120" s="3"/>
      <c r="L120" s="3"/>
    </row>
    <row r="121" spans="3:12" x14ac:dyDescent="0.2">
      <c r="C121" s="3"/>
      <c r="D121" s="3"/>
      <c r="E121" s="3"/>
      <c r="F121" s="3"/>
      <c r="G121" s="3"/>
      <c r="H121" s="3"/>
      <c r="I121" s="3"/>
      <c r="J121" s="3"/>
      <c r="K121" s="3"/>
      <c r="L121" s="3"/>
    </row>
    <row r="122" spans="3:12" x14ac:dyDescent="0.2">
      <c r="C122" s="3"/>
      <c r="D122" s="3"/>
      <c r="E122" s="3"/>
      <c r="F122" s="3"/>
      <c r="G122" s="3"/>
      <c r="H122" s="3"/>
      <c r="I122" s="3"/>
      <c r="J122" s="3"/>
      <c r="K122" s="3"/>
      <c r="L122" s="3"/>
    </row>
    <row r="123" spans="3:12" x14ac:dyDescent="0.2">
      <c r="C123" s="3"/>
      <c r="D123" s="3"/>
      <c r="E123" s="3"/>
      <c r="F123" s="3"/>
      <c r="G123" s="3"/>
      <c r="H123" s="3"/>
      <c r="I123" s="3"/>
      <c r="J123" s="3"/>
      <c r="K123" s="3"/>
      <c r="L123" s="3"/>
    </row>
    <row r="124" spans="3:12" x14ac:dyDescent="0.2">
      <c r="C124" s="3"/>
      <c r="D124" s="3"/>
      <c r="E124" s="3"/>
      <c r="F124" s="3"/>
      <c r="G124" s="3"/>
      <c r="H124" s="3"/>
      <c r="I124" s="3"/>
      <c r="J124" s="3"/>
      <c r="K124" s="3"/>
      <c r="L124" s="3"/>
    </row>
    <row r="125" spans="3:12" x14ac:dyDescent="0.2">
      <c r="C125" s="3"/>
      <c r="D125" s="3"/>
      <c r="E125" s="3"/>
      <c r="F125" s="3"/>
      <c r="G125" s="3"/>
      <c r="H125" s="3"/>
      <c r="I125" s="3"/>
      <c r="J125" s="3"/>
      <c r="K125" s="3"/>
      <c r="L125" s="3"/>
    </row>
    <row r="126" spans="3:12" x14ac:dyDescent="0.2">
      <c r="C126" s="3"/>
      <c r="D126" s="3"/>
      <c r="E126" s="3"/>
      <c r="F126" s="3"/>
      <c r="G126" s="3"/>
      <c r="H126" s="3"/>
      <c r="I126" s="3"/>
      <c r="J126" s="3"/>
      <c r="K126" s="3"/>
      <c r="L126" s="3"/>
    </row>
    <row r="127" spans="3:12" x14ac:dyDescent="0.2">
      <c r="C127" s="3"/>
      <c r="D127" s="3"/>
      <c r="E127" s="3"/>
      <c r="F127" s="3"/>
      <c r="G127" s="3"/>
      <c r="H127" s="3"/>
      <c r="I127" s="3"/>
      <c r="J127" s="3"/>
      <c r="K127" s="3"/>
      <c r="L127" s="3"/>
    </row>
    <row r="128" spans="3:12" x14ac:dyDescent="0.2">
      <c r="C128" s="3"/>
      <c r="D128" s="3"/>
      <c r="E128" s="3"/>
      <c r="F128" s="3"/>
      <c r="G128" s="3"/>
      <c r="H128" s="3"/>
      <c r="I128" s="3"/>
      <c r="J128" s="3"/>
      <c r="K128" s="3"/>
      <c r="L128" s="3"/>
    </row>
    <row r="129" spans="3:12" x14ac:dyDescent="0.2">
      <c r="C129" s="3"/>
      <c r="D129" s="3"/>
      <c r="E129" s="3"/>
      <c r="F129" s="3"/>
      <c r="G129" s="3"/>
      <c r="H129" s="3"/>
      <c r="I129" s="3"/>
      <c r="J129" s="3"/>
      <c r="K129" s="3"/>
      <c r="L129" s="3"/>
    </row>
    <row r="130" spans="3:12" x14ac:dyDescent="0.2">
      <c r="C130" s="3"/>
      <c r="D130" s="3"/>
      <c r="E130" s="3"/>
      <c r="F130" s="3"/>
      <c r="G130" s="3"/>
      <c r="H130" s="3"/>
      <c r="I130" s="3"/>
      <c r="J130" s="3"/>
      <c r="K130" s="3"/>
      <c r="L130" s="3"/>
    </row>
    <row r="131" spans="3:12" x14ac:dyDescent="0.2">
      <c r="C131" s="3"/>
      <c r="D131" s="3"/>
      <c r="E131" s="3"/>
      <c r="F131" s="3"/>
      <c r="G131" s="3"/>
      <c r="H131" s="3"/>
      <c r="I131" s="3"/>
      <c r="J131" s="3"/>
      <c r="K131" s="3"/>
      <c r="L131" s="3"/>
    </row>
    <row r="132" spans="3:12" x14ac:dyDescent="0.2">
      <c r="C132" s="3"/>
      <c r="D132" s="3"/>
      <c r="E132" s="3"/>
      <c r="F132" s="3"/>
      <c r="G132" s="3"/>
      <c r="H132" s="3"/>
      <c r="I132" s="3"/>
      <c r="J132" s="3"/>
      <c r="K132" s="3"/>
      <c r="L132" s="3"/>
    </row>
    <row r="133" spans="3:12" x14ac:dyDescent="0.2">
      <c r="C133" s="3"/>
      <c r="D133" s="3"/>
      <c r="E133" s="3"/>
      <c r="F133" s="3"/>
      <c r="G133" s="3"/>
      <c r="H133" s="3"/>
      <c r="I133" s="3"/>
      <c r="J133" s="3"/>
      <c r="K133" s="3"/>
      <c r="L133" s="3"/>
    </row>
    <row r="134" spans="3:12" x14ac:dyDescent="0.2">
      <c r="C134" s="3"/>
      <c r="D134" s="3"/>
      <c r="E134" s="3"/>
      <c r="F134" s="3"/>
      <c r="G134" s="3"/>
      <c r="H134" s="3"/>
      <c r="I134" s="3"/>
      <c r="J134" s="3"/>
      <c r="K134" s="3"/>
      <c r="L134" s="3"/>
    </row>
    <row r="135" spans="3:12" x14ac:dyDescent="0.2">
      <c r="C135" s="3"/>
      <c r="D135" s="3"/>
      <c r="E135" s="3"/>
      <c r="F135" s="3"/>
      <c r="G135" s="3"/>
      <c r="H135" s="3"/>
      <c r="I135" s="3"/>
      <c r="J135" s="3"/>
      <c r="K135" s="3"/>
      <c r="L135" s="3"/>
    </row>
    <row r="136" spans="3:12" x14ac:dyDescent="0.2">
      <c r="C136" s="3"/>
      <c r="D136" s="3"/>
      <c r="E136" s="3"/>
      <c r="F136" s="3"/>
      <c r="G136" s="3"/>
      <c r="H136" s="3"/>
      <c r="I136" s="3"/>
      <c r="J136" s="3"/>
      <c r="K136" s="3"/>
      <c r="L136" s="3"/>
    </row>
    <row r="137" spans="3:12" x14ac:dyDescent="0.2">
      <c r="C137" s="3"/>
      <c r="D137" s="3"/>
      <c r="E137" s="3"/>
      <c r="F137" s="3"/>
      <c r="G137" s="3"/>
      <c r="H137" s="3"/>
      <c r="I137" s="3"/>
      <c r="J137" s="3"/>
      <c r="K137" s="3"/>
      <c r="L137" s="3"/>
    </row>
    <row r="138" spans="3:12" x14ac:dyDescent="0.2">
      <c r="C138" s="3"/>
      <c r="D138" s="3"/>
      <c r="E138" s="3"/>
      <c r="F138" s="3"/>
      <c r="G138" s="3"/>
      <c r="H138" s="3"/>
      <c r="I138" s="3"/>
      <c r="J138" s="3"/>
      <c r="K138" s="3"/>
      <c r="L138" s="3"/>
    </row>
    <row r="139" spans="3:12" x14ac:dyDescent="0.2">
      <c r="C139" s="3"/>
      <c r="D139" s="3"/>
      <c r="E139" s="3"/>
      <c r="F139" s="3"/>
      <c r="G139" s="3"/>
      <c r="H139" s="3"/>
      <c r="I139" s="3"/>
      <c r="J139" s="3"/>
      <c r="K139" s="3"/>
      <c r="L139" s="3"/>
    </row>
    <row r="140" spans="3:12" x14ac:dyDescent="0.2">
      <c r="C140" s="3"/>
      <c r="D140" s="3"/>
      <c r="E140" s="3"/>
      <c r="F140" s="3"/>
      <c r="G140" s="3"/>
      <c r="H140" s="3"/>
      <c r="I140" s="3"/>
      <c r="J140" s="3"/>
      <c r="K140" s="3"/>
      <c r="L140" s="3"/>
    </row>
    <row r="141" spans="3:12" x14ac:dyDescent="0.2">
      <c r="C141" s="3"/>
      <c r="D141" s="3"/>
      <c r="E141" s="3"/>
      <c r="F141" s="3"/>
      <c r="G141" s="3"/>
      <c r="H141" s="3"/>
      <c r="I141" s="3"/>
      <c r="J141" s="3"/>
      <c r="K141" s="3"/>
      <c r="L141" s="3"/>
    </row>
    <row r="142" spans="3:12" x14ac:dyDescent="0.2">
      <c r="C142" s="3"/>
      <c r="D142" s="3"/>
      <c r="E142" s="3"/>
      <c r="F142" s="3"/>
      <c r="G142" s="3"/>
      <c r="H142" s="3"/>
      <c r="I142" s="3"/>
      <c r="J142" s="3"/>
      <c r="K142" s="3"/>
      <c r="L142" s="3"/>
    </row>
    <row r="143" spans="3:12" x14ac:dyDescent="0.2">
      <c r="C143" s="3"/>
      <c r="D143" s="3"/>
      <c r="E143" s="3"/>
      <c r="F143" s="3"/>
      <c r="G143" s="3"/>
      <c r="H143" s="3"/>
      <c r="I143" s="3"/>
      <c r="J143" s="3"/>
      <c r="K143" s="3"/>
      <c r="L143" s="3"/>
    </row>
    <row r="144" spans="3:12" x14ac:dyDescent="0.2">
      <c r="C144" s="3"/>
      <c r="D144" s="3"/>
      <c r="E144" s="3"/>
      <c r="F144" s="3"/>
      <c r="G144" s="3"/>
      <c r="H144" s="3"/>
      <c r="I144" s="3"/>
      <c r="J144" s="3"/>
      <c r="K144" s="3"/>
      <c r="L144" s="3"/>
    </row>
    <row r="145" spans="3:12" x14ac:dyDescent="0.2">
      <c r="C145" s="3"/>
      <c r="D145" s="3"/>
      <c r="E145" s="3"/>
      <c r="F145" s="3"/>
      <c r="G145" s="3"/>
      <c r="H145" s="3"/>
      <c r="I145" s="3"/>
      <c r="J145" s="3"/>
      <c r="K145" s="3"/>
      <c r="L145" s="3"/>
    </row>
    <row r="146" spans="3:12" x14ac:dyDescent="0.2">
      <c r="C146" s="3"/>
      <c r="D146" s="3"/>
      <c r="E146" s="3"/>
      <c r="F146" s="3"/>
      <c r="G146" s="3"/>
      <c r="H146" s="3"/>
      <c r="I146" s="3"/>
      <c r="J146" s="3"/>
      <c r="K146" s="3"/>
      <c r="L146" s="3"/>
    </row>
    <row r="147" spans="3:12" x14ac:dyDescent="0.2">
      <c r="C147" s="3"/>
      <c r="D147" s="3"/>
      <c r="E147" s="3"/>
      <c r="F147" s="3"/>
      <c r="G147" s="3"/>
      <c r="H147" s="3"/>
      <c r="I147" s="3"/>
      <c r="J147" s="3"/>
      <c r="K147" s="3"/>
      <c r="L147" s="3"/>
    </row>
    <row r="148" spans="3:12" x14ac:dyDescent="0.2">
      <c r="C148" s="3"/>
      <c r="D148" s="3"/>
      <c r="E148" s="3"/>
      <c r="F148" s="3"/>
      <c r="G148" s="3"/>
      <c r="H148" s="3"/>
      <c r="I148" s="3"/>
      <c r="J148" s="3"/>
      <c r="K148" s="3"/>
      <c r="L148" s="3"/>
    </row>
    <row r="149" spans="3:12" x14ac:dyDescent="0.2">
      <c r="C149" s="3"/>
      <c r="D149" s="3"/>
      <c r="E149" s="3"/>
      <c r="F149" s="3"/>
      <c r="G149" s="3"/>
      <c r="H149" s="3"/>
      <c r="I149" s="3"/>
      <c r="J149" s="3"/>
      <c r="K149" s="3"/>
      <c r="L149" s="3"/>
    </row>
    <row r="150" spans="3:12" x14ac:dyDescent="0.2">
      <c r="C150" s="3"/>
      <c r="D150" s="3"/>
      <c r="E150" s="3"/>
      <c r="F150" s="3"/>
      <c r="G150" s="3"/>
      <c r="H150" s="3"/>
      <c r="I150" s="3"/>
      <c r="J150" s="3"/>
      <c r="K150" s="3"/>
      <c r="L150" s="3"/>
    </row>
    <row r="151" spans="3:12" x14ac:dyDescent="0.2">
      <c r="C151" s="3"/>
      <c r="D151" s="3"/>
      <c r="E151" s="3"/>
      <c r="F151" s="3"/>
      <c r="G151" s="3"/>
      <c r="H151" s="3"/>
      <c r="I151" s="3"/>
      <c r="J151" s="3"/>
      <c r="K151" s="3"/>
      <c r="L151" s="3"/>
    </row>
    <row r="152" spans="3:12" x14ac:dyDescent="0.2">
      <c r="C152" s="3"/>
      <c r="D152" s="3"/>
      <c r="E152" s="3"/>
      <c r="F152" s="3"/>
      <c r="G152" s="3"/>
      <c r="H152" s="3"/>
      <c r="I152" s="3"/>
      <c r="J152" s="3"/>
      <c r="K152" s="3"/>
      <c r="L152" s="3"/>
    </row>
    <row r="153" spans="3:12" x14ac:dyDescent="0.2">
      <c r="C153" s="3"/>
      <c r="D153" s="3"/>
      <c r="E153" s="3"/>
      <c r="F153" s="3"/>
      <c r="G153" s="3"/>
      <c r="H153" s="3"/>
      <c r="I153" s="3"/>
      <c r="J153" s="3"/>
      <c r="K153" s="3"/>
      <c r="L153" s="3"/>
    </row>
    <row r="154" spans="3:12" x14ac:dyDescent="0.2">
      <c r="C154" s="3"/>
      <c r="D154" s="3"/>
      <c r="E154" s="3"/>
      <c r="F154" s="3"/>
      <c r="G154" s="3"/>
      <c r="H154" s="3"/>
      <c r="I154" s="3"/>
      <c r="J154" s="3"/>
      <c r="K154" s="3"/>
      <c r="L154" s="3"/>
    </row>
    <row r="155" spans="3:12" x14ac:dyDescent="0.2">
      <c r="C155" s="3"/>
      <c r="D155" s="3"/>
      <c r="E155" s="3"/>
      <c r="F155" s="3"/>
      <c r="G155" s="3"/>
      <c r="H155" s="3"/>
      <c r="I155" s="3"/>
      <c r="J155" s="3"/>
      <c r="K155" s="3"/>
      <c r="L155" s="3"/>
    </row>
    <row r="156" spans="3:12" x14ac:dyDescent="0.2">
      <c r="C156" s="3"/>
      <c r="D156" s="3"/>
      <c r="E156" s="3"/>
      <c r="F156" s="3"/>
      <c r="G156" s="3"/>
      <c r="H156" s="3"/>
      <c r="I156" s="3"/>
      <c r="J156" s="3"/>
      <c r="K156" s="3"/>
      <c r="L156" s="3"/>
    </row>
    <row r="157" spans="3:12" x14ac:dyDescent="0.2">
      <c r="C157" s="3"/>
      <c r="D157" s="3"/>
      <c r="E157" s="3"/>
      <c r="F157" s="3"/>
      <c r="G157" s="3"/>
      <c r="H157" s="3"/>
      <c r="I157" s="3"/>
      <c r="J157" s="3"/>
      <c r="K157" s="3"/>
      <c r="L157" s="3"/>
    </row>
    <row r="158" spans="3:12" x14ac:dyDescent="0.2">
      <c r="C158" s="3"/>
      <c r="D158" s="3"/>
      <c r="E158" s="3"/>
      <c r="F158" s="3"/>
      <c r="G158" s="3"/>
      <c r="H158" s="3"/>
      <c r="I158" s="3"/>
      <c r="J158" s="3"/>
      <c r="K158" s="3"/>
      <c r="L158" s="3"/>
    </row>
    <row r="159" spans="3:12" x14ac:dyDescent="0.2">
      <c r="C159" s="3"/>
      <c r="D159" s="3"/>
      <c r="E159" s="3"/>
      <c r="F159" s="3"/>
      <c r="G159" s="3"/>
      <c r="H159" s="3"/>
      <c r="I159" s="3"/>
      <c r="J159" s="3"/>
      <c r="K159" s="3"/>
      <c r="L159" s="3"/>
    </row>
    <row r="160" spans="3:12" x14ac:dyDescent="0.2">
      <c r="C160" s="3"/>
      <c r="D160" s="3"/>
      <c r="E160" s="3"/>
      <c r="F160" s="3"/>
      <c r="G160" s="3"/>
      <c r="H160" s="3"/>
      <c r="I160" s="3"/>
      <c r="J160" s="3"/>
      <c r="K160" s="3"/>
      <c r="L160" s="3"/>
    </row>
    <row r="161" spans="3:12" x14ac:dyDescent="0.2">
      <c r="C161" s="3"/>
      <c r="D161" s="3"/>
      <c r="E161" s="3"/>
      <c r="F161" s="3"/>
      <c r="G161" s="3"/>
      <c r="H161" s="3"/>
      <c r="I161" s="3"/>
      <c r="J161" s="3"/>
      <c r="K161" s="3"/>
      <c r="L161" s="3"/>
    </row>
    <row r="162" spans="3:12" x14ac:dyDescent="0.2">
      <c r="C162" s="3"/>
      <c r="D162" s="3"/>
      <c r="E162" s="3"/>
      <c r="F162" s="3"/>
      <c r="G162" s="3"/>
      <c r="H162" s="3"/>
      <c r="I162" s="3"/>
      <c r="J162" s="3"/>
      <c r="K162" s="3"/>
      <c r="L162" s="3"/>
    </row>
    <row r="163" spans="3:12" x14ac:dyDescent="0.2">
      <c r="C163" s="3"/>
      <c r="D163" s="3"/>
      <c r="E163" s="3"/>
      <c r="F163" s="3"/>
      <c r="G163" s="3"/>
      <c r="H163" s="3"/>
      <c r="I163" s="3"/>
      <c r="J163" s="3"/>
      <c r="K163" s="3"/>
      <c r="L163" s="3"/>
    </row>
    <row r="164" spans="3:12" x14ac:dyDescent="0.2">
      <c r="C164" s="3"/>
      <c r="D164" s="3"/>
      <c r="E164" s="3"/>
      <c r="F164" s="3"/>
      <c r="G164" s="3"/>
      <c r="H164" s="3"/>
      <c r="I164" s="3"/>
      <c r="J164" s="3"/>
      <c r="K164" s="3"/>
      <c r="L164" s="3"/>
    </row>
    <row r="165" spans="3:12" x14ac:dyDescent="0.2">
      <c r="C165" s="3"/>
      <c r="D165" s="3"/>
      <c r="E165" s="3"/>
      <c r="F165" s="3"/>
      <c r="G165" s="3"/>
      <c r="H165" s="3"/>
      <c r="I165" s="3"/>
      <c r="J165" s="3"/>
      <c r="K165" s="3"/>
      <c r="L165" s="3"/>
    </row>
    <row r="166" spans="3:12" x14ac:dyDescent="0.2">
      <c r="C166" s="3"/>
      <c r="D166" s="3"/>
      <c r="E166" s="3"/>
      <c r="F166" s="3"/>
      <c r="G166" s="3"/>
      <c r="H166" s="3"/>
      <c r="I166" s="3"/>
      <c r="J166" s="3"/>
      <c r="K166" s="3"/>
      <c r="L166" s="3"/>
    </row>
    <row r="167" spans="3:12" x14ac:dyDescent="0.2">
      <c r="C167" s="3"/>
      <c r="D167" s="3"/>
      <c r="E167" s="3"/>
      <c r="F167" s="3"/>
      <c r="G167" s="3"/>
      <c r="H167" s="3"/>
      <c r="I167" s="3"/>
      <c r="J167" s="3"/>
      <c r="K167" s="3"/>
      <c r="L167" s="3"/>
    </row>
    <row r="168" spans="3:12" x14ac:dyDescent="0.2">
      <c r="C168" s="3"/>
      <c r="D168" s="3"/>
      <c r="E168" s="3"/>
      <c r="F168" s="3"/>
      <c r="G168" s="3"/>
      <c r="H168" s="3"/>
      <c r="I168" s="3"/>
      <c r="J168" s="3"/>
      <c r="K168" s="3"/>
      <c r="L168" s="3"/>
    </row>
    <row r="169" spans="3:12" x14ac:dyDescent="0.2">
      <c r="C169" s="3"/>
      <c r="D169" s="3"/>
      <c r="E169" s="3"/>
      <c r="F169" s="3"/>
      <c r="G169" s="3"/>
      <c r="H169" s="3"/>
      <c r="I169" s="3"/>
      <c r="J169" s="3"/>
      <c r="K169" s="3"/>
      <c r="L169" s="3"/>
    </row>
    <row r="170" spans="3:12" x14ac:dyDescent="0.2">
      <c r="C170" s="3"/>
      <c r="D170" s="3"/>
      <c r="E170" s="3"/>
      <c r="F170" s="3"/>
      <c r="G170" s="3"/>
      <c r="H170" s="3"/>
      <c r="I170" s="3"/>
      <c r="J170" s="3"/>
      <c r="K170" s="3"/>
      <c r="L170" s="3"/>
    </row>
    <row r="171" spans="3:12" x14ac:dyDescent="0.2">
      <c r="C171" s="3"/>
      <c r="D171" s="3"/>
      <c r="E171" s="3"/>
      <c r="F171" s="3"/>
      <c r="G171" s="3"/>
      <c r="H171" s="3"/>
      <c r="I171" s="3"/>
      <c r="J171" s="3"/>
      <c r="K171" s="3"/>
      <c r="L171" s="3"/>
    </row>
    <row r="172" spans="3:12" x14ac:dyDescent="0.2">
      <c r="C172" s="3"/>
      <c r="D172" s="3"/>
      <c r="E172" s="3"/>
      <c r="F172" s="3"/>
      <c r="G172" s="3"/>
      <c r="H172" s="3"/>
      <c r="I172" s="3"/>
      <c r="J172" s="3"/>
      <c r="K172" s="3"/>
      <c r="L172" s="3"/>
    </row>
    <row r="173" spans="3:12" x14ac:dyDescent="0.2">
      <c r="C173" s="3"/>
      <c r="D173" s="3"/>
      <c r="E173" s="3"/>
      <c r="F173" s="3"/>
      <c r="G173" s="3"/>
      <c r="H173" s="3"/>
      <c r="I173" s="3"/>
      <c r="J173" s="3"/>
      <c r="K173" s="3"/>
      <c r="L173" s="3"/>
    </row>
    <row r="174" spans="3:12" x14ac:dyDescent="0.2">
      <c r="C174" s="3"/>
      <c r="D174" s="3"/>
      <c r="E174" s="3"/>
      <c r="F174" s="3"/>
      <c r="G174" s="3"/>
      <c r="H174" s="3"/>
      <c r="I174" s="3"/>
      <c r="J174" s="3"/>
      <c r="K174" s="3"/>
      <c r="L174" s="3"/>
    </row>
    <row r="175" spans="3:12" x14ac:dyDescent="0.2">
      <c r="C175" s="3"/>
      <c r="D175" s="3"/>
      <c r="E175" s="3"/>
      <c r="F175" s="3"/>
      <c r="G175" s="3"/>
      <c r="H175" s="3"/>
      <c r="I175" s="3"/>
      <c r="J175" s="3"/>
      <c r="K175" s="3"/>
      <c r="L175" s="3"/>
    </row>
    <row r="176" spans="3:12" x14ac:dyDescent="0.2">
      <c r="C176" s="3"/>
      <c r="D176" s="3"/>
      <c r="E176" s="3"/>
      <c r="F176" s="3"/>
      <c r="G176" s="3"/>
      <c r="H176" s="3"/>
      <c r="I176" s="3"/>
      <c r="J176" s="3"/>
      <c r="K176" s="3"/>
      <c r="L176" s="3"/>
    </row>
    <row r="177" spans="3:12" x14ac:dyDescent="0.2">
      <c r="C177" s="3"/>
      <c r="D177" s="3"/>
      <c r="E177" s="3"/>
      <c r="F177" s="3"/>
      <c r="G177" s="3"/>
      <c r="H177" s="3"/>
      <c r="I177" s="3"/>
      <c r="J177" s="3"/>
      <c r="K177" s="3"/>
      <c r="L177" s="3"/>
    </row>
    <row r="178" spans="3:12" x14ac:dyDescent="0.2">
      <c r="C178" s="3"/>
      <c r="D178" s="3"/>
      <c r="E178" s="3"/>
      <c r="F178" s="3"/>
      <c r="G178" s="3"/>
      <c r="H178" s="3"/>
      <c r="I178" s="3"/>
      <c r="J178" s="3"/>
      <c r="K178" s="3"/>
      <c r="L178" s="3"/>
    </row>
    <row r="179" spans="3:12" x14ac:dyDescent="0.2">
      <c r="C179" s="3"/>
      <c r="D179" s="3"/>
      <c r="E179" s="3"/>
      <c r="F179" s="3"/>
      <c r="G179" s="3"/>
      <c r="H179" s="3"/>
      <c r="I179" s="3"/>
      <c r="J179" s="3"/>
      <c r="K179" s="3"/>
      <c r="L179" s="3"/>
    </row>
    <row r="180" spans="3:12" x14ac:dyDescent="0.2">
      <c r="C180" s="3"/>
      <c r="D180" s="3"/>
      <c r="E180" s="3"/>
      <c r="F180" s="3"/>
      <c r="G180" s="3"/>
      <c r="H180" s="3"/>
      <c r="I180" s="3"/>
      <c r="J180" s="3"/>
      <c r="K180" s="3"/>
      <c r="L180" s="3"/>
    </row>
    <row r="181" spans="3:12" x14ac:dyDescent="0.2">
      <c r="C181" s="3"/>
      <c r="D181" s="3"/>
      <c r="E181" s="3"/>
      <c r="F181" s="3"/>
      <c r="G181" s="3"/>
      <c r="H181" s="3"/>
      <c r="I181" s="3"/>
      <c r="J181" s="3"/>
      <c r="K181" s="3"/>
      <c r="L181" s="3"/>
    </row>
    <row r="182" spans="3:12" x14ac:dyDescent="0.2">
      <c r="C182" s="3"/>
      <c r="D182" s="3"/>
      <c r="E182" s="3"/>
      <c r="F182" s="3"/>
      <c r="G182" s="3"/>
      <c r="H182" s="3"/>
      <c r="I182" s="3"/>
      <c r="J182" s="3"/>
      <c r="K182" s="3"/>
      <c r="L182" s="3"/>
    </row>
    <row r="183" spans="3:12" x14ac:dyDescent="0.2">
      <c r="C183" s="3"/>
      <c r="D183" s="3"/>
      <c r="E183" s="3"/>
      <c r="F183" s="3"/>
      <c r="G183" s="3"/>
      <c r="H183" s="3"/>
      <c r="I183" s="3"/>
      <c r="J183" s="3"/>
      <c r="K183" s="3"/>
      <c r="L183" s="3"/>
    </row>
    <row r="184" spans="3:12" x14ac:dyDescent="0.2">
      <c r="C184" s="3"/>
      <c r="D184" s="3"/>
      <c r="E184" s="3"/>
      <c r="F184" s="3"/>
      <c r="G184" s="3"/>
      <c r="H184" s="3"/>
      <c r="I184" s="3"/>
      <c r="J184" s="3"/>
      <c r="K184" s="3"/>
      <c r="L184" s="3"/>
    </row>
    <row r="185" spans="3:12" x14ac:dyDescent="0.2">
      <c r="C185" s="3"/>
      <c r="D185" s="3"/>
      <c r="E185" s="3"/>
      <c r="F185" s="3"/>
      <c r="G185" s="3"/>
      <c r="H185" s="3"/>
      <c r="I185" s="3"/>
      <c r="J185" s="3"/>
      <c r="K185" s="3"/>
      <c r="L185" s="3"/>
    </row>
    <row r="186" spans="3:12" x14ac:dyDescent="0.2">
      <c r="C186" s="3"/>
      <c r="D186" s="3"/>
      <c r="E186" s="3"/>
      <c r="F186" s="3"/>
      <c r="G186" s="3"/>
      <c r="H186" s="3"/>
      <c r="I186" s="3"/>
      <c r="J186" s="3"/>
      <c r="K186" s="3"/>
      <c r="L186" s="3"/>
    </row>
    <row r="187" spans="3:12" x14ac:dyDescent="0.2">
      <c r="C187" s="3"/>
      <c r="D187" s="3"/>
      <c r="E187" s="3"/>
      <c r="F187" s="3"/>
      <c r="G187" s="3"/>
      <c r="H187" s="3"/>
      <c r="I187" s="3"/>
      <c r="J187" s="3"/>
      <c r="K187" s="3"/>
      <c r="L187" s="3"/>
    </row>
    <row r="188" spans="3:12" x14ac:dyDescent="0.2">
      <c r="C188" s="3"/>
      <c r="D188" s="3"/>
      <c r="E188" s="3"/>
      <c r="F188" s="3"/>
      <c r="G188" s="3"/>
      <c r="H188" s="3"/>
      <c r="I188" s="3"/>
      <c r="J188" s="3"/>
      <c r="K188" s="3"/>
      <c r="L188" s="3"/>
    </row>
    <row r="189" spans="3:12" x14ac:dyDescent="0.2">
      <c r="C189" s="3"/>
      <c r="D189" s="3"/>
      <c r="E189" s="3"/>
      <c r="F189" s="3"/>
      <c r="G189" s="3"/>
      <c r="H189" s="3"/>
      <c r="I189" s="3"/>
      <c r="J189" s="3"/>
      <c r="K189" s="3"/>
      <c r="L189" s="3"/>
    </row>
    <row r="190" spans="3:12" x14ac:dyDescent="0.2">
      <c r="C190" s="3"/>
      <c r="D190" s="3"/>
      <c r="E190" s="3"/>
      <c r="F190" s="3"/>
      <c r="G190" s="3"/>
      <c r="H190" s="3"/>
      <c r="I190" s="3"/>
      <c r="J190" s="3"/>
      <c r="K190" s="3"/>
      <c r="L190" s="3"/>
    </row>
    <row r="191" spans="3:12" x14ac:dyDescent="0.2">
      <c r="C191" s="3"/>
      <c r="D191" s="3"/>
      <c r="E191" s="3"/>
      <c r="F191" s="3"/>
      <c r="G191" s="3"/>
      <c r="H191" s="3"/>
      <c r="I191" s="3"/>
      <c r="J191" s="3"/>
      <c r="K191" s="3"/>
      <c r="L191" s="3"/>
    </row>
    <row r="192" spans="3:12" x14ac:dyDescent="0.2">
      <c r="C192" s="3"/>
      <c r="D192" s="3"/>
      <c r="E192" s="3"/>
      <c r="F192" s="3"/>
      <c r="G192" s="3"/>
      <c r="H192" s="3"/>
      <c r="I192" s="3"/>
      <c r="J192" s="3"/>
      <c r="K192" s="3"/>
      <c r="L192" s="3"/>
    </row>
    <row r="193" spans="3:12" x14ac:dyDescent="0.2">
      <c r="C193" s="3"/>
      <c r="D193" s="3"/>
      <c r="E193" s="3"/>
      <c r="F193" s="3"/>
      <c r="G193" s="3"/>
      <c r="H193" s="3"/>
      <c r="I193" s="3"/>
      <c r="J193" s="3"/>
      <c r="K193" s="3"/>
      <c r="L193" s="3"/>
    </row>
    <row r="194" spans="3:12" x14ac:dyDescent="0.2">
      <c r="C194" s="3"/>
      <c r="D194" s="3"/>
      <c r="E194" s="3"/>
      <c r="F194" s="3"/>
      <c r="G194" s="3"/>
      <c r="H194" s="3"/>
      <c r="I194" s="3"/>
      <c r="J194" s="3"/>
      <c r="K194" s="3"/>
      <c r="L194" s="3"/>
    </row>
    <row r="195" spans="3:12" x14ac:dyDescent="0.2">
      <c r="C195" s="3"/>
      <c r="D195" s="3"/>
      <c r="E195" s="3"/>
      <c r="F195" s="3"/>
      <c r="G195" s="3"/>
      <c r="H195" s="3"/>
      <c r="I195" s="3"/>
      <c r="J195" s="3"/>
      <c r="K195" s="3"/>
      <c r="L195" s="3"/>
    </row>
    <row r="196" spans="3:12" x14ac:dyDescent="0.2">
      <c r="C196" s="3"/>
      <c r="D196" s="3"/>
      <c r="E196" s="3"/>
      <c r="F196" s="3"/>
      <c r="G196" s="3"/>
      <c r="H196" s="3"/>
      <c r="I196" s="3"/>
      <c r="J196" s="3"/>
      <c r="K196" s="3"/>
      <c r="L196" s="3"/>
    </row>
    <row r="197" spans="3:12" x14ac:dyDescent="0.2">
      <c r="C197" s="3"/>
      <c r="D197" s="3"/>
      <c r="E197" s="3"/>
      <c r="F197" s="3"/>
      <c r="G197" s="3"/>
      <c r="H197" s="3"/>
      <c r="I197" s="3"/>
      <c r="J197" s="3"/>
      <c r="K197" s="3"/>
      <c r="L197" s="3"/>
    </row>
    <row r="198" spans="3:12" x14ac:dyDescent="0.2">
      <c r="C198" s="3"/>
      <c r="D198" s="3"/>
      <c r="E198" s="3"/>
      <c r="F198" s="3"/>
      <c r="G198" s="3"/>
      <c r="H198" s="3"/>
      <c r="I198" s="3"/>
      <c r="J198" s="3"/>
      <c r="K198" s="3"/>
      <c r="L198" s="3"/>
    </row>
    <row r="199" spans="3:12" x14ac:dyDescent="0.2">
      <c r="C199" s="3"/>
      <c r="D199" s="3"/>
      <c r="E199" s="3"/>
      <c r="F199" s="3"/>
      <c r="G199" s="3"/>
      <c r="H199" s="3"/>
      <c r="I199" s="3"/>
      <c r="J199" s="3"/>
      <c r="K199" s="3"/>
      <c r="L199" s="3"/>
    </row>
    <row r="200" spans="3:12" x14ac:dyDescent="0.2">
      <c r="C200" s="3"/>
      <c r="D200" s="3"/>
      <c r="E200" s="3"/>
      <c r="F200" s="3"/>
      <c r="G200" s="3"/>
      <c r="H200" s="3"/>
      <c r="I200" s="3"/>
      <c r="J200" s="3"/>
      <c r="K200" s="3"/>
      <c r="L200" s="3"/>
    </row>
    <row r="201" spans="3:12" x14ac:dyDescent="0.2">
      <c r="C201" s="3"/>
      <c r="D201" s="3"/>
      <c r="E201" s="3"/>
      <c r="F201" s="3"/>
      <c r="G201" s="3"/>
      <c r="H201" s="3"/>
      <c r="I201" s="3"/>
      <c r="J201" s="3"/>
      <c r="K201" s="3"/>
      <c r="L201" s="3"/>
    </row>
    <row r="202" spans="3:12" x14ac:dyDescent="0.2">
      <c r="C202" s="3"/>
      <c r="D202" s="3"/>
      <c r="E202" s="3"/>
      <c r="F202" s="3"/>
      <c r="G202" s="3"/>
      <c r="H202" s="3"/>
      <c r="I202" s="3"/>
      <c r="J202" s="3"/>
      <c r="K202" s="3"/>
      <c r="L202" s="3"/>
    </row>
    <row r="203" spans="3:12" x14ac:dyDescent="0.2">
      <c r="C203" s="3"/>
      <c r="D203" s="3"/>
      <c r="E203" s="3"/>
      <c r="F203" s="3"/>
      <c r="G203" s="3"/>
      <c r="H203" s="3"/>
      <c r="I203" s="3"/>
      <c r="J203" s="3"/>
      <c r="K203" s="3"/>
      <c r="L203" s="3"/>
    </row>
    <row r="204" spans="3:12" x14ac:dyDescent="0.2">
      <c r="C204" s="3"/>
      <c r="D204" s="3"/>
      <c r="E204" s="3"/>
      <c r="F204" s="3"/>
      <c r="G204" s="3"/>
      <c r="H204" s="3"/>
      <c r="I204" s="3"/>
      <c r="J204" s="3"/>
      <c r="K204" s="3"/>
      <c r="L204" s="3"/>
    </row>
    <row r="205" spans="3:12" x14ac:dyDescent="0.2">
      <c r="C205" s="3"/>
      <c r="D205" s="3"/>
      <c r="E205" s="3"/>
      <c r="F205" s="3"/>
      <c r="G205" s="3"/>
      <c r="H205" s="3"/>
      <c r="I205" s="3"/>
      <c r="J205" s="3"/>
      <c r="K205" s="3"/>
      <c r="L205" s="3"/>
    </row>
    <row r="206" spans="3:12" x14ac:dyDescent="0.2">
      <c r="C206" s="3"/>
      <c r="D206" s="3"/>
      <c r="E206" s="3"/>
      <c r="F206" s="3"/>
      <c r="G206" s="3"/>
      <c r="H206" s="3"/>
      <c r="I206" s="3"/>
      <c r="J206" s="3"/>
      <c r="K206" s="3"/>
      <c r="L206" s="3"/>
    </row>
    <row r="207" spans="3:12" x14ac:dyDescent="0.2">
      <c r="C207" s="3"/>
      <c r="D207" s="3"/>
      <c r="E207" s="3"/>
      <c r="F207" s="3"/>
      <c r="G207" s="3"/>
      <c r="H207" s="3"/>
      <c r="I207" s="3"/>
      <c r="J207" s="3"/>
      <c r="K207" s="3"/>
      <c r="L207" s="3"/>
    </row>
    <row r="208" spans="3:12" x14ac:dyDescent="0.2">
      <c r="C208" s="3"/>
      <c r="D208" s="3"/>
      <c r="E208" s="3"/>
      <c r="F208" s="3"/>
      <c r="G208" s="3"/>
      <c r="H208" s="3"/>
      <c r="I208" s="3"/>
      <c r="J208" s="3"/>
      <c r="K208" s="3"/>
      <c r="L208" s="3"/>
    </row>
    <row r="209" spans="3:12" x14ac:dyDescent="0.2">
      <c r="C209" s="3"/>
      <c r="D209" s="3"/>
      <c r="E209" s="3"/>
      <c r="F209" s="3"/>
      <c r="G209" s="3"/>
      <c r="H209" s="3"/>
      <c r="I209" s="3"/>
      <c r="J209" s="3"/>
      <c r="K209" s="3"/>
      <c r="L209" s="3"/>
    </row>
    <row r="210" spans="3:12" x14ac:dyDescent="0.2">
      <c r="C210" s="3"/>
      <c r="D210" s="3"/>
      <c r="E210" s="3"/>
      <c r="F210" s="3"/>
      <c r="G210" s="3"/>
      <c r="H210" s="3"/>
      <c r="I210" s="3"/>
      <c r="J210" s="3"/>
      <c r="K210" s="3"/>
      <c r="L210" s="3"/>
    </row>
    <row r="211" spans="3:12" x14ac:dyDescent="0.2">
      <c r="C211" s="3"/>
      <c r="D211" s="3"/>
      <c r="E211" s="3"/>
      <c r="F211" s="3"/>
      <c r="G211" s="3"/>
      <c r="H211" s="3"/>
      <c r="I211" s="3"/>
      <c r="J211" s="3"/>
      <c r="K211" s="3"/>
      <c r="L211" s="3"/>
    </row>
    <row r="212" spans="3:12" x14ac:dyDescent="0.2">
      <c r="C212" s="3"/>
      <c r="D212" s="3"/>
      <c r="E212" s="3"/>
      <c r="F212" s="3"/>
      <c r="G212" s="3"/>
      <c r="H212" s="3"/>
      <c r="I212" s="3"/>
      <c r="J212" s="3"/>
      <c r="K212" s="3"/>
      <c r="L212" s="3"/>
    </row>
    <row r="213" spans="3:12" x14ac:dyDescent="0.2">
      <c r="C213" s="3"/>
      <c r="D213" s="3"/>
      <c r="E213" s="3"/>
      <c r="F213" s="3"/>
      <c r="G213" s="3"/>
      <c r="H213" s="3"/>
      <c r="I213" s="3"/>
      <c r="J213" s="3"/>
      <c r="K213" s="3"/>
      <c r="L213" s="3"/>
    </row>
    <row r="214" spans="3:12" x14ac:dyDescent="0.2">
      <c r="C214" s="3"/>
      <c r="D214" s="3"/>
      <c r="E214" s="3"/>
      <c r="F214" s="3"/>
      <c r="G214" s="3"/>
      <c r="H214" s="3"/>
      <c r="I214" s="3"/>
      <c r="J214" s="3"/>
      <c r="K214" s="3"/>
      <c r="L214" s="3"/>
    </row>
    <row r="215" spans="3:12" x14ac:dyDescent="0.2">
      <c r="C215" s="3"/>
      <c r="D215" s="3"/>
      <c r="E215" s="3"/>
      <c r="F215" s="3"/>
      <c r="G215" s="3"/>
      <c r="H215" s="3"/>
      <c r="I215" s="3"/>
      <c r="J215" s="3"/>
      <c r="K215" s="3"/>
      <c r="L215" s="3"/>
    </row>
    <row r="216" spans="3:12" x14ac:dyDescent="0.2">
      <c r="C216" s="3"/>
      <c r="D216" s="3"/>
      <c r="E216" s="3"/>
      <c r="F216" s="3"/>
      <c r="G216" s="3"/>
      <c r="H216" s="3"/>
      <c r="I216" s="3"/>
      <c r="J216" s="3"/>
      <c r="K216" s="3"/>
      <c r="L216" s="3"/>
    </row>
    <row r="217" spans="3:12" x14ac:dyDescent="0.2">
      <c r="C217" s="3"/>
      <c r="D217" s="3"/>
      <c r="E217" s="3"/>
      <c r="F217" s="3"/>
      <c r="G217" s="3"/>
      <c r="H217" s="3"/>
      <c r="I217" s="3"/>
      <c r="J217" s="3"/>
      <c r="K217" s="3"/>
      <c r="L217" s="3"/>
    </row>
    <row r="218" spans="3:12" x14ac:dyDescent="0.2">
      <c r="C218" s="3"/>
      <c r="D218" s="3"/>
      <c r="E218" s="3"/>
      <c r="F218" s="3"/>
      <c r="G218" s="3"/>
      <c r="H218" s="3"/>
      <c r="I218" s="3"/>
      <c r="J218" s="3"/>
      <c r="K218" s="3"/>
      <c r="L218" s="3"/>
    </row>
  </sheetData>
  <mergeCells count="18">
    <mergeCell ref="Z4:AE4"/>
    <mergeCell ref="AF4:AF5"/>
    <mergeCell ref="H1:I1"/>
    <mergeCell ref="AG4:AI4"/>
    <mergeCell ref="AJ4:AO4"/>
    <mergeCell ref="AP4:AP5"/>
    <mergeCell ref="B3:B4"/>
    <mergeCell ref="C3:L3"/>
    <mergeCell ref="M3:V3"/>
    <mergeCell ref="W3:AF3"/>
    <mergeCell ref="AG3:AP3"/>
    <mergeCell ref="C4:E4"/>
    <mergeCell ref="F4:K4"/>
    <mergeCell ref="L4:L5"/>
    <mergeCell ref="M4:O4"/>
    <mergeCell ref="P4:U4"/>
    <mergeCell ref="V4:V5"/>
    <mergeCell ref="W4:Y4"/>
  </mergeCells>
  <phoneticPr fontId="4"/>
  <pageMargins left="0.39370078740157483" right="0.39370078740157483" top="0.27559055118110237" bottom="0.39370078740157483" header="0.19685039370078741" footer="0.19685039370078741"/>
  <pageSetup paperSize="9" scale="35" orientation="landscape" r:id="rId1"/>
  <headerFooter alignWithMargins="0">
    <oddFooter>&amp;L&amp;20&amp;A&amp;C&amp;P/&amp;N</oddFooter>
  </headerFooter>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2">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G2" sqref="G2:H2"/>
    </sheetView>
  </sheetViews>
  <sheetFormatPr defaultColWidth="8.21875" defaultRowHeight="13.2" x14ac:dyDescent="0.2"/>
  <cols>
    <col min="1" max="1" width="3.77734375" style="39" customWidth="1"/>
    <col min="2" max="2" width="9.77734375" style="1" customWidth="1"/>
    <col min="3" max="3" width="8.21875" style="1" customWidth="1"/>
    <col min="4" max="5" width="10" style="1" customWidth="1"/>
    <col min="6" max="6" width="7" style="1" customWidth="1"/>
    <col min="7" max="13" width="10.33203125" style="1" customWidth="1"/>
    <col min="14" max="16" width="8.88671875" style="1" customWidth="1"/>
    <col min="17" max="17" width="7.6640625" style="1" customWidth="1"/>
    <col min="18" max="24" width="10.6640625" style="1" customWidth="1"/>
    <col min="25" max="27" width="8.88671875" style="1" customWidth="1"/>
    <col min="28" max="28" width="7.6640625" style="1" customWidth="1"/>
    <col min="29" max="29" width="8.88671875" style="1" customWidth="1"/>
    <col min="30" max="30" width="10.44140625" style="1" customWidth="1"/>
    <col min="31" max="33" width="8.88671875" style="1" customWidth="1"/>
    <col min="34" max="35" width="10" style="1" customWidth="1"/>
    <col min="36" max="38" width="8.88671875" style="1" customWidth="1"/>
    <col min="39" max="39" width="7.77734375" style="1" customWidth="1"/>
    <col min="40" max="49" width="8.88671875" style="1" customWidth="1"/>
    <col min="50" max="50" width="7.77734375" style="1" customWidth="1"/>
    <col min="51" max="55" width="8.88671875" style="1" customWidth="1"/>
    <col min="56" max="57" width="10.33203125" style="1" customWidth="1"/>
    <col min="58" max="60" width="8.88671875" style="1" customWidth="1"/>
    <col min="61" max="61" width="8" style="1" customWidth="1"/>
    <col min="62" max="71" width="8.88671875" style="1" customWidth="1"/>
    <col min="72" max="72" width="7.44140625" style="1" customWidth="1"/>
    <col min="73" max="77" width="8.88671875" style="1" customWidth="1"/>
    <col min="78" max="78" width="11.77734375" style="1" customWidth="1"/>
    <col min="79" max="79" width="12" style="1" customWidth="1"/>
    <col min="80" max="82" width="8.88671875" style="34" customWidth="1"/>
    <col min="83" max="83" width="7.77734375" style="34" customWidth="1"/>
    <col min="84" max="90" width="9" style="34" customWidth="1"/>
    <col min="91" max="93" width="8.88671875" style="1" customWidth="1"/>
    <col min="94" max="94" width="7.44140625" style="1" customWidth="1"/>
    <col min="95" max="97" width="10.109375" style="1" customWidth="1"/>
    <col min="98" max="99" width="8.88671875" style="1" customWidth="1"/>
    <col min="100" max="101" width="10.21875" style="1" customWidth="1"/>
    <col min="102" max="104" width="8.88671875" style="1" customWidth="1"/>
    <col min="105" max="105" width="7.33203125" style="1" customWidth="1"/>
    <col min="106" max="110" width="8.88671875" style="1" customWidth="1"/>
    <col min="111" max="112" width="9.21875" style="1" customWidth="1"/>
    <col min="113" max="115" width="8.88671875" style="34" customWidth="1"/>
    <col min="116" max="116" width="7.33203125" style="34" customWidth="1"/>
    <col min="117" max="121" width="8.88671875" style="34" customWidth="1"/>
    <col min="122" max="123" width="9.6640625" style="34" customWidth="1"/>
    <col min="124" max="126" width="8.88671875" style="1" customWidth="1"/>
    <col min="127" max="127" width="7.77734375" style="1" customWidth="1"/>
    <col min="128" max="132" width="8.88671875" style="1" customWidth="1"/>
    <col min="133" max="134" width="9.33203125" style="1" customWidth="1"/>
    <col min="135" max="137" width="8.88671875" style="1" customWidth="1"/>
    <col min="138" max="138" width="7.44140625" style="1" customWidth="1"/>
    <col min="139" max="148" width="8.88671875" style="1" customWidth="1"/>
    <col min="149" max="149" width="7.21875" style="1" customWidth="1"/>
    <col min="150" max="159" width="8.88671875" style="1" customWidth="1"/>
    <col min="160" max="160" width="7.21875" style="1" customWidth="1"/>
    <col min="161" max="167" width="8.88671875" style="1" customWidth="1"/>
    <col min="168" max="170" width="8.88671875" style="34" customWidth="1"/>
    <col min="171" max="171" width="7.33203125" style="34" customWidth="1"/>
    <col min="172" max="176" width="8.88671875" style="34" customWidth="1"/>
    <col min="177" max="178" width="9.6640625" style="34" customWidth="1"/>
    <col min="179" max="181" width="8.88671875" style="1" customWidth="1"/>
    <col min="182" max="182" width="7.21875" style="1" customWidth="1"/>
    <col min="183" max="187" width="8.88671875" style="1" customWidth="1"/>
    <col min="188" max="189" width="9.44140625" style="1" customWidth="1"/>
    <col min="190" max="192" width="8.88671875" style="1" customWidth="1"/>
    <col min="193" max="193" width="7.77734375" style="1" customWidth="1"/>
    <col min="194" max="203" width="8.88671875" style="1" customWidth="1"/>
    <col min="204" max="204" width="7.44140625" style="1" customWidth="1"/>
    <col min="205" max="214" width="8.88671875" style="1" customWidth="1"/>
    <col min="215" max="215" width="7.33203125" style="1" customWidth="1"/>
    <col min="216" max="218" width="8.88671875" style="1" customWidth="1"/>
    <col min="219" max="219" width="10.44140625" style="1" customWidth="1"/>
    <col min="220" max="220" width="8.88671875" style="1" customWidth="1"/>
    <col min="221" max="222" width="9.6640625" style="1" customWidth="1"/>
    <col min="223" max="225" width="8.88671875" style="1" customWidth="1"/>
    <col min="226" max="226" width="7.6640625" style="1" customWidth="1"/>
    <col min="227" max="231" width="8.88671875" style="1" customWidth="1"/>
    <col min="232" max="233" width="10" style="1" customWidth="1"/>
    <col min="234" max="235" width="7.44140625" style="34" customWidth="1"/>
    <col min="236" max="236" width="9.33203125" style="34" customWidth="1"/>
    <col min="237" max="237" width="7.44140625" style="34" customWidth="1"/>
    <col min="238" max="244" width="10.109375" style="34" customWidth="1"/>
    <col min="245" max="247" width="10.109375" style="1" customWidth="1"/>
    <col min="248" max="248" width="7.109375" style="1" customWidth="1"/>
    <col min="249" max="258" width="10.109375" style="1" customWidth="1"/>
    <col min="259" max="259" width="7.33203125" style="1" customWidth="1"/>
    <col min="260" max="269" width="10.109375" style="1" customWidth="1"/>
    <col min="270" max="270" width="7.21875" style="1" customWidth="1"/>
    <col min="271" max="280" width="10.109375" style="1" customWidth="1"/>
    <col min="281" max="281" width="7.6640625" style="1" customWidth="1"/>
    <col min="282" max="291" width="10.109375" style="1" customWidth="1"/>
    <col min="292" max="292" width="6.33203125" style="1" customWidth="1"/>
    <col min="293" max="302" width="10.109375" style="1" customWidth="1"/>
    <col min="303" max="303" width="7.44140625" style="1" customWidth="1"/>
    <col min="304" max="310" width="10.109375" style="1" customWidth="1"/>
    <col min="311" max="313" width="10.109375" style="34" customWidth="1"/>
    <col min="314" max="314" width="7.109375" style="34" customWidth="1"/>
    <col min="315" max="324" width="10.109375" style="34" customWidth="1"/>
    <col min="325" max="325" width="7.44140625" style="34" customWidth="1"/>
    <col min="326" max="335" width="10.109375" style="34" customWidth="1"/>
    <col min="336" max="336" width="6.88671875" style="34" customWidth="1"/>
    <col min="337" max="343" width="10.109375" style="34" customWidth="1"/>
    <col min="344" max="346" width="10.109375" style="1" customWidth="1"/>
    <col min="347" max="347" width="7.21875" style="1" customWidth="1"/>
    <col min="348" max="357" width="10.109375" style="1" customWidth="1"/>
    <col min="358" max="358" width="7.21875" style="1" customWidth="1"/>
    <col min="359" max="368" width="10.109375" style="1" customWidth="1"/>
    <col min="369" max="369" width="7" style="1" customWidth="1"/>
    <col min="370" max="379" width="10.109375" style="1" customWidth="1"/>
    <col min="380" max="380" width="6.88671875" style="1" customWidth="1"/>
    <col min="381" max="385" width="10.109375" style="1" customWidth="1"/>
    <col min="386" max="387" width="10.33203125" style="1" customWidth="1"/>
    <col min="388" max="390" width="10.109375" style="1" customWidth="1"/>
    <col min="391" max="391" width="6.88671875" style="1" customWidth="1"/>
    <col min="392" max="396" width="10.109375" style="1" customWidth="1"/>
    <col min="397" max="398" width="10.33203125" style="1" customWidth="1"/>
    <col min="399" max="401" width="9.21875" style="1" customWidth="1"/>
    <col min="402" max="402" width="7" style="1" customWidth="1"/>
    <col min="403" max="404" width="9.21875" style="1" customWidth="1"/>
    <col min="405" max="405" width="10.44140625" style="1" customWidth="1"/>
    <col min="406" max="406" width="12.109375" style="1" customWidth="1"/>
    <col min="407" max="407" width="10.109375" style="1" customWidth="1"/>
    <col min="408" max="409" width="10.33203125" style="1" customWidth="1"/>
    <col min="410" max="16384" width="8.21875" style="1"/>
  </cols>
  <sheetData>
    <row r="1" spans="1:409" ht="24" customHeight="1" x14ac:dyDescent="0.2">
      <c r="B1" s="15" t="s">
        <v>144</v>
      </c>
      <c r="E1" s="468">
        <f>第１表!F2</f>
        <v>5</v>
      </c>
      <c r="F1" s="734">
        <f>第１表!G2</f>
        <v>12</v>
      </c>
      <c r="G1" s="584">
        <f>IF(F1&lt;3,F1-2+12,F1-2)</f>
        <v>10</v>
      </c>
      <c r="H1" s="584"/>
      <c r="IB1" s="341"/>
      <c r="IC1" s="239"/>
      <c r="ID1" s="625"/>
      <c r="IE1" s="625"/>
    </row>
    <row r="2" spans="1:409" s="39" customFormat="1" ht="24" customHeight="1" x14ac:dyDescent="0.2">
      <c r="B2" s="15" t="s">
        <v>145</v>
      </c>
      <c r="E2" s="236"/>
      <c r="F2" s="237"/>
      <c r="G2" s="599"/>
      <c r="H2" s="599"/>
      <c r="CB2" s="302"/>
      <c r="CC2" s="302"/>
      <c r="CD2" s="302"/>
      <c r="CE2" s="302"/>
      <c r="CF2" s="302"/>
      <c r="CG2" s="302"/>
      <c r="CH2" s="302"/>
      <c r="CI2" s="302"/>
      <c r="CJ2" s="302"/>
      <c r="CK2" s="302"/>
      <c r="CL2" s="302"/>
      <c r="DI2" s="302"/>
      <c r="DJ2" s="302"/>
      <c r="DK2" s="302"/>
      <c r="DL2" s="302"/>
      <c r="DM2" s="302"/>
      <c r="DN2" s="302"/>
      <c r="DO2" s="302"/>
      <c r="DP2" s="302"/>
      <c r="DQ2" s="302"/>
      <c r="DR2" s="302"/>
      <c r="DS2" s="302"/>
      <c r="FL2" s="302"/>
      <c r="FM2" s="302"/>
      <c r="FN2" s="302"/>
      <c r="FO2" s="302"/>
      <c r="FP2" s="302"/>
      <c r="FQ2" s="302"/>
      <c r="FR2" s="302"/>
      <c r="FS2" s="302"/>
      <c r="FT2" s="302"/>
      <c r="FU2" s="302"/>
      <c r="FV2" s="302"/>
      <c r="HZ2" s="34"/>
      <c r="IA2" s="34"/>
      <c r="IB2" s="238"/>
      <c r="IC2" s="239"/>
      <c r="ID2" s="344"/>
      <c r="IE2" s="344"/>
      <c r="IF2" s="34"/>
      <c r="IG2" s="34"/>
      <c r="IH2" s="34"/>
      <c r="II2" s="34"/>
      <c r="IJ2" s="34"/>
      <c r="IK2" s="1"/>
      <c r="IL2" s="1"/>
      <c r="IM2" s="1"/>
      <c r="IN2" s="1"/>
      <c r="IO2" s="1"/>
      <c r="IP2" s="1"/>
      <c r="IQ2" s="1"/>
      <c r="IR2" s="1"/>
      <c r="IS2" s="1"/>
      <c r="IT2" s="1"/>
      <c r="IU2" s="1"/>
      <c r="IV2" s="1"/>
      <c r="IW2" s="1"/>
      <c r="IX2" s="1"/>
      <c r="IY2" s="1"/>
      <c r="IZ2" s="1"/>
      <c r="JA2" s="1"/>
      <c r="JB2" s="1"/>
      <c r="JC2" s="1"/>
      <c r="JD2" s="1"/>
      <c r="JE2" s="1"/>
      <c r="JF2" s="1"/>
      <c r="JG2" s="1"/>
      <c r="JH2" s="1"/>
      <c r="JI2" s="1"/>
      <c r="JJ2" s="1"/>
      <c r="JK2" s="1"/>
      <c r="JL2" s="1"/>
      <c r="JM2" s="1"/>
      <c r="JN2" s="1"/>
      <c r="JO2" s="1"/>
      <c r="JP2" s="1"/>
      <c r="JQ2" s="1"/>
      <c r="JR2" s="1"/>
      <c r="JS2" s="1"/>
      <c r="JT2" s="1"/>
      <c r="JU2" s="1"/>
      <c r="JV2" s="1"/>
      <c r="JW2" s="1"/>
      <c r="JX2" s="1"/>
      <c r="JY2" s="1"/>
      <c r="JZ2" s="1"/>
      <c r="KA2" s="1"/>
      <c r="KB2" s="1"/>
      <c r="KC2" s="1"/>
      <c r="KD2" s="1"/>
      <c r="KE2" s="1"/>
      <c r="KF2" s="1"/>
      <c r="KG2" s="1"/>
      <c r="KH2" s="1"/>
      <c r="KI2" s="1"/>
      <c r="KJ2" s="1"/>
      <c r="KK2" s="1"/>
      <c r="KL2" s="1"/>
      <c r="KM2" s="1"/>
      <c r="KN2" s="1"/>
      <c r="KO2" s="1"/>
      <c r="KP2" s="1"/>
      <c r="KQ2" s="1"/>
      <c r="KR2" s="1"/>
      <c r="KS2" s="1"/>
      <c r="KT2" s="1"/>
      <c r="KU2" s="1"/>
      <c r="KV2" s="1"/>
      <c r="KW2" s="1"/>
      <c r="KX2" s="1"/>
      <c r="KY2" s="34"/>
      <c r="KZ2" s="34"/>
      <c r="LA2" s="34"/>
      <c r="LB2" s="34"/>
      <c r="LC2" s="34"/>
      <c r="LD2" s="34"/>
      <c r="LE2" s="34"/>
      <c r="LF2" s="34"/>
      <c r="LG2" s="34"/>
      <c r="LH2" s="34"/>
      <c r="LI2" s="34"/>
      <c r="LJ2" s="34"/>
      <c r="LK2" s="34"/>
      <c r="LL2" s="34"/>
      <c r="LM2" s="34"/>
      <c r="LN2" s="34"/>
      <c r="LO2" s="34"/>
      <c r="LP2" s="34"/>
      <c r="LQ2" s="34"/>
      <c r="LR2" s="34"/>
      <c r="LS2" s="34"/>
      <c r="LT2" s="34"/>
      <c r="LU2" s="34"/>
      <c r="LV2" s="34"/>
      <c r="LW2" s="34"/>
      <c r="LX2" s="34"/>
      <c r="LY2" s="34"/>
      <c r="LZ2" s="34"/>
      <c r="MA2" s="34"/>
      <c r="MB2" s="34"/>
      <c r="MC2" s="34"/>
      <c r="MD2" s="34"/>
      <c r="ME2" s="34"/>
      <c r="MF2" s="1"/>
      <c r="MG2" s="1"/>
      <c r="MH2" s="1"/>
      <c r="MI2" s="1"/>
      <c r="MJ2" s="1"/>
      <c r="MK2" s="1"/>
      <c r="ML2" s="1"/>
      <c r="MM2" s="1"/>
      <c r="MN2" s="1"/>
      <c r="MO2" s="1"/>
      <c r="MP2" s="1"/>
      <c r="MQ2" s="1"/>
      <c r="MR2" s="1"/>
      <c r="MS2" s="1"/>
      <c r="MT2" s="1"/>
      <c r="MU2" s="1"/>
      <c r="MV2" s="1"/>
      <c r="MW2" s="1"/>
      <c r="MX2" s="1"/>
      <c r="MY2" s="1"/>
      <c r="MZ2" s="1"/>
      <c r="NA2" s="1"/>
      <c r="NB2" s="1"/>
      <c r="NC2" s="1"/>
      <c r="ND2" s="1"/>
      <c r="NE2" s="1"/>
      <c r="NF2" s="1"/>
      <c r="NG2" s="1"/>
      <c r="NH2" s="1"/>
      <c r="NI2" s="1"/>
      <c r="NJ2" s="1"/>
      <c r="NK2" s="1"/>
      <c r="NL2" s="1"/>
      <c r="NM2" s="1"/>
      <c r="NN2" s="1"/>
      <c r="NO2" s="1"/>
      <c r="NP2" s="1"/>
      <c r="NQ2" s="1"/>
      <c r="NR2" s="1"/>
      <c r="NS2" s="1"/>
      <c r="NT2" s="1"/>
      <c r="NU2" s="1"/>
      <c r="NV2" s="1"/>
      <c r="NW2" s="1"/>
      <c r="NX2" s="1"/>
      <c r="NY2" s="1"/>
      <c r="NZ2" s="1"/>
      <c r="OA2" s="1"/>
      <c r="OB2" s="1"/>
      <c r="OC2" s="1"/>
      <c r="OD2" s="1"/>
      <c r="OE2" s="1"/>
      <c r="OF2" s="1"/>
      <c r="OG2" s="1"/>
      <c r="OH2" s="1"/>
      <c r="OI2" s="1"/>
      <c r="OJ2" s="1"/>
      <c r="OK2" s="1"/>
      <c r="OL2" s="1"/>
      <c r="OM2" s="1"/>
      <c r="ON2" s="1"/>
      <c r="OO2" s="1"/>
      <c r="OP2" s="1"/>
      <c r="OQ2" s="1"/>
      <c r="OR2" s="1"/>
      <c r="OS2" s="1"/>
    </row>
    <row r="3" spans="1:409" s="39" customFormat="1" ht="24" customHeight="1" thickBot="1" x14ac:dyDescent="0.25">
      <c r="B3" s="15" t="s">
        <v>146</v>
      </c>
      <c r="CB3" s="302"/>
      <c r="CC3" s="302"/>
      <c r="CD3" s="302"/>
      <c r="CE3" s="302"/>
      <c r="CF3" s="302"/>
      <c r="CG3" s="302"/>
      <c r="CH3" s="302"/>
      <c r="CI3" s="302"/>
      <c r="CJ3" s="302"/>
      <c r="CK3" s="302"/>
      <c r="CL3" s="302"/>
      <c r="DI3" s="302"/>
      <c r="DJ3" s="302"/>
      <c r="DK3" s="302"/>
      <c r="DL3" s="302"/>
      <c r="DM3" s="302"/>
      <c r="DN3" s="302"/>
      <c r="DO3" s="302"/>
      <c r="DP3" s="302"/>
      <c r="DQ3" s="302"/>
      <c r="DR3" s="302"/>
      <c r="DS3" s="302"/>
      <c r="FL3" s="302"/>
      <c r="FM3" s="302"/>
      <c r="FN3" s="302"/>
      <c r="FO3" s="302"/>
      <c r="FP3" s="302"/>
      <c r="FQ3" s="302"/>
      <c r="FR3" s="302"/>
      <c r="FS3" s="302"/>
      <c r="FT3" s="302"/>
      <c r="FU3" s="302"/>
      <c r="FV3" s="302"/>
      <c r="HZ3" s="34"/>
      <c r="IA3" s="34"/>
      <c r="IB3" s="34"/>
      <c r="IC3" s="34"/>
      <c r="ID3" s="34"/>
      <c r="IE3" s="34"/>
      <c r="IF3" s="34"/>
      <c r="IG3" s="34"/>
      <c r="IH3" s="34"/>
      <c r="II3" s="34"/>
      <c r="IJ3" s="34"/>
      <c r="IK3" s="1"/>
      <c r="IL3" s="1"/>
      <c r="IM3" s="1"/>
      <c r="IN3" s="1"/>
      <c r="IO3" s="1"/>
      <c r="IP3" s="1"/>
      <c r="IQ3" s="1"/>
      <c r="IR3" s="1"/>
      <c r="IS3" s="1"/>
      <c r="IT3" s="1"/>
      <c r="IU3" s="1"/>
      <c r="IV3" s="1"/>
      <c r="IW3" s="1"/>
      <c r="IX3" s="1"/>
      <c r="IY3" s="1"/>
      <c r="IZ3" s="1"/>
      <c r="JA3" s="1"/>
      <c r="JB3" s="1"/>
      <c r="JC3" s="1"/>
      <c r="JD3" s="1"/>
      <c r="JE3" s="1"/>
      <c r="JF3" s="1"/>
      <c r="JG3" s="1"/>
      <c r="JH3" s="1"/>
      <c r="JI3" s="1"/>
      <c r="JJ3" s="1"/>
      <c r="JK3" s="1"/>
      <c r="JL3" s="1"/>
      <c r="JM3" s="1"/>
      <c r="JN3" s="1"/>
      <c r="JO3" s="1"/>
      <c r="JP3" s="1"/>
      <c r="JQ3" s="1"/>
      <c r="JR3" s="1"/>
      <c r="JS3" s="1"/>
      <c r="JT3" s="1"/>
      <c r="JU3" s="1"/>
      <c r="JV3" s="1"/>
      <c r="JW3" s="1"/>
      <c r="JX3" s="1"/>
      <c r="JY3" s="1"/>
      <c r="JZ3" s="1"/>
      <c r="KA3" s="1"/>
      <c r="KB3" s="1"/>
      <c r="KC3" s="1"/>
      <c r="KD3" s="1"/>
      <c r="KE3" s="1"/>
      <c r="KF3" s="1"/>
      <c r="KG3" s="1"/>
      <c r="KH3" s="1"/>
      <c r="KI3" s="1"/>
      <c r="KJ3" s="1"/>
      <c r="KK3" s="1"/>
      <c r="KL3" s="1"/>
      <c r="KM3" s="1"/>
      <c r="KN3" s="1"/>
      <c r="KO3" s="1"/>
      <c r="KP3" s="1"/>
      <c r="KQ3" s="1"/>
      <c r="KR3" s="1"/>
      <c r="KS3" s="1"/>
      <c r="KT3" s="1"/>
      <c r="KU3" s="1"/>
      <c r="KV3" s="1"/>
      <c r="KW3" s="1"/>
      <c r="KX3" s="1"/>
      <c r="KY3" s="34"/>
      <c r="KZ3" s="34"/>
      <c r="LA3" s="34"/>
      <c r="LB3" s="34"/>
      <c r="LC3" s="34"/>
      <c r="LD3" s="34"/>
      <c r="LE3" s="34"/>
      <c r="LF3" s="34"/>
      <c r="LG3" s="34"/>
      <c r="LH3" s="34"/>
      <c r="LI3" s="34"/>
      <c r="LJ3" s="34"/>
      <c r="LK3" s="34"/>
      <c r="LL3" s="34"/>
      <c r="LM3" s="34"/>
      <c r="LN3" s="34"/>
      <c r="LO3" s="34"/>
      <c r="LP3" s="34"/>
      <c r="LQ3" s="34"/>
      <c r="LR3" s="34"/>
      <c r="LS3" s="34"/>
      <c r="LT3" s="34"/>
      <c r="LU3" s="34"/>
      <c r="LV3" s="34"/>
      <c r="LW3" s="34"/>
      <c r="LX3" s="34"/>
      <c r="LY3" s="34"/>
      <c r="LZ3" s="34"/>
      <c r="MA3" s="34"/>
      <c r="MB3" s="34"/>
      <c r="MC3" s="34"/>
      <c r="MD3" s="34"/>
      <c r="ME3" s="34"/>
      <c r="MF3" s="1"/>
      <c r="MG3" s="1"/>
      <c r="MH3" s="1"/>
      <c r="MI3" s="1"/>
      <c r="MJ3" s="1"/>
      <c r="MK3" s="1"/>
      <c r="ML3" s="1"/>
      <c r="MM3" s="1"/>
      <c r="MN3" s="1"/>
      <c r="MO3" s="1"/>
      <c r="MP3" s="1"/>
      <c r="MQ3" s="1"/>
      <c r="MR3" s="1"/>
      <c r="MS3" s="1"/>
      <c r="MT3" s="1"/>
      <c r="MU3" s="1"/>
      <c r="MV3" s="1"/>
      <c r="MW3" s="1"/>
      <c r="MX3" s="1"/>
      <c r="MY3" s="1"/>
      <c r="MZ3" s="1"/>
      <c r="NA3" s="1"/>
      <c r="NB3" s="1"/>
      <c r="NC3" s="1"/>
      <c r="ND3" s="1"/>
      <c r="NE3" s="1"/>
      <c r="NF3" s="1"/>
      <c r="NG3" s="1"/>
      <c r="NH3" s="1"/>
      <c r="NI3" s="1"/>
      <c r="NJ3" s="1"/>
      <c r="NK3" s="1"/>
      <c r="NL3" s="1"/>
      <c r="NM3" s="1"/>
      <c r="NN3" s="1"/>
      <c r="NO3" s="1"/>
      <c r="NP3" s="1"/>
      <c r="NQ3" s="1"/>
      <c r="NR3" s="1"/>
      <c r="NS3" s="1"/>
      <c r="NT3" s="1"/>
      <c r="NU3" s="1"/>
      <c r="NV3" s="1"/>
      <c r="NW3" s="1"/>
      <c r="NX3" s="1"/>
      <c r="NY3" s="1"/>
      <c r="NZ3" s="1"/>
      <c r="OA3" s="1"/>
      <c r="OB3" s="1"/>
      <c r="OC3" s="1"/>
      <c r="OD3" s="1"/>
      <c r="OE3" s="1"/>
      <c r="OF3" s="1"/>
      <c r="OG3" s="1"/>
      <c r="OH3" s="1"/>
      <c r="OI3" s="1"/>
      <c r="OJ3" s="1"/>
      <c r="OK3" s="1"/>
      <c r="OL3" s="1"/>
      <c r="OM3" s="1"/>
      <c r="ON3" s="1"/>
      <c r="OO3" s="1"/>
      <c r="OP3" s="1"/>
      <c r="OQ3" s="1"/>
      <c r="OR3" s="1"/>
      <c r="OS3" s="1"/>
    </row>
    <row r="4" spans="1:409" ht="21" customHeight="1" thickBot="1" x14ac:dyDescent="0.25">
      <c r="B4" s="604" t="s">
        <v>42</v>
      </c>
      <c r="C4" s="607" t="s">
        <v>63</v>
      </c>
      <c r="D4" s="607"/>
      <c r="E4" s="607"/>
      <c r="F4" s="607"/>
      <c r="G4" s="607"/>
      <c r="H4" s="607"/>
      <c r="I4" s="607"/>
      <c r="J4" s="607"/>
      <c r="K4" s="607"/>
      <c r="L4" s="607"/>
      <c r="M4" s="607"/>
      <c r="N4" s="553"/>
      <c r="O4" s="553"/>
      <c r="P4" s="553"/>
      <c r="Q4" s="553"/>
      <c r="R4" s="553"/>
      <c r="S4" s="553"/>
      <c r="T4" s="553"/>
      <c r="U4" s="553"/>
      <c r="V4" s="553"/>
      <c r="W4" s="553"/>
      <c r="X4" s="553"/>
      <c r="Y4" s="553"/>
      <c r="Z4" s="553"/>
      <c r="AA4" s="553"/>
      <c r="AB4" s="553"/>
      <c r="AC4" s="553"/>
      <c r="AD4" s="553"/>
      <c r="AE4" s="553"/>
      <c r="AF4" s="553"/>
      <c r="AG4" s="553"/>
      <c r="AH4" s="553"/>
      <c r="AI4" s="553"/>
      <c r="AJ4" s="553"/>
      <c r="AK4" s="553"/>
      <c r="AL4" s="553"/>
      <c r="AM4" s="553"/>
      <c r="AN4" s="553"/>
      <c r="AO4" s="553"/>
      <c r="AP4" s="553"/>
      <c r="AQ4" s="553"/>
      <c r="AR4" s="553"/>
      <c r="AS4" s="553"/>
      <c r="AT4" s="553"/>
      <c r="AU4" s="553"/>
      <c r="AV4" s="553"/>
      <c r="AW4" s="553"/>
      <c r="AX4" s="553"/>
      <c r="AY4" s="553"/>
      <c r="AZ4" s="553"/>
      <c r="BA4" s="553"/>
      <c r="BB4" s="553"/>
      <c r="BC4" s="553"/>
      <c r="BD4" s="553"/>
      <c r="BE4" s="553"/>
      <c r="BF4" s="553"/>
      <c r="BG4" s="553"/>
      <c r="BH4" s="553"/>
      <c r="BI4" s="553"/>
      <c r="BJ4" s="553"/>
      <c r="BK4" s="553"/>
      <c r="BL4" s="553"/>
      <c r="BM4" s="553"/>
      <c r="BN4" s="553"/>
      <c r="BO4" s="553"/>
      <c r="BP4" s="553"/>
      <c r="BQ4" s="553"/>
      <c r="BR4" s="553"/>
      <c r="BS4" s="553"/>
      <c r="BT4" s="553"/>
      <c r="BU4" s="553"/>
      <c r="BV4" s="553"/>
      <c r="BW4" s="553"/>
      <c r="BX4" s="553"/>
      <c r="BY4" s="553"/>
      <c r="BZ4" s="553"/>
      <c r="CA4" s="553"/>
      <c r="CB4" s="553"/>
      <c r="CC4" s="553"/>
      <c r="CD4" s="553"/>
      <c r="CE4" s="553"/>
      <c r="CF4" s="553"/>
      <c r="CG4" s="553"/>
      <c r="CH4" s="553"/>
      <c r="CI4" s="553"/>
      <c r="CJ4" s="553"/>
      <c r="CK4" s="553"/>
      <c r="CL4" s="553"/>
      <c r="CM4" s="553"/>
      <c r="CN4" s="553"/>
      <c r="CO4" s="553"/>
      <c r="CP4" s="553"/>
      <c r="CQ4" s="553"/>
      <c r="CR4" s="553"/>
      <c r="CS4" s="553"/>
      <c r="CT4" s="553"/>
      <c r="CU4" s="553"/>
      <c r="CV4" s="553"/>
      <c r="CW4" s="553"/>
      <c r="CX4" s="553"/>
      <c r="CY4" s="553"/>
      <c r="CZ4" s="553"/>
      <c r="DA4" s="553"/>
      <c r="DB4" s="553"/>
      <c r="DC4" s="553"/>
      <c r="DD4" s="553"/>
      <c r="DE4" s="553"/>
      <c r="DF4" s="553"/>
      <c r="DG4" s="553"/>
      <c r="DH4" s="553"/>
      <c r="DI4" s="553"/>
      <c r="DJ4" s="553"/>
      <c r="DK4" s="553"/>
      <c r="DL4" s="553"/>
      <c r="DM4" s="553"/>
      <c r="DN4" s="553"/>
      <c r="DO4" s="553"/>
      <c r="DP4" s="553"/>
      <c r="DQ4" s="553"/>
      <c r="DR4" s="553"/>
      <c r="DS4" s="553"/>
      <c r="DT4" s="553"/>
      <c r="DU4" s="553"/>
      <c r="DV4" s="553"/>
      <c r="DW4" s="553"/>
      <c r="DX4" s="553"/>
      <c r="DY4" s="553"/>
      <c r="DZ4" s="553"/>
      <c r="EA4" s="553"/>
      <c r="EB4" s="553"/>
      <c r="EC4" s="553"/>
      <c r="ED4" s="553"/>
      <c r="EE4" s="553"/>
      <c r="EF4" s="553"/>
      <c r="EG4" s="553"/>
      <c r="EH4" s="553"/>
      <c r="EI4" s="553"/>
      <c r="EJ4" s="553"/>
      <c r="EK4" s="553"/>
      <c r="EL4" s="553"/>
      <c r="EM4" s="553"/>
      <c r="EN4" s="553"/>
      <c r="EO4" s="553"/>
      <c r="EP4" s="553"/>
      <c r="EQ4" s="553"/>
      <c r="ER4" s="553"/>
      <c r="ES4" s="553"/>
      <c r="ET4" s="553"/>
      <c r="EU4" s="553"/>
      <c r="EV4" s="553"/>
      <c r="EW4" s="553"/>
      <c r="EX4" s="553"/>
      <c r="EY4" s="553"/>
      <c r="EZ4" s="553"/>
      <c r="FA4" s="553"/>
      <c r="FB4" s="553"/>
      <c r="FC4" s="553"/>
      <c r="FD4" s="553"/>
      <c r="FE4" s="553"/>
      <c r="FF4" s="553"/>
      <c r="FG4" s="553"/>
      <c r="FH4" s="553"/>
      <c r="FI4" s="553"/>
      <c r="FJ4" s="553"/>
      <c r="FK4" s="553"/>
      <c r="FL4" s="553"/>
      <c r="FM4" s="553"/>
      <c r="FN4" s="553"/>
      <c r="FO4" s="553"/>
      <c r="FP4" s="553"/>
      <c r="FQ4" s="553"/>
      <c r="FR4" s="553"/>
      <c r="FS4" s="553"/>
      <c r="FT4" s="553"/>
      <c r="FU4" s="553"/>
      <c r="FV4" s="553"/>
      <c r="FW4" s="553"/>
      <c r="FX4" s="553"/>
      <c r="FY4" s="553"/>
      <c r="FZ4" s="553"/>
      <c r="GA4" s="553"/>
      <c r="GB4" s="553"/>
      <c r="GC4" s="553"/>
      <c r="GD4" s="553"/>
      <c r="GE4" s="553"/>
      <c r="GF4" s="553"/>
      <c r="GG4" s="553"/>
      <c r="GH4" s="553"/>
      <c r="GI4" s="553"/>
      <c r="GJ4" s="553"/>
      <c r="GK4" s="553"/>
      <c r="GL4" s="553"/>
      <c r="GM4" s="553"/>
      <c r="GN4" s="553"/>
      <c r="GO4" s="553"/>
      <c r="GP4" s="553"/>
      <c r="GQ4" s="553"/>
      <c r="GR4" s="553"/>
      <c r="GS4" s="553"/>
      <c r="GT4" s="553"/>
      <c r="GU4" s="553"/>
      <c r="GV4" s="553"/>
      <c r="GW4" s="553"/>
      <c r="GX4" s="553"/>
      <c r="GY4" s="553"/>
      <c r="GZ4" s="553"/>
      <c r="HA4" s="553"/>
      <c r="HB4" s="553"/>
      <c r="HC4" s="553"/>
      <c r="HD4" s="553"/>
      <c r="HE4" s="553"/>
      <c r="HF4" s="553"/>
      <c r="HG4" s="553"/>
      <c r="HH4" s="553"/>
      <c r="HI4" s="553"/>
      <c r="HJ4" s="553"/>
      <c r="HK4" s="553"/>
      <c r="HL4" s="553"/>
      <c r="HM4" s="553"/>
      <c r="HN4" s="553"/>
      <c r="HO4" s="553"/>
      <c r="HP4" s="553"/>
      <c r="HQ4" s="553"/>
      <c r="HR4" s="553"/>
      <c r="HS4" s="553"/>
      <c r="HT4" s="553"/>
      <c r="HU4" s="553"/>
      <c r="HV4" s="553"/>
      <c r="HW4" s="553"/>
      <c r="HX4" s="553"/>
      <c r="HY4" s="554"/>
      <c r="HZ4" s="586" t="s">
        <v>85</v>
      </c>
      <c r="IA4" s="587"/>
      <c r="IB4" s="587"/>
      <c r="IC4" s="587"/>
      <c r="ID4" s="587"/>
      <c r="IE4" s="587"/>
      <c r="IF4" s="587"/>
      <c r="IG4" s="587"/>
      <c r="IH4" s="587"/>
      <c r="II4" s="587"/>
      <c r="IJ4" s="587"/>
      <c r="IK4" s="587"/>
      <c r="IL4" s="587"/>
      <c r="IM4" s="587"/>
      <c r="IN4" s="587"/>
      <c r="IO4" s="587"/>
      <c r="IP4" s="587"/>
      <c r="IQ4" s="587"/>
      <c r="IR4" s="587"/>
      <c r="IS4" s="587"/>
      <c r="IT4" s="587"/>
      <c r="IU4" s="587"/>
      <c r="IV4" s="587"/>
      <c r="IW4" s="587"/>
      <c r="IX4" s="587"/>
      <c r="IY4" s="587"/>
      <c r="IZ4" s="587"/>
      <c r="JA4" s="587"/>
      <c r="JB4" s="587"/>
      <c r="JC4" s="587"/>
      <c r="JD4" s="587"/>
      <c r="JE4" s="587"/>
      <c r="JF4" s="587"/>
      <c r="JG4" s="587"/>
      <c r="JH4" s="587"/>
      <c r="JI4" s="587"/>
      <c r="JJ4" s="587"/>
      <c r="JK4" s="587"/>
      <c r="JL4" s="587"/>
      <c r="JM4" s="587"/>
      <c r="JN4" s="587"/>
      <c r="JO4" s="587"/>
      <c r="JP4" s="587"/>
      <c r="JQ4" s="587"/>
      <c r="JR4" s="587"/>
      <c r="JS4" s="587"/>
      <c r="JT4" s="587"/>
      <c r="JU4" s="587"/>
      <c r="JV4" s="587"/>
      <c r="JW4" s="587"/>
      <c r="JX4" s="587"/>
      <c r="JY4" s="587"/>
      <c r="JZ4" s="587"/>
      <c r="KA4" s="587"/>
      <c r="KB4" s="587"/>
      <c r="KC4" s="587"/>
      <c r="KD4" s="587"/>
      <c r="KE4" s="587"/>
      <c r="KF4" s="587"/>
      <c r="KG4" s="587"/>
      <c r="KH4" s="587"/>
      <c r="KI4" s="587"/>
      <c r="KJ4" s="587"/>
      <c r="KK4" s="587"/>
      <c r="KL4" s="587"/>
      <c r="KM4" s="587"/>
      <c r="KN4" s="587"/>
      <c r="KO4" s="587"/>
      <c r="KP4" s="587"/>
      <c r="KQ4" s="587"/>
      <c r="KR4" s="587"/>
      <c r="KS4" s="587"/>
      <c r="KT4" s="587"/>
      <c r="KU4" s="587"/>
      <c r="KV4" s="587"/>
      <c r="KW4" s="587"/>
      <c r="KX4" s="587"/>
      <c r="KY4" s="587"/>
      <c r="KZ4" s="587"/>
      <c r="LA4" s="587"/>
      <c r="LB4" s="587"/>
      <c r="LC4" s="587"/>
      <c r="LD4" s="587"/>
      <c r="LE4" s="587"/>
      <c r="LF4" s="587"/>
      <c r="LG4" s="587"/>
      <c r="LH4" s="587"/>
      <c r="LI4" s="587"/>
      <c r="LJ4" s="587"/>
      <c r="LK4" s="587"/>
      <c r="LL4" s="587"/>
      <c r="LM4" s="587"/>
      <c r="LN4" s="587"/>
      <c r="LO4" s="587"/>
      <c r="LP4" s="587"/>
      <c r="LQ4" s="587"/>
      <c r="LR4" s="587"/>
      <c r="LS4" s="587"/>
      <c r="LT4" s="587"/>
      <c r="LU4" s="587"/>
      <c r="LV4" s="587"/>
      <c r="LW4" s="587"/>
      <c r="LX4" s="587"/>
      <c r="LY4" s="587"/>
      <c r="LZ4" s="587"/>
      <c r="MA4" s="587"/>
      <c r="MB4" s="587"/>
      <c r="MC4" s="587"/>
      <c r="MD4" s="587"/>
      <c r="ME4" s="588"/>
      <c r="MF4" s="586" t="s">
        <v>86</v>
      </c>
      <c r="MG4" s="587"/>
      <c r="MH4" s="587"/>
      <c r="MI4" s="587"/>
      <c r="MJ4" s="587"/>
      <c r="MK4" s="587"/>
      <c r="ML4" s="587"/>
      <c r="MM4" s="587"/>
      <c r="MN4" s="587"/>
      <c r="MO4" s="587"/>
      <c r="MP4" s="587"/>
      <c r="MQ4" s="587"/>
      <c r="MR4" s="587"/>
      <c r="MS4" s="587"/>
      <c r="MT4" s="587"/>
      <c r="MU4" s="587"/>
      <c r="MV4" s="587"/>
      <c r="MW4" s="587"/>
      <c r="MX4" s="587"/>
      <c r="MY4" s="587"/>
      <c r="MZ4" s="587"/>
      <c r="NA4" s="587"/>
      <c r="NB4" s="587"/>
      <c r="NC4" s="587"/>
      <c r="ND4" s="587"/>
      <c r="NE4" s="587"/>
      <c r="NF4" s="587"/>
      <c r="NG4" s="587"/>
      <c r="NH4" s="587"/>
      <c r="NI4" s="587"/>
      <c r="NJ4" s="587"/>
      <c r="NK4" s="587"/>
      <c r="NL4" s="587"/>
      <c r="NM4" s="587"/>
      <c r="NN4" s="587"/>
      <c r="NO4" s="587"/>
      <c r="NP4" s="587"/>
      <c r="NQ4" s="587"/>
      <c r="NR4" s="587"/>
      <c r="NS4" s="587"/>
      <c r="NT4" s="587"/>
      <c r="NU4" s="587"/>
      <c r="NV4" s="587"/>
      <c r="NW4" s="587"/>
      <c r="NX4" s="587"/>
      <c r="NY4" s="587"/>
      <c r="NZ4" s="587"/>
      <c r="OA4" s="587"/>
      <c r="OB4" s="587"/>
      <c r="OC4" s="587"/>
      <c r="OD4" s="587"/>
      <c r="OE4" s="587"/>
      <c r="OF4" s="587"/>
      <c r="OG4" s="587"/>
      <c r="OH4" s="588"/>
      <c r="OI4" s="575" t="s">
        <v>60</v>
      </c>
      <c r="OJ4" s="480"/>
      <c r="OK4" s="480"/>
      <c r="OL4" s="480"/>
      <c r="OM4" s="480"/>
      <c r="ON4" s="480"/>
      <c r="OO4" s="480"/>
      <c r="OP4" s="480"/>
      <c r="OQ4" s="480"/>
      <c r="OR4" s="480"/>
      <c r="OS4" s="481"/>
    </row>
    <row r="5" spans="1:409" ht="21" customHeight="1" thickBot="1" x14ac:dyDescent="0.25">
      <c r="B5" s="605"/>
      <c r="C5" s="608"/>
      <c r="D5" s="608"/>
      <c r="E5" s="608"/>
      <c r="F5" s="608"/>
      <c r="G5" s="608"/>
      <c r="H5" s="608"/>
      <c r="I5" s="608"/>
      <c r="J5" s="608"/>
      <c r="K5" s="608"/>
      <c r="L5" s="608"/>
      <c r="M5" s="608"/>
      <c r="N5" s="610" t="s">
        <v>64</v>
      </c>
      <c r="O5" s="611"/>
      <c r="P5" s="611"/>
      <c r="Q5" s="611"/>
      <c r="R5" s="611"/>
      <c r="S5" s="611"/>
      <c r="T5" s="611"/>
      <c r="U5" s="611"/>
      <c r="V5" s="611"/>
      <c r="W5" s="611"/>
      <c r="X5" s="611"/>
      <c r="Y5" s="611"/>
      <c r="Z5" s="611"/>
      <c r="AA5" s="611"/>
      <c r="AB5" s="611"/>
      <c r="AC5" s="611"/>
      <c r="AD5" s="611"/>
      <c r="AE5" s="611"/>
      <c r="AF5" s="611"/>
      <c r="AG5" s="611"/>
      <c r="AH5" s="611"/>
      <c r="AI5" s="611"/>
      <c r="AJ5" s="611"/>
      <c r="AK5" s="611"/>
      <c r="AL5" s="611"/>
      <c r="AM5" s="611"/>
      <c r="AN5" s="611"/>
      <c r="AO5" s="611"/>
      <c r="AP5" s="611"/>
      <c r="AQ5" s="611"/>
      <c r="AR5" s="611"/>
      <c r="AS5" s="611"/>
      <c r="AT5" s="611"/>
      <c r="AU5" s="611"/>
      <c r="AV5" s="611"/>
      <c r="AW5" s="611"/>
      <c r="AX5" s="611"/>
      <c r="AY5" s="611"/>
      <c r="AZ5" s="611"/>
      <c r="BA5" s="611"/>
      <c r="BB5" s="611"/>
      <c r="BC5" s="611"/>
      <c r="BD5" s="611"/>
      <c r="BE5" s="611"/>
      <c r="BF5" s="611"/>
      <c r="BG5" s="611"/>
      <c r="BH5" s="611"/>
      <c r="BI5" s="611"/>
      <c r="BJ5" s="611"/>
      <c r="BK5" s="611"/>
      <c r="BL5" s="611"/>
      <c r="BM5" s="611"/>
      <c r="BN5" s="611"/>
      <c r="BO5" s="611"/>
      <c r="BP5" s="611"/>
      <c r="BQ5" s="611"/>
      <c r="BR5" s="611"/>
      <c r="BS5" s="611"/>
      <c r="BT5" s="611"/>
      <c r="BU5" s="611"/>
      <c r="BV5" s="611"/>
      <c r="BW5" s="611"/>
      <c r="BX5" s="611"/>
      <c r="BY5" s="611"/>
      <c r="BZ5" s="611"/>
      <c r="CA5" s="612"/>
      <c r="CB5" s="610" t="s">
        <v>65</v>
      </c>
      <c r="CC5" s="611"/>
      <c r="CD5" s="611"/>
      <c r="CE5" s="611"/>
      <c r="CF5" s="611"/>
      <c r="CG5" s="611"/>
      <c r="CH5" s="611"/>
      <c r="CI5" s="611"/>
      <c r="CJ5" s="611"/>
      <c r="CK5" s="611"/>
      <c r="CL5" s="611"/>
      <c r="CM5" s="611"/>
      <c r="CN5" s="611"/>
      <c r="CO5" s="611"/>
      <c r="CP5" s="611"/>
      <c r="CQ5" s="611"/>
      <c r="CR5" s="611"/>
      <c r="CS5" s="611"/>
      <c r="CT5" s="611"/>
      <c r="CU5" s="611"/>
      <c r="CV5" s="611"/>
      <c r="CW5" s="611"/>
      <c r="CX5" s="611"/>
      <c r="CY5" s="611"/>
      <c r="CZ5" s="611"/>
      <c r="DA5" s="611"/>
      <c r="DB5" s="611"/>
      <c r="DC5" s="611"/>
      <c r="DD5" s="611"/>
      <c r="DE5" s="611"/>
      <c r="DF5" s="611"/>
      <c r="DG5" s="611"/>
      <c r="DH5" s="612"/>
      <c r="DI5" s="586" t="s">
        <v>66</v>
      </c>
      <c r="DJ5" s="587"/>
      <c r="DK5" s="587"/>
      <c r="DL5" s="587"/>
      <c r="DM5" s="587"/>
      <c r="DN5" s="587"/>
      <c r="DO5" s="587"/>
      <c r="DP5" s="587"/>
      <c r="DQ5" s="587"/>
      <c r="DR5" s="587"/>
      <c r="DS5" s="587"/>
      <c r="DT5" s="587"/>
      <c r="DU5" s="587"/>
      <c r="DV5" s="587"/>
      <c r="DW5" s="587"/>
      <c r="DX5" s="587"/>
      <c r="DY5" s="587"/>
      <c r="DZ5" s="587"/>
      <c r="EA5" s="587"/>
      <c r="EB5" s="587"/>
      <c r="EC5" s="587"/>
      <c r="ED5" s="587"/>
      <c r="EE5" s="587"/>
      <c r="EF5" s="587"/>
      <c r="EG5" s="587"/>
      <c r="EH5" s="587"/>
      <c r="EI5" s="587"/>
      <c r="EJ5" s="587"/>
      <c r="EK5" s="587"/>
      <c r="EL5" s="587"/>
      <c r="EM5" s="587"/>
      <c r="EN5" s="587"/>
      <c r="EO5" s="587"/>
      <c r="EP5" s="587"/>
      <c r="EQ5" s="587"/>
      <c r="ER5" s="587"/>
      <c r="ES5" s="587"/>
      <c r="ET5" s="587"/>
      <c r="EU5" s="587"/>
      <c r="EV5" s="587"/>
      <c r="EW5" s="587"/>
      <c r="EX5" s="587"/>
      <c r="EY5" s="587"/>
      <c r="EZ5" s="587"/>
      <c r="FA5" s="587"/>
      <c r="FB5" s="587"/>
      <c r="FC5" s="587"/>
      <c r="FD5" s="587"/>
      <c r="FE5" s="587"/>
      <c r="FF5" s="587"/>
      <c r="FG5" s="587"/>
      <c r="FH5" s="587"/>
      <c r="FI5" s="587"/>
      <c r="FJ5" s="587"/>
      <c r="FK5" s="588"/>
      <c r="FL5" s="610" t="s">
        <v>67</v>
      </c>
      <c r="FM5" s="611"/>
      <c r="FN5" s="611"/>
      <c r="FO5" s="611"/>
      <c r="FP5" s="611"/>
      <c r="FQ5" s="611"/>
      <c r="FR5" s="611"/>
      <c r="FS5" s="611"/>
      <c r="FT5" s="611"/>
      <c r="FU5" s="611"/>
      <c r="FV5" s="611"/>
      <c r="FW5" s="611"/>
      <c r="FX5" s="611"/>
      <c r="FY5" s="611"/>
      <c r="FZ5" s="611"/>
      <c r="GA5" s="611"/>
      <c r="GB5" s="611"/>
      <c r="GC5" s="611"/>
      <c r="GD5" s="611"/>
      <c r="GE5" s="611"/>
      <c r="GF5" s="611"/>
      <c r="GG5" s="611"/>
      <c r="GH5" s="611"/>
      <c r="GI5" s="611"/>
      <c r="GJ5" s="611"/>
      <c r="GK5" s="611"/>
      <c r="GL5" s="611"/>
      <c r="GM5" s="611"/>
      <c r="GN5" s="611"/>
      <c r="GO5" s="611"/>
      <c r="GP5" s="611"/>
      <c r="GQ5" s="611"/>
      <c r="GR5" s="611"/>
      <c r="GS5" s="611"/>
      <c r="GT5" s="611"/>
      <c r="GU5" s="611"/>
      <c r="GV5" s="611"/>
      <c r="GW5" s="611"/>
      <c r="GX5" s="611"/>
      <c r="GY5" s="611"/>
      <c r="GZ5" s="611"/>
      <c r="HA5" s="611"/>
      <c r="HB5" s="611"/>
      <c r="HC5" s="612"/>
      <c r="HD5" s="596" t="s">
        <v>68</v>
      </c>
      <c r="HE5" s="597"/>
      <c r="HF5" s="597"/>
      <c r="HG5" s="597"/>
      <c r="HH5" s="597"/>
      <c r="HI5" s="597"/>
      <c r="HJ5" s="597"/>
      <c r="HK5" s="597"/>
      <c r="HL5" s="597"/>
      <c r="HM5" s="597"/>
      <c r="HN5" s="598"/>
      <c r="HO5" s="596" t="s">
        <v>69</v>
      </c>
      <c r="HP5" s="597"/>
      <c r="HQ5" s="597"/>
      <c r="HR5" s="597"/>
      <c r="HS5" s="597"/>
      <c r="HT5" s="597"/>
      <c r="HU5" s="597"/>
      <c r="HV5" s="597"/>
      <c r="HW5" s="597"/>
      <c r="HX5" s="597"/>
      <c r="HY5" s="598"/>
      <c r="HZ5" s="637"/>
      <c r="IA5" s="638"/>
      <c r="IB5" s="638"/>
      <c r="IC5" s="638"/>
      <c r="ID5" s="638"/>
      <c r="IE5" s="638"/>
      <c r="IF5" s="638"/>
      <c r="IG5" s="638"/>
      <c r="IH5" s="638"/>
      <c r="II5" s="638"/>
      <c r="IJ5" s="639"/>
      <c r="IK5" s="575" t="s">
        <v>94</v>
      </c>
      <c r="IL5" s="480"/>
      <c r="IM5" s="480"/>
      <c r="IN5" s="480"/>
      <c r="IO5" s="480"/>
      <c r="IP5" s="480"/>
      <c r="IQ5" s="480"/>
      <c r="IR5" s="480"/>
      <c r="IS5" s="480"/>
      <c r="IT5" s="480"/>
      <c r="IU5" s="481"/>
      <c r="IV5" s="575" t="s">
        <v>88</v>
      </c>
      <c r="IW5" s="480"/>
      <c r="IX5" s="480"/>
      <c r="IY5" s="480"/>
      <c r="IZ5" s="480"/>
      <c r="JA5" s="480"/>
      <c r="JB5" s="480"/>
      <c r="JC5" s="480"/>
      <c r="JD5" s="480"/>
      <c r="JE5" s="480"/>
      <c r="JF5" s="481"/>
      <c r="JG5" s="640" t="s">
        <v>142</v>
      </c>
      <c r="JH5" s="641"/>
      <c r="JI5" s="641"/>
      <c r="JJ5" s="641"/>
      <c r="JK5" s="641"/>
      <c r="JL5" s="641"/>
      <c r="JM5" s="641"/>
      <c r="JN5" s="641"/>
      <c r="JO5" s="641"/>
      <c r="JP5" s="641"/>
      <c r="JQ5" s="642"/>
      <c r="JR5" s="575" t="s">
        <v>90</v>
      </c>
      <c r="JS5" s="480"/>
      <c r="JT5" s="480"/>
      <c r="JU5" s="480"/>
      <c r="JV5" s="480"/>
      <c r="JW5" s="480"/>
      <c r="JX5" s="480"/>
      <c r="JY5" s="480"/>
      <c r="JZ5" s="480"/>
      <c r="KA5" s="480"/>
      <c r="KB5" s="481"/>
      <c r="KC5" s="575" t="s">
        <v>89</v>
      </c>
      <c r="KD5" s="480"/>
      <c r="KE5" s="480"/>
      <c r="KF5" s="480"/>
      <c r="KG5" s="480"/>
      <c r="KH5" s="480"/>
      <c r="KI5" s="480"/>
      <c r="KJ5" s="480"/>
      <c r="KK5" s="480"/>
      <c r="KL5" s="480"/>
      <c r="KM5" s="481"/>
      <c r="KN5" s="575" t="s">
        <v>91</v>
      </c>
      <c r="KO5" s="480"/>
      <c r="KP5" s="480"/>
      <c r="KQ5" s="480"/>
      <c r="KR5" s="480"/>
      <c r="KS5" s="480"/>
      <c r="KT5" s="480"/>
      <c r="KU5" s="480"/>
      <c r="KV5" s="480"/>
      <c r="KW5" s="480"/>
      <c r="KX5" s="481"/>
      <c r="KY5" s="575" t="s">
        <v>92</v>
      </c>
      <c r="KZ5" s="480"/>
      <c r="LA5" s="480"/>
      <c r="LB5" s="480"/>
      <c r="LC5" s="480"/>
      <c r="LD5" s="480"/>
      <c r="LE5" s="480"/>
      <c r="LF5" s="480"/>
      <c r="LG5" s="480"/>
      <c r="LH5" s="480"/>
      <c r="LI5" s="481"/>
      <c r="LJ5" s="646" t="s">
        <v>93</v>
      </c>
      <c r="LK5" s="647"/>
      <c r="LL5" s="647"/>
      <c r="LM5" s="647"/>
      <c r="LN5" s="647"/>
      <c r="LO5" s="647"/>
      <c r="LP5" s="647"/>
      <c r="LQ5" s="647"/>
      <c r="LR5" s="647"/>
      <c r="LS5" s="647"/>
      <c r="LT5" s="648"/>
      <c r="LU5" s="649" t="s">
        <v>143</v>
      </c>
      <c r="LV5" s="650"/>
      <c r="LW5" s="650"/>
      <c r="LX5" s="650"/>
      <c r="LY5" s="650"/>
      <c r="LZ5" s="650"/>
      <c r="MA5" s="650"/>
      <c r="MB5" s="650"/>
      <c r="MC5" s="650"/>
      <c r="MD5" s="650"/>
      <c r="ME5" s="651"/>
      <c r="MF5" s="637"/>
      <c r="MG5" s="638"/>
      <c r="MH5" s="638"/>
      <c r="MI5" s="638"/>
      <c r="MJ5" s="638"/>
      <c r="MK5" s="638"/>
      <c r="ML5" s="638"/>
      <c r="MM5" s="638"/>
      <c r="MN5" s="638"/>
      <c r="MO5" s="638"/>
      <c r="MP5" s="639"/>
      <c r="MQ5" s="575" t="s">
        <v>57</v>
      </c>
      <c r="MR5" s="480"/>
      <c r="MS5" s="480"/>
      <c r="MT5" s="480"/>
      <c r="MU5" s="480"/>
      <c r="MV5" s="480"/>
      <c r="MW5" s="480"/>
      <c r="MX5" s="480"/>
      <c r="MY5" s="480"/>
      <c r="MZ5" s="480"/>
      <c r="NA5" s="481"/>
      <c r="NB5" s="575" t="s">
        <v>58</v>
      </c>
      <c r="NC5" s="480"/>
      <c r="ND5" s="480"/>
      <c r="NE5" s="480"/>
      <c r="NF5" s="480"/>
      <c r="NG5" s="480"/>
      <c r="NH5" s="480"/>
      <c r="NI5" s="480"/>
      <c r="NJ5" s="480"/>
      <c r="NK5" s="480"/>
      <c r="NL5" s="481"/>
      <c r="NM5" s="575" t="s">
        <v>59</v>
      </c>
      <c r="NN5" s="480"/>
      <c r="NO5" s="480"/>
      <c r="NP5" s="480"/>
      <c r="NQ5" s="480"/>
      <c r="NR5" s="480"/>
      <c r="NS5" s="480"/>
      <c r="NT5" s="480"/>
      <c r="NU5" s="480"/>
      <c r="NV5" s="480"/>
      <c r="NW5" s="481"/>
      <c r="NX5" s="627" t="s">
        <v>149</v>
      </c>
      <c r="NY5" s="628"/>
      <c r="NZ5" s="628"/>
      <c r="OA5" s="628"/>
      <c r="OB5" s="628"/>
      <c r="OC5" s="628"/>
      <c r="OD5" s="628"/>
      <c r="OE5" s="628"/>
      <c r="OF5" s="628"/>
      <c r="OG5" s="628"/>
      <c r="OH5" s="629"/>
      <c r="OI5" s="634"/>
      <c r="OJ5" s="635"/>
      <c r="OK5" s="635"/>
      <c r="OL5" s="635"/>
      <c r="OM5" s="635"/>
      <c r="ON5" s="635"/>
      <c r="OO5" s="635"/>
      <c r="OP5" s="635"/>
      <c r="OQ5" s="635"/>
      <c r="OR5" s="635"/>
      <c r="OS5" s="636"/>
    </row>
    <row r="6" spans="1:409" ht="21" customHeight="1" thickBot="1" x14ac:dyDescent="0.25">
      <c r="B6" s="605"/>
      <c r="C6" s="609"/>
      <c r="D6" s="609"/>
      <c r="E6" s="609"/>
      <c r="F6" s="609"/>
      <c r="G6" s="609"/>
      <c r="H6" s="609"/>
      <c r="I6" s="609"/>
      <c r="J6" s="609"/>
      <c r="K6" s="609"/>
      <c r="L6" s="609"/>
      <c r="M6" s="609"/>
      <c r="N6" s="576"/>
      <c r="O6" s="569"/>
      <c r="P6" s="569"/>
      <c r="Q6" s="569"/>
      <c r="R6" s="569"/>
      <c r="S6" s="569"/>
      <c r="T6" s="569"/>
      <c r="U6" s="569"/>
      <c r="V6" s="569"/>
      <c r="W6" s="569"/>
      <c r="X6" s="577"/>
      <c r="Y6" s="578" t="s">
        <v>70</v>
      </c>
      <c r="Z6" s="579"/>
      <c r="AA6" s="579"/>
      <c r="AB6" s="579"/>
      <c r="AC6" s="579"/>
      <c r="AD6" s="579"/>
      <c r="AE6" s="579"/>
      <c r="AF6" s="579"/>
      <c r="AG6" s="579"/>
      <c r="AH6" s="579"/>
      <c r="AI6" s="580"/>
      <c r="AJ6" s="596" t="s">
        <v>71</v>
      </c>
      <c r="AK6" s="597"/>
      <c r="AL6" s="597"/>
      <c r="AM6" s="597"/>
      <c r="AN6" s="597"/>
      <c r="AO6" s="597"/>
      <c r="AP6" s="597"/>
      <c r="AQ6" s="597"/>
      <c r="AR6" s="597"/>
      <c r="AS6" s="597"/>
      <c r="AT6" s="598"/>
      <c r="AU6" s="592" t="s">
        <v>72</v>
      </c>
      <c r="AV6" s="593"/>
      <c r="AW6" s="593"/>
      <c r="AX6" s="593"/>
      <c r="AY6" s="593"/>
      <c r="AZ6" s="593"/>
      <c r="BA6" s="593"/>
      <c r="BB6" s="593"/>
      <c r="BC6" s="593"/>
      <c r="BD6" s="593"/>
      <c r="BE6" s="594"/>
      <c r="BF6" s="592" t="s">
        <v>73</v>
      </c>
      <c r="BG6" s="593"/>
      <c r="BH6" s="593"/>
      <c r="BI6" s="593"/>
      <c r="BJ6" s="593"/>
      <c r="BK6" s="593"/>
      <c r="BL6" s="593"/>
      <c r="BM6" s="593"/>
      <c r="BN6" s="593"/>
      <c r="BO6" s="593"/>
      <c r="BP6" s="594"/>
      <c r="BQ6" s="592" t="s">
        <v>74</v>
      </c>
      <c r="BR6" s="593"/>
      <c r="BS6" s="593"/>
      <c r="BT6" s="593"/>
      <c r="BU6" s="593"/>
      <c r="BV6" s="593"/>
      <c r="BW6" s="593"/>
      <c r="BX6" s="593"/>
      <c r="BY6" s="593"/>
      <c r="BZ6" s="593"/>
      <c r="CA6" s="594"/>
      <c r="CB6" s="589"/>
      <c r="CC6" s="590"/>
      <c r="CD6" s="590"/>
      <c r="CE6" s="590"/>
      <c r="CF6" s="590"/>
      <c r="CG6" s="590"/>
      <c r="CH6" s="590"/>
      <c r="CI6" s="590"/>
      <c r="CJ6" s="590"/>
      <c r="CK6" s="590"/>
      <c r="CL6" s="591"/>
      <c r="CM6" s="592" t="s">
        <v>75</v>
      </c>
      <c r="CN6" s="593"/>
      <c r="CO6" s="593"/>
      <c r="CP6" s="593"/>
      <c r="CQ6" s="593"/>
      <c r="CR6" s="593"/>
      <c r="CS6" s="593"/>
      <c r="CT6" s="593"/>
      <c r="CU6" s="593"/>
      <c r="CV6" s="593"/>
      <c r="CW6" s="594"/>
      <c r="CX6" s="592" t="s">
        <v>76</v>
      </c>
      <c r="CY6" s="593"/>
      <c r="CZ6" s="593"/>
      <c r="DA6" s="593"/>
      <c r="DB6" s="593"/>
      <c r="DC6" s="593"/>
      <c r="DD6" s="593"/>
      <c r="DE6" s="593"/>
      <c r="DF6" s="593"/>
      <c r="DG6" s="593"/>
      <c r="DH6" s="594"/>
      <c r="DI6" s="589"/>
      <c r="DJ6" s="590"/>
      <c r="DK6" s="590"/>
      <c r="DL6" s="590"/>
      <c r="DM6" s="590"/>
      <c r="DN6" s="590"/>
      <c r="DO6" s="590"/>
      <c r="DP6" s="590"/>
      <c r="DQ6" s="590"/>
      <c r="DR6" s="590"/>
      <c r="DS6" s="590"/>
      <c r="DT6" s="592" t="s">
        <v>77</v>
      </c>
      <c r="DU6" s="593"/>
      <c r="DV6" s="593"/>
      <c r="DW6" s="593"/>
      <c r="DX6" s="593"/>
      <c r="DY6" s="593"/>
      <c r="DZ6" s="593"/>
      <c r="EA6" s="593"/>
      <c r="EB6" s="593"/>
      <c r="EC6" s="593"/>
      <c r="ED6" s="594"/>
      <c r="EE6" s="592" t="s">
        <v>78</v>
      </c>
      <c r="EF6" s="593"/>
      <c r="EG6" s="593"/>
      <c r="EH6" s="593"/>
      <c r="EI6" s="593"/>
      <c r="EJ6" s="593"/>
      <c r="EK6" s="593"/>
      <c r="EL6" s="593"/>
      <c r="EM6" s="593"/>
      <c r="EN6" s="593"/>
      <c r="EO6" s="594"/>
      <c r="EP6" s="592" t="s">
        <v>79</v>
      </c>
      <c r="EQ6" s="593"/>
      <c r="ER6" s="593"/>
      <c r="ES6" s="593"/>
      <c r="ET6" s="593"/>
      <c r="EU6" s="593"/>
      <c r="EV6" s="593"/>
      <c r="EW6" s="593"/>
      <c r="EX6" s="593"/>
      <c r="EY6" s="593"/>
      <c r="EZ6" s="594"/>
      <c r="FA6" s="595" t="s">
        <v>150</v>
      </c>
      <c r="FB6" s="593"/>
      <c r="FC6" s="593"/>
      <c r="FD6" s="593"/>
      <c r="FE6" s="593"/>
      <c r="FF6" s="593"/>
      <c r="FG6" s="593"/>
      <c r="FH6" s="593"/>
      <c r="FI6" s="593"/>
      <c r="FJ6" s="593"/>
      <c r="FK6" s="594"/>
      <c r="FL6" s="589"/>
      <c r="FM6" s="590"/>
      <c r="FN6" s="590"/>
      <c r="FO6" s="590"/>
      <c r="FP6" s="590"/>
      <c r="FQ6" s="590"/>
      <c r="FR6" s="590"/>
      <c r="FS6" s="590"/>
      <c r="FT6" s="590"/>
      <c r="FU6" s="590"/>
      <c r="FV6" s="590"/>
      <c r="FW6" s="592" t="s">
        <v>80</v>
      </c>
      <c r="FX6" s="593"/>
      <c r="FY6" s="593"/>
      <c r="FZ6" s="593"/>
      <c r="GA6" s="593"/>
      <c r="GB6" s="593"/>
      <c r="GC6" s="593"/>
      <c r="GD6" s="593"/>
      <c r="GE6" s="593"/>
      <c r="GF6" s="593"/>
      <c r="GG6" s="594"/>
      <c r="GH6" s="578" t="s">
        <v>81</v>
      </c>
      <c r="GI6" s="579"/>
      <c r="GJ6" s="579"/>
      <c r="GK6" s="579"/>
      <c r="GL6" s="579"/>
      <c r="GM6" s="579"/>
      <c r="GN6" s="579"/>
      <c r="GO6" s="579"/>
      <c r="GP6" s="579"/>
      <c r="GQ6" s="579"/>
      <c r="GR6" s="580"/>
      <c r="GS6" s="578" t="s">
        <v>82</v>
      </c>
      <c r="GT6" s="579"/>
      <c r="GU6" s="579"/>
      <c r="GV6" s="579"/>
      <c r="GW6" s="579"/>
      <c r="GX6" s="579"/>
      <c r="GY6" s="579"/>
      <c r="GZ6" s="579"/>
      <c r="HA6" s="579"/>
      <c r="HB6" s="579"/>
      <c r="HC6" s="580"/>
      <c r="HD6" s="613"/>
      <c r="HE6" s="614"/>
      <c r="HF6" s="614"/>
      <c r="HG6" s="614"/>
      <c r="HH6" s="614"/>
      <c r="HI6" s="614"/>
      <c r="HJ6" s="614"/>
      <c r="HK6" s="614"/>
      <c r="HL6" s="614"/>
      <c r="HM6" s="614"/>
      <c r="HN6" s="615"/>
      <c r="HO6" s="613"/>
      <c r="HP6" s="614"/>
      <c r="HQ6" s="614"/>
      <c r="HR6" s="614"/>
      <c r="HS6" s="614"/>
      <c r="HT6" s="614"/>
      <c r="HU6" s="614"/>
      <c r="HV6" s="614"/>
      <c r="HW6" s="614"/>
      <c r="HX6" s="614"/>
      <c r="HY6" s="615"/>
      <c r="HZ6" s="589"/>
      <c r="IA6" s="590"/>
      <c r="IB6" s="590"/>
      <c r="IC6" s="590"/>
      <c r="ID6" s="590"/>
      <c r="IE6" s="590"/>
      <c r="IF6" s="590"/>
      <c r="IG6" s="590"/>
      <c r="IH6" s="590"/>
      <c r="II6" s="590"/>
      <c r="IJ6" s="591"/>
      <c r="IK6" s="576"/>
      <c r="IL6" s="569"/>
      <c r="IM6" s="569"/>
      <c r="IN6" s="569"/>
      <c r="IO6" s="569"/>
      <c r="IP6" s="569"/>
      <c r="IQ6" s="569"/>
      <c r="IR6" s="569"/>
      <c r="IS6" s="569"/>
      <c r="IT6" s="569"/>
      <c r="IU6" s="577"/>
      <c r="IV6" s="576"/>
      <c r="IW6" s="569"/>
      <c r="IX6" s="569"/>
      <c r="IY6" s="569"/>
      <c r="IZ6" s="569"/>
      <c r="JA6" s="569"/>
      <c r="JB6" s="569"/>
      <c r="JC6" s="569"/>
      <c r="JD6" s="569"/>
      <c r="JE6" s="569"/>
      <c r="JF6" s="577"/>
      <c r="JG6" s="643"/>
      <c r="JH6" s="644"/>
      <c r="JI6" s="644"/>
      <c r="JJ6" s="644"/>
      <c r="JK6" s="644"/>
      <c r="JL6" s="644"/>
      <c r="JM6" s="644"/>
      <c r="JN6" s="644"/>
      <c r="JO6" s="644"/>
      <c r="JP6" s="644"/>
      <c r="JQ6" s="645"/>
      <c r="JR6" s="576"/>
      <c r="JS6" s="569"/>
      <c r="JT6" s="569"/>
      <c r="JU6" s="569"/>
      <c r="JV6" s="569"/>
      <c r="JW6" s="569"/>
      <c r="JX6" s="569"/>
      <c r="JY6" s="569"/>
      <c r="JZ6" s="569"/>
      <c r="KA6" s="569"/>
      <c r="KB6" s="577"/>
      <c r="KC6" s="576"/>
      <c r="KD6" s="569"/>
      <c r="KE6" s="569"/>
      <c r="KF6" s="569"/>
      <c r="KG6" s="569"/>
      <c r="KH6" s="569"/>
      <c r="KI6" s="569"/>
      <c r="KJ6" s="569"/>
      <c r="KK6" s="569"/>
      <c r="KL6" s="569"/>
      <c r="KM6" s="577"/>
      <c r="KN6" s="576"/>
      <c r="KO6" s="569"/>
      <c r="KP6" s="569"/>
      <c r="KQ6" s="569"/>
      <c r="KR6" s="569"/>
      <c r="KS6" s="569"/>
      <c r="KT6" s="569"/>
      <c r="KU6" s="569"/>
      <c r="KV6" s="569"/>
      <c r="KW6" s="569"/>
      <c r="KX6" s="577"/>
      <c r="KY6" s="576"/>
      <c r="KZ6" s="569"/>
      <c r="LA6" s="569"/>
      <c r="LB6" s="569"/>
      <c r="LC6" s="569"/>
      <c r="LD6" s="569"/>
      <c r="LE6" s="569"/>
      <c r="LF6" s="569"/>
      <c r="LG6" s="569"/>
      <c r="LH6" s="569"/>
      <c r="LI6" s="577"/>
      <c r="LJ6" s="589"/>
      <c r="LK6" s="590"/>
      <c r="LL6" s="590"/>
      <c r="LM6" s="590"/>
      <c r="LN6" s="590"/>
      <c r="LO6" s="590"/>
      <c r="LP6" s="590"/>
      <c r="LQ6" s="590"/>
      <c r="LR6" s="590"/>
      <c r="LS6" s="590"/>
      <c r="LT6" s="591"/>
      <c r="LU6" s="652"/>
      <c r="LV6" s="653"/>
      <c r="LW6" s="653"/>
      <c r="LX6" s="653"/>
      <c r="LY6" s="653"/>
      <c r="LZ6" s="653"/>
      <c r="MA6" s="653"/>
      <c r="MB6" s="653"/>
      <c r="MC6" s="653"/>
      <c r="MD6" s="653"/>
      <c r="ME6" s="654"/>
      <c r="MF6" s="589"/>
      <c r="MG6" s="590"/>
      <c r="MH6" s="590"/>
      <c r="MI6" s="590"/>
      <c r="MJ6" s="590"/>
      <c r="MK6" s="590"/>
      <c r="ML6" s="590"/>
      <c r="MM6" s="590"/>
      <c r="MN6" s="590"/>
      <c r="MO6" s="590"/>
      <c r="MP6" s="591"/>
      <c r="MQ6" s="576"/>
      <c r="MR6" s="569"/>
      <c r="MS6" s="569"/>
      <c r="MT6" s="569"/>
      <c r="MU6" s="569"/>
      <c r="MV6" s="569"/>
      <c r="MW6" s="569"/>
      <c r="MX6" s="569"/>
      <c r="MY6" s="569"/>
      <c r="MZ6" s="569"/>
      <c r="NA6" s="577"/>
      <c r="NB6" s="576"/>
      <c r="NC6" s="569"/>
      <c r="ND6" s="569"/>
      <c r="NE6" s="569"/>
      <c r="NF6" s="569"/>
      <c r="NG6" s="569"/>
      <c r="NH6" s="569"/>
      <c r="NI6" s="569"/>
      <c r="NJ6" s="569"/>
      <c r="NK6" s="569"/>
      <c r="NL6" s="577"/>
      <c r="NM6" s="576"/>
      <c r="NN6" s="569"/>
      <c r="NO6" s="569"/>
      <c r="NP6" s="569"/>
      <c r="NQ6" s="569"/>
      <c r="NR6" s="569"/>
      <c r="NS6" s="569"/>
      <c r="NT6" s="569"/>
      <c r="NU6" s="569"/>
      <c r="NV6" s="569"/>
      <c r="NW6" s="577"/>
      <c r="NX6" s="630"/>
      <c r="NY6" s="631"/>
      <c r="NZ6" s="631"/>
      <c r="OA6" s="631"/>
      <c r="OB6" s="631"/>
      <c r="OC6" s="631"/>
      <c r="OD6" s="631"/>
      <c r="OE6" s="631"/>
      <c r="OF6" s="631"/>
      <c r="OG6" s="631"/>
      <c r="OH6" s="632"/>
      <c r="OI6" s="576"/>
      <c r="OJ6" s="569"/>
      <c r="OK6" s="569"/>
      <c r="OL6" s="569"/>
      <c r="OM6" s="569"/>
      <c r="ON6" s="569"/>
      <c r="OO6" s="569"/>
      <c r="OP6" s="569"/>
      <c r="OQ6" s="569"/>
      <c r="OR6" s="569"/>
      <c r="OS6" s="577"/>
    </row>
    <row r="7" spans="1:409" ht="21" customHeight="1" x14ac:dyDescent="0.2">
      <c r="B7" s="605"/>
      <c r="C7" s="561" t="s">
        <v>61</v>
      </c>
      <c r="D7" s="561"/>
      <c r="E7" s="561"/>
      <c r="F7" s="560" t="s">
        <v>62</v>
      </c>
      <c r="G7" s="561"/>
      <c r="H7" s="561"/>
      <c r="I7" s="561"/>
      <c r="J7" s="561"/>
      <c r="K7" s="561"/>
      <c r="L7" s="561"/>
      <c r="M7" s="560" t="s">
        <v>52</v>
      </c>
      <c r="N7" s="617" t="s">
        <v>61</v>
      </c>
      <c r="O7" s="561"/>
      <c r="P7" s="561"/>
      <c r="Q7" s="560" t="s">
        <v>62</v>
      </c>
      <c r="R7" s="561"/>
      <c r="S7" s="561"/>
      <c r="T7" s="561"/>
      <c r="U7" s="561"/>
      <c r="V7" s="561"/>
      <c r="W7" s="562"/>
      <c r="X7" s="602" t="s">
        <v>52</v>
      </c>
      <c r="Y7" s="576" t="s">
        <v>61</v>
      </c>
      <c r="Z7" s="569"/>
      <c r="AA7" s="570"/>
      <c r="AB7" s="568" t="s">
        <v>62</v>
      </c>
      <c r="AC7" s="569"/>
      <c r="AD7" s="569"/>
      <c r="AE7" s="569"/>
      <c r="AF7" s="569"/>
      <c r="AG7" s="569"/>
      <c r="AH7" s="570"/>
      <c r="AI7" s="577" t="s">
        <v>52</v>
      </c>
      <c r="AJ7" s="557" t="s">
        <v>61</v>
      </c>
      <c r="AK7" s="558"/>
      <c r="AL7" s="559"/>
      <c r="AM7" s="618" t="s">
        <v>62</v>
      </c>
      <c r="AN7" s="558"/>
      <c r="AO7" s="558"/>
      <c r="AP7" s="558"/>
      <c r="AQ7" s="558"/>
      <c r="AR7" s="558"/>
      <c r="AS7" s="619"/>
      <c r="AT7" s="620" t="s">
        <v>52</v>
      </c>
      <c r="AU7" s="565" t="s">
        <v>61</v>
      </c>
      <c r="AV7" s="566"/>
      <c r="AW7" s="567"/>
      <c r="AX7" s="600" t="s">
        <v>62</v>
      </c>
      <c r="AY7" s="566"/>
      <c r="AZ7" s="566"/>
      <c r="BA7" s="566"/>
      <c r="BB7" s="566"/>
      <c r="BC7" s="566"/>
      <c r="BD7" s="601"/>
      <c r="BE7" s="577" t="s">
        <v>52</v>
      </c>
      <c r="BF7" s="565" t="s">
        <v>61</v>
      </c>
      <c r="BG7" s="566"/>
      <c r="BH7" s="567"/>
      <c r="BI7" s="600" t="s">
        <v>62</v>
      </c>
      <c r="BJ7" s="566"/>
      <c r="BK7" s="566"/>
      <c r="BL7" s="566"/>
      <c r="BM7" s="566"/>
      <c r="BN7" s="566"/>
      <c r="BO7" s="601"/>
      <c r="BP7" s="577" t="s">
        <v>52</v>
      </c>
      <c r="BQ7" s="565" t="s">
        <v>61</v>
      </c>
      <c r="BR7" s="566"/>
      <c r="BS7" s="567"/>
      <c r="BT7" s="600" t="s">
        <v>62</v>
      </c>
      <c r="BU7" s="566"/>
      <c r="BV7" s="566"/>
      <c r="BW7" s="566"/>
      <c r="BX7" s="566"/>
      <c r="BY7" s="566"/>
      <c r="BZ7" s="601"/>
      <c r="CA7" s="577" t="s">
        <v>52</v>
      </c>
      <c r="CB7" s="557" t="s">
        <v>61</v>
      </c>
      <c r="CC7" s="558"/>
      <c r="CD7" s="559"/>
      <c r="CE7" s="618" t="s">
        <v>62</v>
      </c>
      <c r="CF7" s="558"/>
      <c r="CG7" s="558"/>
      <c r="CH7" s="558"/>
      <c r="CI7" s="558"/>
      <c r="CJ7" s="558"/>
      <c r="CK7" s="619"/>
      <c r="CL7" s="602" t="s">
        <v>52</v>
      </c>
      <c r="CM7" s="565" t="s">
        <v>61</v>
      </c>
      <c r="CN7" s="566"/>
      <c r="CO7" s="601"/>
      <c r="CP7" s="600" t="s">
        <v>62</v>
      </c>
      <c r="CQ7" s="566"/>
      <c r="CR7" s="566"/>
      <c r="CS7" s="566"/>
      <c r="CT7" s="566"/>
      <c r="CU7" s="566"/>
      <c r="CV7" s="601"/>
      <c r="CW7" s="624" t="s">
        <v>52</v>
      </c>
      <c r="CX7" s="565" t="s">
        <v>61</v>
      </c>
      <c r="CY7" s="566"/>
      <c r="CZ7" s="601"/>
      <c r="DA7" s="600" t="s">
        <v>62</v>
      </c>
      <c r="DB7" s="566"/>
      <c r="DC7" s="566"/>
      <c r="DD7" s="566"/>
      <c r="DE7" s="566"/>
      <c r="DF7" s="566"/>
      <c r="DG7" s="601"/>
      <c r="DH7" s="624" t="s">
        <v>52</v>
      </c>
      <c r="DI7" s="557" t="s">
        <v>61</v>
      </c>
      <c r="DJ7" s="558"/>
      <c r="DK7" s="619"/>
      <c r="DL7" s="618" t="s">
        <v>62</v>
      </c>
      <c r="DM7" s="558"/>
      <c r="DN7" s="558"/>
      <c r="DO7" s="558"/>
      <c r="DP7" s="558"/>
      <c r="DQ7" s="558"/>
      <c r="DR7" s="619"/>
      <c r="DS7" s="602" t="s">
        <v>52</v>
      </c>
      <c r="DT7" s="565" t="s">
        <v>61</v>
      </c>
      <c r="DU7" s="566"/>
      <c r="DV7" s="567"/>
      <c r="DW7" s="600" t="s">
        <v>62</v>
      </c>
      <c r="DX7" s="566"/>
      <c r="DY7" s="566"/>
      <c r="DZ7" s="566"/>
      <c r="EA7" s="566"/>
      <c r="EB7" s="566"/>
      <c r="EC7" s="601"/>
      <c r="ED7" s="577" t="s">
        <v>52</v>
      </c>
      <c r="EE7" s="565" t="s">
        <v>61</v>
      </c>
      <c r="EF7" s="566"/>
      <c r="EG7" s="567"/>
      <c r="EH7" s="600" t="s">
        <v>62</v>
      </c>
      <c r="EI7" s="566"/>
      <c r="EJ7" s="566"/>
      <c r="EK7" s="566"/>
      <c r="EL7" s="566"/>
      <c r="EM7" s="566"/>
      <c r="EN7" s="601"/>
      <c r="EO7" s="577" t="s">
        <v>52</v>
      </c>
      <c r="EP7" s="565" t="s">
        <v>61</v>
      </c>
      <c r="EQ7" s="566"/>
      <c r="ER7" s="567"/>
      <c r="ES7" s="600" t="s">
        <v>62</v>
      </c>
      <c r="ET7" s="566"/>
      <c r="EU7" s="566"/>
      <c r="EV7" s="566"/>
      <c r="EW7" s="566"/>
      <c r="EX7" s="566"/>
      <c r="EY7" s="601"/>
      <c r="EZ7" s="577" t="s">
        <v>52</v>
      </c>
      <c r="FA7" s="565" t="s">
        <v>61</v>
      </c>
      <c r="FB7" s="566"/>
      <c r="FC7" s="567"/>
      <c r="FD7" s="600" t="s">
        <v>62</v>
      </c>
      <c r="FE7" s="566"/>
      <c r="FF7" s="566"/>
      <c r="FG7" s="566"/>
      <c r="FH7" s="566"/>
      <c r="FI7" s="566"/>
      <c r="FJ7" s="601"/>
      <c r="FK7" s="577" t="s">
        <v>52</v>
      </c>
      <c r="FL7" s="557" t="s">
        <v>61</v>
      </c>
      <c r="FM7" s="558"/>
      <c r="FN7" s="559"/>
      <c r="FO7" s="618" t="s">
        <v>62</v>
      </c>
      <c r="FP7" s="558"/>
      <c r="FQ7" s="558"/>
      <c r="FR7" s="558"/>
      <c r="FS7" s="558"/>
      <c r="FT7" s="558"/>
      <c r="FU7" s="619"/>
      <c r="FV7" s="561" t="s">
        <v>52</v>
      </c>
      <c r="FW7" s="565" t="s">
        <v>61</v>
      </c>
      <c r="FX7" s="566"/>
      <c r="FY7" s="567"/>
      <c r="FZ7" s="600" t="s">
        <v>62</v>
      </c>
      <c r="GA7" s="566"/>
      <c r="GB7" s="566"/>
      <c r="GC7" s="566"/>
      <c r="GD7" s="566"/>
      <c r="GE7" s="566"/>
      <c r="GF7" s="601"/>
      <c r="GG7" s="577" t="s">
        <v>52</v>
      </c>
      <c r="GH7" s="576" t="s">
        <v>61</v>
      </c>
      <c r="GI7" s="569"/>
      <c r="GJ7" s="569"/>
      <c r="GK7" s="568" t="s">
        <v>62</v>
      </c>
      <c r="GL7" s="569"/>
      <c r="GM7" s="569"/>
      <c r="GN7" s="569"/>
      <c r="GO7" s="569"/>
      <c r="GP7" s="569"/>
      <c r="GQ7" s="570"/>
      <c r="GR7" s="621" t="s">
        <v>52</v>
      </c>
      <c r="GS7" s="576" t="s">
        <v>61</v>
      </c>
      <c r="GT7" s="569"/>
      <c r="GU7" s="570"/>
      <c r="GV7" s="568" t="s">
        <v>62</v>
      </c>
      <c r="GW7" s="569"/>
      <c r="GX7" s="569"/>
      <c r="GY7" s="569"/>
      <c r="GZ7" s="569"/>
      <c r="HA7" s="569"/>
      <c r="HB7" s="570"/>
      <c r="HC7" s="621" t="s">
        <v>52</v>
      </c>
      <c r="HD7" s="565" t="s">
        <v>61</v>
      </c>
      <c r="HE7" s="566"/>
      <c r="HF7" s="567"/>
      <c r="HG7" s="600" t="s">
        <v>62</v>
      </c>
      <c r="HH7" s="566"/>
      <c r="HI7" s="566"/>
      <c r="HJ7" s="566"/>
      <c r="HK7" s="566"/>
      <c r="HL7" s="566"/>
      <c r="HM7" s="601"/>
      <c r="HN7" s="577" t="s">
        <v>52</v>
      </c>
      <c r="HO7" s="565" t="s">
        <v>61</v>
      </c>
      <c r="HP7" s="566"/>
      <c r="HQ7" s="567"/>
      <c r="HR7" s="600" t="s">
        <v>62</v>
      </c>
      <c r="HS7" s="566"/>
      <c r="HT7" s="566"/>
      <c r="HU7" s="566"/>
      <c r="HV7" s="566"/>
      <c r="HW7" s="566"/>
      <c r="HX7" s="601"/>
      <c r="HY7" s="577" t="s">
        <v>52</v>
      </c>
      <c r="HZ7" s="557" t="s">
        <v>61</v>
      </c>
      <c r="IA7" s="558"/>
      <c r="IB7" s="559"/>
      <c r="IC7" s="618" t="s">
        <v>62</v>
      </c>
      <c r="ID7" s="558"/>
      <c r="IE7" s="558"/>
      <c r="IF7" s="558"/>
      <c r="IG7" s="558"/>
      <c r="IH7" s="558"/>
      <c r="II7" s="619"/>
      <c r="IJ7" s="561" t="s">
        <v>52</v>
      </c>
      <c r="IK7" s="565" t="s">
        <v>61</v>
      </c>
      <c r="IL7" s="566"/>
      <c r="IM7" s="567"/>
      <c r="IN7" s="600" t="s">
        <v>62</v>
      </c>
      <c r="IO7" s="566"/>
      <c r="IP7" s="566"/>
      <c r="IQ7" s="566"/>
      <c r="IR7" s="566"/>
      <c r="IS7" s="566"/>
      <c r="IT7" s="601"/>
      <c r="IU7" s="577" t="s">
        <v>52</v>
      </c>
      <c r="IV7" s="565" t="s">
        <v>61</v>
      </c>
      <c r="IW7" s="566"/>
      <c r="IX7" s="601"/>
      <c r="IY7" s="600" t="s">
        <v>62</v>
      </c>
      <c r="IZ7" s="566"/>
      <c r="JA7" s="566"/>
      <c r="JB7" s="566"/>
      <c r="JC7" s="566"/>
      <c r="JD7" s="566"/>
      <c r="JE7" s="601"/>
      <c r="JF7" s="577" t="s">
        <v>52</v>
      </c>
      <c r="JG7" s="565" t="s">
        <v>61</v>
      </c>
      <c r="JH7" s="566"/>
      <c r="JI7" s="567"/>
      <c r="JJ7" s="600" t="s">
        <v>62</v>
      </c>
      <c r="JK7" s="566"/>
      <c r="JL7" s="566"/>
      <c r="JM7" s="566"/>
      <c r="JN7" s="566"/>
      <c r="JO7" s="566"/>
      <c r="JP7" s="601"/>
      <c r="JQ7" s="624" t="s">
        <v>52</v>
      </c>
      <c r="JR7" s="565" t="s">
        <v>61</v>
      </c>
      <c r="JS7" s="566"/>
      <c r="JT7" s="567"/>
      <c r="JU7" s="600" t="s">
        <v>62</v>
      </c>
      <c r="JV7" s="566"/>
      <c r="JW7" s="566"/>
      <c r="JX7" s="566"/>
      <c r="JY7" s="566"/>
      <c r="JZ7" s="566"/>
      <c r="KA7" s="601"/>
      <c r="KB7" s="624" t="s">
        <v>52</v>
      </c>
      <c r="KC7" s="565" t="s">
        <v>61</v>
      </c>
      <c r="KD7" s="566"/>
      <c r="KE7" s="567"/>
      <c r="KF7" s="600" t="s">
        <v>62</v>
      </c>
      <c r="KG7" s="566"/>
      <c r="KH7" s="566"/>
      <c r="KI7" s="566"/>
      <c r="KJ7" s="566"/>
      <c r="KK7" s="566"/>
      <c r="KL7" s="601"/>
      <c r="KM7" s="624" t="s">
        <v>52</v>
      </c>
      <c r="KN7" s="565" t="s">
        <v>61</v>
      </c>
      <c r="KO7" s="566"/>
      <c r="KP7" s="567"/>
      <c r="KQ7" s="600" t="s">
        <v>62</v>
      </c>
      <c r="KR7" s="566"/>
      <c r="KS7" s="566"/>
      <c r="KT7" s="566"/>
      <c r="KU7" s="566"/>
      <c r="KV7" s="566"/>
      <c r="KW7" s="601"/>
      <c r="KX7" s="624" t="s">
        <v>52</v>
      </c>
      <c r="KY7" s="565" t="s">
        <v>61</v>
      </c>
      <c r="KZ7" s="566"/>
      <c r="LA7" s="567"/>
      <c r="LB7" s="600" t="s">
        <v>62</v>
      </c>
      <c r="LC7" s="566"/>
      <c r="LD7" s="566"/>
      <c r="LE7" s="566"/>
      <c r="LF7" s="566"/>
      <c r="LG7" s="566"/>
      <c r="LH7" s="601"/>
      <c r="LI7" s="624" t="s">
        <v>52</v>
      </c>
      <c r="LJ7" s="565" t="s">
        <v>61</v>
      </c>
      <c r="LK7" s="566"/>
      <c r="LL7" s="567"/>
      <c r="LM7" s="600" t="s">
        <v>62</v>
      </c>
      <c r="LN7" s="566"/>
      <c r="LO7" s="566"/>
      <c r="LP7" s="566"/>
      <c r="LQ7" s="566"/>
      <c r="LR7" s="566"/>
      <c r="LS7" s="601"/>
      <c r="LT7" s="624" t="s">
        <v>52</v>
      </c>
      <c r="LU7" s="565" t="s">
        <v>61</v>
      </c>
      <c r="LV7" s="566"/>
      <c r="LW7" s="567"/>
      <c r="LX7" s="600" t="s">
        <v>62</v>
      </c>
      <c r="LY7" s="566"/>
      <c r="LZ7" s="566"/>
      <c r="MA7" s="566"/>
      <c r="MB7" s="566"/>
      <c r="MC7" s="566"/>
      <c r="MD7" s="601"/>
      <c r="ME7" s="624" t="s">
        <v>52</v>
      </c>
      <c r="MF7" s="557" t="s">
        <v>61</v>
      </c>
      <c r="MG7" s="558"/>
      <c r="MH7" s="559"/>
      <c r="MI7" s="618" t="s">
        <v>62</v>
      </c>
      <c r="MJ7" s="558"/>
      <c r="MK7" s="558"/>
      <c r="ML7" s="558"/>
      <c r="MM7" s="558"/>
      <c r="MN7" s="558"/>
      <c r="MO7" s="619"/>
      <c r="MP7" s="602" t="s">
        <v>52</v>
      </c>
      <c r="MQ7" s="565" t="s">
        <v>61</v>
      </c>
      <c r="MR7" s="566"/>
      <c r="MS7" s="567"/>
      <c r="MT7" s="600" t="s">
        <v>62</v>
      </c>
      <c r="MU7" s="566"/>
      <c r="MV7" s="566"/>
      <c r="MW7" s="566"/>
      <c r="MX7" s="566"/>
      <c r="MY7" s="566"/>
      <c r="MZ7" s="601"/>
      <c r="NA7" s="624" t="s">
        <v>52</v>
      </c>
      <c r="NB7" s="565" t="s">
        <v>61</v>
      </c>
      <c r="NC7" s="566"/>
      <c r="ND7" s="567"/>
      <c r="NE7" s="600" t="s">
        <v>62</v>
      </c>
      <c r="NF7" s="566"/>
      <c r="NG7" s="566"/>
      <c r="NH7" s="566"/>
      <c r="NI7" s="566"/>
      <c r="NJ7" s="566"/>
      <c r="NK7" s="601"/>
      <c r="NL7" s="624" t="s">
        <v>52</v>
      </c>
      <c r="NM7" s="565" t="s">
        <v>61</v>
      </c>
      <c r="NN7" s="566"/>
      <c r="NO7" s="567"/>
      <c r="NP7" s="600" t="s">
        <v>62</v>
      </c>
      <c r="NQ7" s="566"/>
      <c r="NR7" s="566"/>
      <c r="NS7" s="566"/>
      <c r="NT7" s="566"/>
      <c r="NU7" s="566"/>
      <c r="NV7" s="601"/>
      <c r="NW7" s="624" t="s">
        <v>52</v>
      </c>
      <c r="NX7" s="565" t="s">
        <v>61</v>
      </c>
      <c r="NY7" s="566"/>
      <c r="NZ7" s="567"/>
      <c r="OA7" s="600" t="s">
        <v>62</v>
      </c>
      <c r="OB7" s="566"/>
      <c r="OC7" s="566"/>
      <c r="OD7" s="566"/>
      <c r="OE7" s="566"/>
      <c r="OF7" s="566"/>
      <c r="OG7" s="601"/>
      <c r="OH7" s="624" t="s">
        <v>52</v>
      </c>
      <c r="OI7" s="557" t="s">
        <v>61</v>
      </c>
      <c r="OJ7" s="558"/>
      <c r="OK7" s="559"/>
      <c r="OL7" s="618" t="s">
        <v>62</v>
      </c>
      <c r="OM7" s="558"/>
      <c r="ON7" s="558"/>
      <c r="OO7" s="558"/>
      <c r="OP7" s="558"/>
      <c r="OQ7" s="558"/>
      <c r="OR7" s="619"/>
      <c r="OS7" s="602" t="s">
        <v>52</v>
      </c>
    </row>
    <row r="8" spans="1:409" ht="30" customHeight="1" thickBot="1" x14ac:dyDescent="0.25">
      <c r="B8" s="606"/>
      <c r="C8" s="55" t="s">
        <v>43</v>
      </c>
      <c r="D8" s="13" t="s">
        <v>44</v>
      </c>
      <c r="E8" s="36" t="s">
        <v>45</v>
      </c>
      <c r="F8" s="37" t="s">
        <v>83</v>
      </c>
      <c r="G8" s="13" t="s">
        <v>47</v>
      </c>
      <c r="H8" s="13" t="s">
        <v>48</v>
      </c>
      <c r="I8" s="13" t="s">
        <v>49</v>
      </c>
      <c r="J8" s="13" t="s">
        <v>50</v>
      </c>
      <c r="K8" s="13" t="s">
        <v>51</v>
      </c>
      <c r="L8" s="14" t="s">
        <v>45</v>
      </c>
      <c r="M8" s="616"/>
      <c r="N8" s="35" t="s">
        <v>43</v>
      </c>
      <c r="O8" s="13" t="s">
        <v>44</v>
      </c>
      <c r="P8" s="14" t="s">
        <v>45</v>
      </c>
      <c r="Q8" s="37" t="s">
        <v>83</v>
      </c>
      <c r="R8" s="13" t="s">
        <v>47</v>
      </c>
      <c r="S8" s="13" t="s">
        <v>48</v>
      </c>
      <c r="T8" s="13" t="s">
        <v>49</v>
      </c>
      <c r="U8" s="13" t="s">
        <v>50</v>
      </c>
      <c r="V8" s="13" t="s">
        <v>51</v>
      </c>
      <c r="W8" s="14" t="s">
        <v>45</v>
      </c>
      <c r="X8" s="603"/>
      <c r="Y8" s="35" t="s">
        <v>43</v>
      </c>
      <c r="Z8" s="13" t="s">
        <v>44</v>
      </c>
      <c r="AA8" s="14" t="s">
        <v>45</v>
      </c>
      <c r="AB8" s="37" t="s">
        <v>83</v>
      </c>
      <c r="AC8" s="13" t="s">
        <v>47</v>
      </c>
      <c r="AD8" s="13" t="s">
        <v>48</v>
      </c>
      <c r="AE8" s="13" t="s">
        <v>49</v>
      </c>
      <c r="AF8" s="13" t="s">
        <v>50</v>
      </c>
      <c r="AG8" s="13" t="s">
        <v>51</v>
      </c>
      <c r="AH8" s="14" t="s">
        <v>45</v>
      </c>
      <c r="AI8" s="585"/>
      <c r="AJ8" s="35" t="s">
        <v>43</v>
      </c>
      <c r="AK8" s="13" t="s">
        <v>44</v>
      </c>
      <c r="AL8" s="36" t="s">
        <v>45</v>
      </c>
      <c r="AM8" s="37" t="s">
        <v>83</v>
      </c>
      <c r="AN8" s="13" t="s">
        <v>47</v>
      </c>
      <c r="AO8" s="13" t="s">
        <v>48</v>
      </c>
      <c r="AP8" s="13" t="s">
        <v>49</v>
      </c>
      <c r="AQ8" s="13" t="s">
        <v>50</v>
      </c>
      <c r="AR8" s="13" t="s">
        <v>51</v>
      </c>
      <c r="AS8" s="14" t="s">
        <v>45</v>
      </c>
      <c r="AT8" s="585"/>
      <c r="AU8" s="35" t="s">
        <v>43</v>
      </c>
      <c r="AV8" s="13" t="s">
        <v>44</v>
      </c>
      <c r="AW8" s="36" t="s">
        <v>45</v>
      </c>
      <c r="AX8" s="37" t="s">
        <v>83</v>
      </c>
      <c r="AY8" s="13" t="s">
        <v>47</v>
      </c>
      <c r="AZ8" s="13" t="s">
        <v>48</v>
      </c>
      <c r="BA8" s="13" t="s">
        <v>49</v>
      </c>
      <c r="BB8" s="13" t="s">
        <v>50</v>
      </c>
      <c r="BC8" s="13" t="s">
        <v>51</v>
      </c>
      <c r="BD8" s="14" t="s">
        <v>45</v>
      </c>
      <c r="BE8" s="585"/>
      <c r="BF8" s="53" t="s">
        <v>43</v>
      </c>
      <c r="BG8" s="13" t="s">
        <v>44</v>
      </c>
      <c r="BH8" s="36" t="s">
        <v>45</v>
      </c>
      <c r="BI8" s="37" t="s">
        <v>83</v>
      </c>
      <c r="BJ8" s="13" t="s">
        <v>47</v>
      </c>
      <c r="BK8" s="13" t="s">
        <v>48</v>
      </c>
      <c r="BL8" s="13" t="s">
        <v>49</v>
      </c>
      <c r="BM8" s="13" t="s">
        <v>50</v>
      </c>
      <c r="BN8" s="13" t="s">
        <v>51</v>
      </c>
      <c r="BO8" s="14" t="s">
        <v>45</v>
      </c>
      <c r="BP8" s="585"/>
      <c r="BQ8" s="35" t="s">
        <v>43</v>
      </c>
      <c r="BR8" s="13" t="s">
        <v>44</v>
      </c>
      <c r="BS8" s="36" t="s">
        <v>45</v>
      </c>
      <c r="BT8" s="37" t="s">
        <v>83</v>
      </c>
      <c r="BU8" s="13" t="s">
        <v>47</v>
      </c>
      <c r="BV8" s="13" t="s">
        <v>48</v>
      </c>
      <c r="BW8" s="13" t="s">
        <v>49</v>
      </c>
      <c r="BX8" s="13" t="s">
        <v>50</v>
      </c>
      <c r="BY8" s="13" t="s">
        <v>51</v>
      </c>
      <c r="BZ8" s="14" t="s">
        <v>45</v>
      </c>
      <c r="CA8" s="585"/>
      <c r="CB8" s="35" t="s">
        <v>43</v>
      </c>
      <c r="CC8" s="13" t="s">
        <v>44</v>
      </c>
      <c r="CD8" s="36" t="s">
        <v>45</v>
      </c>
      <c r="CE8" s="37" t="s">
        <v>83</v>
      </c>
      <c r="CF8" s="13" t="s">
        <v>47</v>
      </c>
      <c r="CG8" s="13" t="s">
        <v>48</v>
      </c>
      <c r="CH8" s="13" t="s">
        <v>49</v>
      </c>
      <c r="CI8" s="13" t="s">
        <v>50</v>
      </c>
      <c r="CJ8" s="13" t="s">
        <v>51</v>
      </c>
      <c r="CK8" s="14" t="s">
        <v>45</v>
      </c>
      <c r="CL8" s="603"/>
      <c r="CM8" s="35" t="s">
        <v>43</v>
      </c>
      <c r="CN8" s="13" t="s">
        <v>44</v>
      </c>
      <c r="CO8" s="14" t="s">
        <v>45</v>
      </c>
      <c r="CP8" s="37" t="s">
        <v>83</v>
      </c>
      <c r="CQ8" s="13" t="s">
        <v>47</v>
      </c>
      <c r="CR8" s="13" t="s">
        <v>48</v>
      </c>
      <c r="CS8" s="13" t="s">
        <v>49</v>
      </c>
      <c r="CT8" s="13" t="s">
        <v>50</v>
      </c>
      <c r="CU8" s="13" t="s">
        <v>51</v>
      </c>
      <c r="CV8" s="14" t="s">
        <v>45</v>
      </c>
      <c r="CW8" s="603"/>
      <c r="CX8" s="35" t="s">
        <v>43</v>
      </c>
      <c r="CY8" s="13" t="s">
        <v>44</v>
      </c>
      <c r="CZ8" s="14" t="s">
        <v>45</v>
      </c>
      <c r="DA8" s="37" t="s">
        <v>83</v>
      </c>
      <c r="DB8" s="13" t="s">
        <v>47</v>
      </c>
      <c r="DC8" s="13" t="s">
        <v>48</v>
      </c>
      <c r="DD8" s="13" t="s">
        <v>49</v>
      </c>
      <c r="DE8" s="13" t="s">
        <v>50</v>
      </c>
      <c r="DF8" s="13" t="s">
        <v>51</v>
      </c>
      <c r="DG8" s="14" t="s">
        <v>45</v>
      </c>
      <c r="DH8" s="603"/>
      <c r="DI8" s="35" t="s">
        <v>43</v>
      </c>
      <c r="DJ8" s="13" t="s">
        <v>44</v>
      </c>
      <c r="DK8" s="14" t="s">
        <v>45</v>
      </c>
      <c r="DL8" s="37" t="s">
        <v>83</v>
      </c>
      <c r="DM8" s="13" t="s">
        <v>47</v>
      </c>
      <c r="DN8" s="13" t="s">
        <v>48</v>
      </c>
      <c r="DO8" s="13" t="s">
        <v>49</v>
      </c>
      <c r="DP8" s="13" t="s">
        <v>50</v>
      </c>
      <c r="DQ8" s="13" t="s">
        <v>51</v>
      </c>
      <c r="DR8" s="14" t="s">
        <v>45</v>
      </c>
      <c r="DS8" s="603"/>
      <c r="DT8" s="35" t="s">
        <v>43</v>
      </c>
      <c r="DU8" s="13" t="s">
        <v>44</v>
      </c>
      <c r="DV8" s="36" t="s">
        <v>45</v>
      </c>
      <c r="DW8" s="37" t="s">
        <v>83</v>
      </c>
      <c r="DX8" s="13" t="s">
        <v>47</v>
      </c>
      <c r="DY8" s="13" t="s">
        <v>48</v>
      </c>
      <c r="DZ8" s="13" t="s">
        <v>49</v>
      </c>
      <c r="EA8" s="13" t="s">
        <v>50</v>
      </c>
      <c r="EB8" s="13" t="s">
        <v>51</v>
      </c>
      <c r="EC8" s="14" t="s">
        <v>45</v>
      </c>
      <c r="ED8" s="585"/>
      <c r="EE8" s="35" t="s">
        <v>43</v>
      </c>
      <c r="EF8" s="13" t="s">
        <v>44</v>
      </c>
      <c r="EG8" s="36" t="s">
        <v>45</v>
      </c>
      <c r="EH8" s="37" t="s">
        <v>83</v>
      </c>
      <c r="EI8" s="13" t="s">
        <v>47</v>
      </c>
      <c r="EJ8" s="13" t="s">
        <v>48</v>
      </c>
      <c r="EK8" s="13" t="s">
        <v>49</v>
      </c>
      <c r="EL8" s="13" t="s">
        <v>50</v>
      </c>
      <c r="EM8" s="13" t="s">
        <v>51</v>
      </c>
      <c r="EN8" s="14" t="s">
        <v>45</v>
      </c>
      <c r="EO8" s="585"/>
      <c r="EP8" s="35" t="s">
        <v>43</v>
      </c>
      <c r="EQ8" s="13" t="s">
        <v>44</v>
      </c>
      <c r="ER8" s="36" t="s">
        <v>45</v>
      </c>
      <c r="ES8" s="37" t="s">
        <v>83</v>
      </c>
      <c r="ET8" s="13" t="s">
        <v>47</v>
      </c>
      <c r="EU8" s="13" t="s">
        <v>48</v>
      </c>
      <c r="EV8" s="13" t="s">
        <v>49</v>
      </c>
      <c r="EW8" s="13" t="s">
        <v>50</v>
      </c>
      <c r="EX8" s="13" t="s">
        <v>51</v>
      </c>
      <c r="EY8" s="14" t="s">
        <v>45</v>
      </c>
      <c r="EZ8" s="585"/>
      <c r="FA8" s="35" t="s">
        <v>43</v>
      </c>
      <c r="FB8" s="13" t="s">
        <v>44</v>
      </c>
      <c r="FC8" s="36" t="s">
        <v>45</v>
      </c>
      <c r="FD8" s="37" t="s">
        <v>83</v>
      </c>
      <c r="FE8" s="13" t="s">
        <v>47</v>
      </c>
      <c r="FF8" s="13" t="s">
        <v>48</v>
      </c>
      <c r="FG8" s="13" t="s">
        <v>49</v>
      </c>
      <c r="FH8" s="13" t="s">
        <v>50</v>
      </c>
      <c r="FI8" s="13" t="s">
        <v>51</v>
      </c>
      <c r="FJ8" s="14" t="s">
        <v>45</v>
      </c>
      <c r="FK8" s="585"/>
      <c r="FL8" s="35" t="s">
        <v>43</v>
      </c>
      <c r="FM8" s="13" t="s">
        <v>44</v>
      </c>
      <c r="FN8" s="36" t="s">
        <v>45</v>
      </c>
      <c r="FO8" s="37" t="s">
        <v>83</v>
      </c>
      <c r="FP8" s="13" t="s">
        <v>47</v>
      </c>
      <c r="FQ8" s="13" t="s">
        <v>48</v>
      </c>
      <c r="FR8" s="13" t="s">
        <v>49</v>
      </c>
      <c r="FS8" s="13" t="s">
        <v>50</v>
      </c>
      <c r="FT8" s="13" t="s">
        <v>51</v>
      </c>
      <c r="FU8" s="14" t="s">
        <v>45</v>
      </c>
      <c r="FV8" s="623"/>
      <c r="FW8" s="35" t="s">
        <v>43</v>
      </c>
      <c r="FX8" s="13" t="s">
        <v>44</v>
      </c>
      <c r="FY8" s="36" t="s">
        <v>45</v>
      </c>
      <c r="FZ8" s="37" t="s">
        <v>83</v>
      </c>
      <c r="GA8" s="13" t="s">
        <v>47</v>
      </c>
      <c r="GB8" s="13" t="s">
        <v>48</v>
      </c>
      <c r="GC8" s="13" t="s">
        <v>49</v>
      </c>
      <c r="GD8" s="13" t="s">
        <v>50</v>
      </c>
      <c r="GE8" s="13" t="s">
        <v>51</v>
      </c>
      <c r="GF8" s="14" t="s">
        <v>45</v>
      </c>
      <c r="GG8" s="585"/>
      <c r="GH8" s="35" t="s">
        <v>43</v>
      </c>
      <c r="GI8" s="13" t="s">
        <v>44</v>
      </c>
      <c r="GJ8" s="36" t="s">
        <v>45</v>
      </c>
      <c r="GK8" s="37" t="s">
        <v>83</v>
      </c>
      <c r="GL8" s="13" t="s">
        <v>47</v>
      </c>
      <c r="GM8" s="13" t="s">
        <v>48</v>
      </c>
      <c r="GN8" s="13" t="s">
        <v>49</v>
      </c>
      <c r="GO8" s="13" t="s">
        <v>50</v>
      </c>
      <c r="GP8" s="13" t="s">
        <v>51</v>
      </c>
      <c r="GQ8" s="14" t="s">
        <v>45</v>
      </c>
      <c r="GR8" s="622"/>
      <c r="GS8" s="35" t="s">
        <v>43</v>
      </c>
      <c r="GT8" s="13" t="s">
        <v>44</v>
      </c>
      <c r="GU8" s="36" t="s">
        <v>45</v>
      </c>
      <c r="GV8" s="37" t="s">
        <v>83</v>
      </c>
      <c r="GW8" s="13" t="s">
        <v>47</v>
      </c>
      <c r="GX8" s="13" t="s">
        <v>48</v>
      </c>
      <c r="GY8" s="13" t="s">
        <v>49</v>
      </c>
      <c r="GZ8" s="13" t="s">
        <v>50</v>
      </c>
      <c r="HA8" s="13" t="s">
        <v>51</v>
      </c>
      <c r="HB8" s="14" t="s">
        <v>45</v>
      </c>
      <c r="HC8" s="622"/>
      <c r="HD8" s="35" t="s">
        <v>43</v>
      </c>
      <c r="HE8" s="13" t="s">
        <v>44</v>
      </c>
      <c r="HF8" s="36" t="s">
        <v>45</v>
      </c>
      <c r="HG8" s="37" t="s">
        <v>83</v>
      </c>
      <c r="HH8" s="13" t="s">
        <v>47</v>
      </c>
      <c r="HI8" s="13" t="s">
        <v>48</v>
      </c>
      <c r="HJ8" s="13" t="s">
        <v>49</v>
      </c>
      <c r="HK8" s="13" t="s">
        <v>50</v>
      </c>
      <c r="HL8" s="13" t="s">
        <v>51</v>
      </c>
      <c r="HM8" s="14" t="s">
        <v>45</v>
      </c>
      <c r="HN8" s="585"/>
      <c r="HO8" s="35" t="s">
        <v>43</v>
      </c>
      <c r="HP8" s="13" t="s">
        <v>44</v>
      </c>
      <c r="HQ8" s="36" t="s">
        <v>45</v>
      </c>
      <c r="HR8" s="37" t="s">
        <v>83</v>
      </c>
      <c r="HS8" s="13" t="s">
        <v>47</v>
      </c>
      <c r="HT8" s="13" t="s">
        <v>48</v>
      </c>
      <c r="HU8" s="13" t="s">
        <v>49</v>
      </c>
      <c r="HV8" s="13" t="s">
        <v>50</v>
      </c>
      <c r="HW8" s="13" t="s">
        <v>51</v>
      </c>
      <c r="HX8" s="14" t="s">
        <v>45</v>
      </c>
      <c r="HY8" s="585"/>
      <c r="HZ8" s="342" t="s">
        <v>43</v>
      </c>
      <c r="IA8" s="343" t="s">
        <v>44</v>
      </c>
      <c r="IB8" s="36" t="s">
        <v>45</v>
      </c>
      <c r="IC8" s="37" t="s">
        <v>83</v>
      </c>
      <c r="ID8" s="343" t="s">
        <v>47</v>
      </c>
      <c r="IE8" s="343" t="s">
        <v>48</v>
      </c>
      <c r="IF8" s="343" t="s">
        <v>49</v>
      </c>
      <c r="IG8" s="343" t="s">
        <v>50</v>
      </c>
      <c r="IH8" s="343" t="s">
        <v>51</v>
      </c>
      <c r="II8" s="14" t="s">
        <v>45</v>
      </c>
      <c r="IJ8" s="623"/>
      <c r="IK8" s="342" t="s">
        <v>43</v>
      </c>
      <c r="IL8" s="343" t="s">
        <v>44</v>
      </c>
      <c r="IM8" s="36" t="s">
        <v>45</v>
      </c>
      <c r="IN8" s="37" t="s">
        <v>83</v>
      </c>
      <c r="IO8" s="51" t="s">
        <v>47</v>
      </c>
      <c r="IP8" s="51" t="s">
        <v>48</v>
      </c>
      <c r="IQ8" s="51" t="s">
        <v>49</v>
      </c>
      <c r="IR8" s="51" t="s">
        <v>50</v>
      </c>
      <c r="IS8" s="51" t="s">
        <v>51</v>
      </c>
      <c r="IT8" s="54" t="s">
        <v>45</v>
      </c>
      <c r="IU8" s="633"/>
      <c r="IV8" s="53" t="s">
        <v>43</v>
      </c>
      <c r="IW8" s="51" t="s">
        <v>44</v>
      </c>
      <c r="IX8" s="54" t="s">
        <v>45</v>
      </c>
      <c r="IY8" s="28" t="s">
        <v>83</v>
      </c>
      <c r="IZ8" s="51" t="s">
        <v>47</v>
      </c>
      <c r="JA8" s="51" t="s">
        <v>48</v>
      </c>
      <c r="JB8" s="51" t="s">
        <v>49</v>
      </c>
      <c r="JC8" s="51" t="s">
        <v>50</v>
      </c>
      <c r="JD8" s="51" t="s">
        <v>51</v>
      </c>
      <c r="JE8" s="54" t="s">
        <v>45</v>
      </c>
      <c r="JF8" s="633"/>
      <c r="JG8" s="53" t="s">
        <v>43</v>
      </c>
      <c r="JH8" s="51" t="s">
        <v>44</v>
      </c>
      <c r="JI8" s="52" t="s">
        <v>45</v>
      </c>
      <c r="JJ8" s="28" t="s">
        <v>83</v>
      </c>
      <c r="JK8" s="51" t="s">
        <v>47</v>
      </c>
      <c r="JL8" s="51" t="s">
        <v>48</v>
      </c>
      <c r="JM8" s="51" t="s">
        <v>49</v>
      </c>
      <c r="JN8" s="51" t="s">
        <v>50</v>
      </c>
      <c r="JO8" s="51" t="s">
        <v>51</v>
      </c>
      <c r="JP8" s="54" t="s">
        <v>45</v>
      </c>
      <c r="JQ8" s="626"/>
      <c r="JR8" s="53" t="s">
        <v>43</v>
      </c>
      <c r="JS8" s="51" t="s">
        <v>44</v>
      </c>
      <c r="JT8" s="52" t="s">
        <v>45</v>
      </c>
      <c r="JU8" s="28" t="s">
        <v>83</v>
      </c>
      <c r="JV8" s="51" t="s">
        <v>47</v>
      </c>
      <c r="JW8" s="51" t="s">
        <v>48</v>
      </c>
      <c r="JX8" s="51" t="s">
        <v>49</v>
      </c>
      <c r="JY8" s="51" t="s">
        <v>50</v>
      </c>
      <c r="JZ8" s="51" t="s">
        <v>51</v>
      </c>
      <c r="KA8" s="54" t="s">
        <v>45</v>
      </c>
      <c r="KB8" s="626"/>
      <c r="KC8" s="53" t="s">
        <v>43</v>
      </c>
      <c r="KD8" s="51" t="s">
        <v>44</v>
      </c>
      <c r="KE8" s="52" t="s">
        <v>45</v>
      </c>
      <c r="KF8" s="28" t="s">
        <v>83</v>
      </c>
      <c r="KG8" s="51" t="s">
        <v>47</v>
      </c>
      <c r="KH8" s="51" t="s">
        <v>48</v>
      </c>
      <c r="KI8" s="51" t="s">
        <v>49</v>
      </c>
      <c r="KJ8" s="51" t="s">
        <v>50</v>
      </c>
      <c r="KK8" s="51" t="s">
        <v>51</v>
      </c>
      <c r="KL8" s="54" t="s">
        <v>45</v>
      </c>
      <c r="KM8" s="626"/>
      <c r="KN8" s="53" t="s">
        <v>43</v>
      </c>
      <c r="KO8" s="51" t="s">
        <v>44</v>
      </c>
      <c r="KP8" s="52" t="s">
        <v>45</v>
      </c>
      <c r="KQ8" s="37" t="s">
        <v>83</v>
      </c>
      <c r="KR8" s="51" t="s">
        <v>47</v>
      </c>
      <c r="KS8" s="51" t="s">
        <v>48</v>
      </c>
      <c r="KT8" s="51" t="s">
        <v>49</v>
      </c>
      <c r="KU8" s="51" t="s">
        <v>50</v>
      </c>
      <c r="KV8" s="51" t="s">
        <v>51</v>
      </c>
      <c r="KW8" s="54" t="s">
        <v>45</v>
      </c>
      <c r="KX8" s="626"/>
      <c r="KY8" s="53" t="s">
        <v>43</v>
      </c>
      <c r="KZ8" s="51" t="s">
        <v>44</v>
      </c>
      <c r="LA8" s="52" t="s">
        <v>45</v>
      </c>
      <c r="LB8" s="37" t="s">
        <v>83</v>
      </c>
      <c r="LC8" s="51" t="s">
        <v>47</v>
      </c>
      <c r="LD8" s="51" t="s">
        <v>48</v>
      </c>
      <c r="LE8" s="51" t="s">
        <v>49</v>
      </c>
      <c r="LF8" s="51" t="s">
        <v>50</v>
      </c>
      <c r="LG8" s="51" t="s">
        <v>51</v>
      </c>
      <c r="LH8" s="54" t="s">
        <v>45</v>
      </c>
      <c r="LI8" s="626"/>
      <c r="LJ8" s="53" t="s">
        <v>43</v>
      </c>
      <c r="LK8" s="51" t="s">
        <v>44</v>
      </c>
      <c r="LL8" s="52" t="s">
        <v>45</v>
      </c>
      <c r="LM8" s="37" t="s">
        <v>83</v>
      </c>
      <c r="LN8" s="51" t="s">
        <v>47</v>
      </c>
      <c r="LO8" s="51" t="s">
        <v>48</v>
      </c>
      <c r="LP8" s="51" t="s">
        <v>49</v>
      </c>
      <c r="LQ8" s="51" t="s">
        <v>50</v>
      </c>
      <c r="LR8" s="51" t="s">
        <v>51</v>
      </c>
      <c r="LS8" s="54" t="s">
        <v>45</v>
      </c>
      <c r="LT8" s="626"/>
      <c r="LU8" s="53" t="s">
        <v>43</v>
      </c>
      <c r="LV8" s="51" t="s">
        <v>44</v>
      </c>
      <c r="LW8" s="52" t="s">
        <v>45</v>
      </c>
      <c r="LX8" s="37" t="s">
        <v>83</v>
      </c>
      <c r="LY8" s="51" t="s">
        <v>47</v>
      </c>
      <c r="LZ8" s="51" t="s">
        <v>48</v>
      </c>
      <c r="MA8" s="51" t="s">
        <v>49</v>
      </c>
      <c r="MB8" s="51" t="s">
        <v>50</v>
      </c>
      <c r="MC8" s="51" t="s">
        <v>51</v>
      </c>
      <c r="MD8" s="54" t="s">
        <v>45</v>
      </c>
      <c r="ME8" s="626"/>
      <c r="MF8" s="53" t="s">
        <v>43</v>
      </c>
      <c r="MG8" s="51" t="s">
        <v>44</v>
      </c>
      <c r="MH8" s="52" t="s">
        <v>45</v>
      </c>
      <c r="MI8" s="37" t="s">
        <v>83</v>
      </c>
      <c r="MJ8" s="51" t="s">
        <v>47</v>
      </c>
      <c r="MK8" s="51" t="s">
        <v>48</v>
      </c>
      <c r="ML8" s="51" t="s">
        <v>49</v>
      </c>
      <c r="MM8" s="51" t="s">
        <v>50</v>
      </c>
      <c r="MN8" s="51" t="s">
        <v>51</v>
      </c>
      <c r="MO8" s="54" t="s">
        <v>45</v>
      </c>
      <c r="MP8" s="626"/>
      <c r="MQ8" s="53" t="s">
        <v>43</v>
      </c>
      <c r="MR8" s="51" t="s">
        <v>44</v>
      </c>
      <c r="MS8" s="52" t="s">
        <v>45</v>
      </c>
      <c r="MT8" s="37" t="s">
        <v>83</v>
      </c>
      <c r="MU8" s="51" t="s">
        <v>47</v>
      </c>
      <c r="MV8" s="51" t="s">
        <v>48</v>
      </c>
      <c r="MW8" s="51" t="s">
        <v>49</v>
      </c>
      <c r="MX8" s="51" t="s">
        <v>50</v>
      </c>
      <c r="MY8" s="51" t="s">
        <v>51</v>
      </c>
      <c r="MZ8" s="54" t="s">
        <v>45</v>
      </c>
      <c r="NA8" s="626"/>
      <c r="NB8" s="53" t="s">
        <v>43</v>
      </c>
      <c r="NC8" s="51" t="s">
        <v>44</v>
      </c>
      <c r="ND8" s="52" t="s">
        <v>45</v>
      </c>
      <c r="NE8" s="37" t="s">
        <v>83</v>
      </c>
      <c r="NF8" s="51" t="s">
        <v>47</v>
      </c>
      <c r="NG8" s="51" t="s">
        <v>48</v>
      </c>
      <c r="NH8" s="51" t="s">
        <v>49</v>
      </c>
      <c r="NI8" s="51" t="s">
        <v>50</v>
      </c>
      <c r="NJ8" s="51" t="s">
        <v>51</v>
      </c>
      <c r="NK8" s="54" t="s">
        <v>45</v>
      </c>
      <c r="NL8" s="626"/>
      <c r="NM8" s="53" t="s">
        <v>43</v>
      </c>
      <c r="NN8" s="51" t="s">
        <v>44</v>
      </c>
      <c r="NO8" s="52" t="s">
        <v>45</v>
      </c>
      <c r="NP8" s="37" t="s">
        <v>83</v>
      </c>
      <c r="NQ8" s="51" t="s">
        <v>47</v>
      </c>
      <c r="NR8" s="51" t="s">
        <v>48</v>
      </c>
      <c r="NS8" s="51" t="s">
        <v>49</v>
      </c>
      <c r="NT8" s="51" t="s">
        <v>50</v>
      </c>
      <c r="NU8" s="51" t="s">
        <v>51</v>
      </c>
      <c r="NV8" s="54" t="s">
        <v>45</v>
      </c>
      <c r="NW8" s="626"/>
      <c r="NX8" s="53" t="s">
        <v>43</v>
      </c>
      <c r="NY8" s="51" t="s">
        <v>44</v>
      </c>
      <c r="NZ8" s="52" t="s">
        <v>45</v>
      </c>
      <c r="OA8" s="37" t="s">
        <v>83</v>
      </c>
      <c r="OB8" s="51" t="s">
        <v>47</v>
      </c>
      <c r="OC8" s="51" t="s">
        <v>48</v>
      </c>
      <c r="OD8" s="51" t="s">
        <v>49</v>
      </c>
      <c r="OE8" s="51" t="s">
        <v>50</v>
      </c>
      <c r="OF8" s="51" t="s">
        <v>51</v>
      </c>
      <c r="OG8" s="54" t="s">
        <v>45</v>
      </c>
      <c r="OH8" s="626"/>
      <c r="OI8" s="53" t="s">
        <v>43</v>
      </c>
      <c r="OJ8" s="51" t="s">
        <v>44</v>
      </c>
      <c r="OK8" s="52" t="s">
        <v>45</v>
      </c>
      <c r="OL8" s="28" t="s">
        <v>83</v>
      </c>
      <c r="OM8" s="51" t="s">
        <v>47</v>
      </c>
      <c r="ON8" s="51" t="s">
        <v>48</v>
      </c>
      <c r="OO8" s="51" t="s">
        <v>49</v>
      </c>
      <c r="OP8" s="51" t="s">
        <v>50</v>
      </c>
      <c r="OQ8" s="51" t="s">
        <v>51</v>
      </c>
      <c r="OR8" s="54" t="s">
        <v>45</v>
      </c>
      <c r="OS8" s="626"/>
    </row>
    <row r="9" spans="1:409" s="403" customFormat="1" ht="21" customHeight="1" x14ac:dyDescent="0.2">
      <c r="A9" s="39"/>
      <c r="B9" s="470" t="s">
        <v>4</v>
      </c>
      <c r="C9" s="360">
        <v>410626459</v>
      </c>
      <c r="D9" s="361">
        <v>872612280</v>
      </c>
      <c r="E9" s="362">
        <v>1283238739</v>
      </c>
      <c r="F9" s="363">
        <v>0</v>
      </c>
      <c r="G9" s="361">
        <v>5314577946</v>
      </c>
      <c r="H9" s="361">
        <v>7366902826</v>
      </c>
      <c r="I9" s="361">
        <v>6172709731</v>
      </c>
      <c r="J9" s="361">
        <v>5828313849</v>
      </c>
      <c r="K9" s="361">
        <v>4387410659</v>
      </c>
      <c r="L9" s="364">
        <v>29069915011</v>
      </c>
      <c r="M9" s="365">
        <v>30353153750</v>
      </c>
      <c r="N9" s="360">
        <v>103368039</v>
      </c>
      <c r="O9" s="361">
        <v>266582527</v>
      </c>
      <c r="P9" s="366">
        <v>369950566</v>
      </c>
      <c r="Q9" s="360">
        <v>0</v>
      </c>
      <c r="R9" s="361">
        <v>1548235797</v>
      </c>
      <c r="S9" s="361">
        <v>2423487189</v>
      </c>
      <c r="T9" s="361">
        <v>2087362260</v>
      </c>
      <c r="U9" s="361">
        <v>2257775897</v>
      </c>
      <c r="V9" s="361">
        <v>2264032110</v>
      </c>
      <c r="W9" s="366">
        <v>10580893253</v>
      </c>
      <c r="X9" s="365">
        <v>10950843819</v>
      </c>
      <c r="Y9" s="360">
        <v>0</v>
      </c>
      <c r="Z9" s="361">
        <v>97056</v>
      </c>
      <c r="AA9" s="366">
        <v>97056</v>
      </c>
      <c r="AB9" s="367">
        <v>0</v>
      </c>
      <c r="AC9" s="368">
        <v>735833087</v>
      </c>
      <c r="AD9" s="368">
        <v>1182160984</v>
      </c>
      <c r="AE9" s="368">
        <v>1160732217</v>
      </c>
      <c r="AF9" s="368">
        <v>1319977869</v>
      </c>
      <c r="AG9" s="368">
        <v>1318795580</v>
      </c>
      <c r="AH9" s="366">
        <v>5717499737</v>
      </c>
      <c r="AI9" s="365">
        <v>5717596793</v>
      </c>
      <c r="AJ9" s="369">
        <v>73447</v>
      </c>
      <c r="AK9" s="368">
        <v>513974</v>
      </c>
      <c r="AL9" s="366">
        <v>587421</v>
      </c>
      <c r="AM9" s="367">
        <v>0</v>
      </c>
      <c r="AN9" s="368">
        <v>5286170</v>
      </c>
      <c r="AO9" s="364">
        <v>24052879</v>
      </c>
      <c r="AP9" s="368">
        <v>48803636</v>
      </c>
      <c r="AQ9" s="368">
        <v>124053104</v>
      </c>
      <c r="AR9" s="368">
        <v>246453370</v>
      </c>
      <c r="AS9" s="366">
        <v>448649159</v>
      </c>
      <c r="AT9" s="365">
        <v>449236580</v>
      </c>
      <c r="AU9" s="369">
        <v>58587254</v>
      </c>
      <c r="AV9" s="368">
        <v>189218021</v>
      </c>
      <c r="AW9" s="366">
        <v>247805275</v>
      </c>
      <c r="AX9" s="367">
        <v>0</v>
      </c>
      <c r="AY9" s="368">
        <v>500550403</v>
      </c>
      <c r="AZ9" s="368">
        <v>813497606</v>
      </c>
      <c r="BA9" s="368">
        <v>526563058</v>
      </c>
      <c r="BB9" s="368">
        <v>473384712</v>
      </c>
      <c r="BC9" s="368">
        <v>441642704</v>
      </c>
      <c r="BD9" s="366">
        <v>2755638483</v>
      </c>
      <c r="BE9" s="370">
        <v>3003443758</v>
      </c>
      <c r="BF9" s="369">
        <v>6985757</v>
      </c>
      <c r="BG9" s="364">
        <v>28259610</v>
      </c>
      <c r="BH9" s="371">
        <v>35245367</v>
      </c>
      <c r="BI9" s="367">
        <v>0</v>
      </c>
      <c r="BJ9" s="368">
        <v>40635414</v>
      </c>
      <c r="BK9" s="368">
        <v>69473315</v>
      </c>
      <c r="BL9" s="368">
        <v>45150717</v>
      </c>
      <c r="BM9" s="368">
        <v>38818982</v>
      </c>
      <c r="BN9" s="368">
        <v>23463381</v>
      </c>
      <c r="BO9" s="366">
        <v>217541809</v>
      </c>
      <c r="BP9" s="365">
        <v>252787176</v>
      </c>
      <c r="BQ9" s="369">
        <v>37721581</v>
      </c>
      <c r="BR9" s="368">
        <v>48493866</v>
      </c>
      <c r="BS9" s="366">
        <v>86215447</v>
      </c>
      <c r="BT9" s="367">
        <v>0</v>
      </c>
      <c r="BU9" s="368">
        <v>265930723</v>
      </c>
      <c r="BV9" s="368">
        <v>334302405</v>
      </c>
      <c r="BW9" s="368">
        <v>306112632</v>
      </c>
      <c r="BX9" s="368">
        <v>301541230</v>
      </c>
      <c r="BY9" s="368">
        <v>233677075</v>
      </c>
      <c r="BZ9" s="366">
        <v>1441564065</v>
      </c>
      <c r="CA9" s="365">
        <v>1527779512</v>
      </c>
      <c r="CB9" s="369">
        <v>39576935</v>
      </c>
      <c r="CC9" s="368">
        <v>119450101</v>
      </c>
      <c r="CD9" s="366">
        <v>159027036</v>
      </c>
      <c r="CE9" s="367">
        <v>0</v>
      </c>
      <c r="CF9" s="368">
        <v>1454341797</v>
      </c>
      <c r="CG9" s="368">
        <v>1967520041</v>
      </c>
      <c r="CH9" s="372">
        <v>1399659956</v>
      </c>
      <c r="CI9" s="368">
        <v>924008033</v>
      </c>
      <c r="CJ9" s="368">
        <v>457142238</v>
      </c>
      <c r="CK9" s="366">
        <v>6202672065</v>
      </c>
      <c r="CL9" s="365">
        <v>6361699101</v>
      </c>
      <c r="CM9" s="360">
        <v>0</v>
      </c>
      <c r="CN9" s="361">
        <v>0</v>
      </c>
      <c r="CO9" s="366">
        <v>0</v>
      </c>
      <c r="CP9" s="367">
        <v>0</v>
      </c>
      <c r="CQ9" s="368">
        <v>1228314514</v>
      </c>
      <c r="CR9" s="368">
        <v>1547377068</v>
      </c>
      <c r="CS9" s="368">
        <v>1096562622</v>
      </c>
      <c r="CT9" s="368">
        <v>707814874</v>
      </c>
      <c r="CU9" s="368">
        <v>374612885</v>
      </c>
      <c r="CV9" s="373">
        <v>4954681963</v>
      </c>
      <c r="CW9" s="365">
        <v>4954681963</v>
      </c>
      <c r="CX9" s="369">
        <v>39576935</v>
      </c>
      <c r="CY9" s="368">
        <v>119450101</v>
      </c>
      <c r="CZ9" s="366">
        <v>159027036</v>
      </c>
      <c r="DA9" s="367">
        <v>0</v>
      </c>
      <c r="DB9" s="368">
        <v>226027283</v>
      </c>
      <c r="DC9" s="368">
        <v>420142973</v>
      </c>
      <c r="DD9" s="368">
        <v>303097334</v>
      </c>
      <c r="DE9" s="368">
        <v>216193159</v>
      </c>
      <c r="DF9" s="368">
        <v>82529353</v>
      </c>
      <c r="DG9" s="366">
        <v>1247990102</v>
      </c>
      <c r="DH9" s="365">
        <v>1407017138</v>
      </c>
      <c r="DI9" s="369">
        <v>2071309</v>
      </c>
      <c r="DJ9" s="368">
        <v>10069490</v>
      </c>
      <c r="DK9" s="371">
        <v>12140799</v>
      </c>
      <c r="DL9" s="367">
        <v>0</v>
      </c>
      <c r="DM9" s="368">
        <v>140776230</v>
      </c>
      <c r="DN9" s="368">
        <v>303672426</v>
      </c>
      <c r="DO9" s="368">
        <v>557672979</v>
      </c>
      <c r="DP9" s="368">
        <v>474334808</v>
      </c>
      <c r="DQ9" s="368">
        <v>268072266</v>
      </c>
      <c r="DR9" s="374">
        <v>1744528709</v>
      </c>
      <c r="DS9" s="365">
        <v>1756669508</v>
      </c>
      <c r="DT9" s="369">
        <v>1969884</v>
      </c>
      <c r="DU9" s="368">
        <v>9322212</v>
      </c>
      <c r="DV9" s="366">
        <v>11292096</v>
      </c>
      <c r="DW9" s="367">
        <v>0</v>
      </c>
      <c r="DX9" s="368">
        <v>126671697</v>
      </c>
      <c r="DY9" s="368">
        <v>268148676</v>
      </c>
      <c r="DZ9" s="368">
        <v>504114767</v>
      </c>
      <c r="EA9" s="368">
        <v>414945080</v>
      </c>
      <c r="EB9" s="368">
        <v>227290963</v>
      </c>
      <c r="EC9" s="366">
        <v>1541171183</v>
      </c>
      <c r="ED9" s="365">
        <v>1552463279</v>
      </c>
      <c r="EE9" s="369">
        <v>101425</v>
      </c>
      <c r="EF9" s="364">
        <v>747278</v>
      </c>
      <c r="EG9" s="366">
        <v>848703</v>
      </c>
      <c r="EH9" s="370">
        <v>0</v>
      </c>
      <c r="EI9" s="368">
        <v>14104533</v>
      </c>
      <c r="EJ9" s="368">
        <v>35523750</v>
      </c>
      <c r="EK9" s="368">
        <v>53558212</v>
      </c>
      <c r="EL9" s="368">
        <v>59389728</v>
      </c>
      <c r="EM9" s="372">
        <v>40670612</v>
      </c>
      <c r="EN9" s="364">
        <v>203246835</v>
      </c>
      <c r="EO9" s="365">
        <v>204095538</v>
      </c>
      <c r="EP9" s="369">
        <v>0</v>
      </c>
      <c r="EQ9" s="368">
        <v>0</v>
      </c>
      <c r="ER9" s="364">
        <v>0</v>
      </c>
      <c r="ES9" s="367">
        <v>0</v>
      </c>
      <c r="ET9" s="368">
        <v>0</v>
      </c>
      <c r="EU9" s="368">
        <v>0</v>
      </c>
      <c r="EV9" s="368">
        <v>0</v>
      </c>
      <c r="EW9" s="368">
        <v>0</v>
      </c>
      <c r="EX9" s="368">
        <v>110691</v>
      </c>
      <c r="EY9" s="373">
        <v>110691</v>
      </c>
      <c r="EZ9" s="365">
        <v>110691</v>
      </c>
      <c r="FA9" s="369">
        <v>0</v>
      </c>
      <c r="FB9" s="368">
        <v>0</v>
      </c>
      <c r="FC9" s="364">
        <v>0</v>
      </c>
      <c r="FD9" s="375"/>
      <c r="FE9" s="368">
        <v>0</v>
      </c>
      <c r="FF9" s="368">
        <v>0</v>
      </c>
      <c r="FG9" s="368">
        <v>0</v>
      </c>
      <c r="FH9" s="368">
        <v>0</v>
      </c>
      <c r="FI9" s="368">
        <v>0</v>
      </c>
      <c r="FJ9" s="373">
        <v>0</v>
      </c>
      <c r="FK9" s="365">
        <v>0</v>
      </c>
      <c r="FL9" s="369">
        <v>92017393</v>
      </c>
      <c r="FM9" s="368">
        <v>204520305</v>
      </c>
      <c r="FN9" s="366">
        <v>296537698</v>
      </c>
      <c r="FO9" s="367">
        <v>0</v>
      </c>
      <c r="FP9" s="368">
        <v>256368258</v>
      </c>
      <c r="FQ9" s="368">
        <v>656769772</v>
      </c>
      <c r="FR9" s="368">
        <v>462884613</v>
      </c>
      <c r="FS9" s="368">
        <v>424706299</v>
      </c>
      <c r="FT9" s="368">
        <v>306620855</v>
      </c>
      <c r="FU9" s="366">
        <v>2107349797</v>
      </c>
      <c r="FV9" s="365">
        <v>2403887495</v>
      </c>
      <c r="FW9" s="369">
        <v>55975067</v>
      </c>
      <c r="FX9" s="368">
        <v>153761078</v>
      </c>
      <c r="FY9" s="364">
        <v>209736145</v>
      </c>
      <c r="FZ9" s="370">
        <v>0</v>
      </c>
      <c r="GA9" s="368">
        <v>204436727</v>
      </c>
      <c r="GB9" s="376">
        <v>604807743</v>
      </c>
      <c r="GC9" s="368">
        <v>432649259</v>
      </c>
      <c r="GD9" s="376">
        <v>393621559</v>
      </c>
      <c r="GE9" s="368">
        <v>295471347</v>
      </c>
      <c r="GF9" s="373">
        <v>1930986635</v>
      </c>
      <c r="GG9" s="377">
        <v>2140722780</v>
      </c>
      <c r="GH9" s="378">
        <v>5579351</v>
      </c>
      <c r="GI9" s="368">
        <v>12121446</v>
      </c>
      <c r="GJ9" s="376">
        <v>17700797</v>
      </c>
      <c r="GK9" s="363">
        <v>0</v>
      </c>
      <c r="GL9" s="368">
        <v>13981193</v>
      </c>
      <c r="GM9" s="364">
        <v>18419974</v>
      </c>
      <c r="GN9" s="368">
        <v>12291011</v>
      </c>
      <c r="GO9" s="364">
        <v>12713262</v>
      </c>
      <c r="GP9" s="368">
        <v>5436205</v>
      </c>
      <c r="GQ9" s="374">
        <v>62841645</v>
      </c>
      <c r="GR9" s="365">
        <v>80542442</v>
      </c>
      <c r="GS9" s="364">
        <v>30462975</v>
      </c>
      <c r="GT9" s="368">
        <v>38637781</v>
      </c>
      <c r="GU9" s="366">
        <v>69100756</v>
      </c>
      <c r="GV9" s="364">
        <v>0</v>
      </c>
      <c r="GW9" s="368">
        <v>37950338</v>
      </c>
      <c r="GX9" s="364">
        <v>33542055</v>
      </c>
      <c r="GY9" s="368">
        <v>17944343</v>
      </c>
      <c r="GZ9" s="364">
        <v>18371478</v>
      </c>
      <c r="HA9" s="368">
        <v>5713303</v>
      </c>
      <c r="HB9" s="364">
        <v>113521517</v>
      </c>
      <c r="HC9" s="365">
        <v>182622273</v>
      </c>
      <c r="HD9" s="364">
        <v>99884958</v>
      </c>
      <c r="HE9" s="368">
        <v>126301246</v>
      </c>
      <c r="HF9" s="364">
        <v>226186204</v>
      </c>
      <c r="HG9" s="370">
        <v>0</v>
      </c>
      <c r="HH9" s="368">
        <v>1057015199</v>
      </c>
      <c r="HI9" s="376">
        <v>1088447077</v>
      </c>
      <c r="HJ9" s="368">
        <v>1064880443</v>
      </c>
      <c r="HK9" s="376">
        <v>1329296183</v>
      </c>
      <c r="HL9" s="368">
        <v>837848016</v>
      </c>
      <c r="HM9" s="373">
        <v>5377486918</v>
      </c>
      <c r="HN9" s="364">
        <v>5603673122</v>
      </c>
      <c r="HO9" s="378">
        <v>73707825</v>
      </c>
      <c r="HP9" s="368">
        <v>145688611</v>
      </c>
      <c r="HQ9" s="373">
        <v>219396436</v>
      </c>
      <c r="HR9" s="364">
        <v>0</v>
      </c>
      <c r="HS9" s="368">
        <v>857840665</v>
      </c>
      <c r="HT9" s="364">
        <v>927006321</v>
      </c>
      <c r="HU9" s="368">
        <v>600249480</v>
      </c>
      <c r="HV9" s="364">
        <v>418192629</v>
      </c>
      <c r="HW9" s="368">
        <v>253695174</v>
      </c>
      <c r="HX9" s="364">
        <v>3056984269</v>
      </c>
      <c r="HY9" s="365">
        <v>3276380705</v>
      </c>
      <c r="HZ9" s="379">
        <v>9152841</v>
      </c>
      <c r="IA9" s="380">
        <v>36323023</v>
      </c>
      <c r="IB9" s="381">
        <v>45475864</v>
      </c>
      <c r="IC9" s="382">
        <v>0</v>
      </c>
      <c r="ID9" s="380">
        <v>1637489116</v>
      </c>
      <c r="IE9" s="383">
        <v>2235579333</v>
      </c>
      <c r="IF9" s="384">
        <v>2381988153</v>
      </c>
      <c r="IG9" s="380">
        <v>1763397010</v>
      </c>
      <c r="IH9" s="384">
        <v>1297485770</v>
      </c>
      <c r="II9" s="385">
        <v>9315939382</v>
      </c>
      <c r="IJ9" s="386">
        <v>9361415246</v>
      </c>
      <c r="IK9" s="387">
        <v>0</v>
      </c>
      <c r="IL9" s="388">
        <v>0</v>
      </c>
      <c r="IM9" s="389">
        <v>0</v>
      </c>
      <c r="IN9" s="375"/>
      <c r="IO9" s="391">
        <v>25031982</v>
      </c>
      <c r="IP9" s="391">
        <v>52031780</v>
      </c>
      <c r="IQ9" s="391">
        <v>68451438</v>
      </c>
      <c r="IR9" s="391">
        <v>99775400</v>
      </c>
      <c r="IS9" s="391">
        <v>115935541</v>
      </c>
      <c r="IT9" s="392">
        <v>361226141</v>
      </c>
      <c r="IU9" s="393">
        <v>361226141</v>
      </c>
      <c r="IV9" s="394">
        <v>0</v>
      </c>
      <c r="IW9" s="391">
        <v>0</v>
      </c>
      <c r="IX9" s="395">
        <v>0</v>
      </c>
      <c r="IY9" s="375"/>
      <c r="IZ9" s="391">
        <v>3404275</v>
      </c>
      <c r="JA9" s="391">
        <v>10531123</v>
      </c>
      <c r="JB9" s="391">
        <v>11902557</v>
      </c>
      <c r="JC9" s="391">
        <v>14687761</v>
      </c>
      <c r="JD9" s="391">
        <v>17486179</v>
      </c>
      <c r="JE9" s="395">
        <v>58011895</v>
      </c>
      <c r="JF9" s="397">
        <v>58011895</v>
      </c>
      <c r="JG9" s="394">
        <v>0</v>
      </c>
      <c r="JH9" s="391">
        <v>60407</v>
      </c>
      <c r="JI9" s="392">
        <v>60407</v>
      </c>
      <c r="JJ9" s="398">
        <v>0</v>
      </c>
      <c r="JK9" s="391">
        <v>645416538</v>
      </c>
      <c r="JL9" s="391">
        <v>787920593</v>
      </c>
      <c r="JM9" s="391">
        <v>584633953</v>
      </c>
      <c r="JN9" s="391">
        <v>355611276</v>
      </c>
      <c r="JO9" s="391">
        <v>190671520</v>
      </c>
      <c r="JP9" s="395">
        <v>2564253880</v>
      </c>
      <c r="JQ9" s="393">
        <v>2564314287</v>
      </c>
      <c r="JR9" s="394">
        <v>186674</v>
      </c>
      <c r="JS9" s="391">
        <v>451772</v>
      </c>
      <c r="JT9" s="392">
        <v>638446</v>
      </c>
      <c r="JU9" s="398">
        <v>0</v>
      </c>
      <c r="JV9" s="391">
        <v>69271147</v>
      </c>
      <c r="JW9" s="391">
        <v>109854451</v>
      </c>
      <c r="JX9" s="391">
        <v>160279476</v>
      </c>
      <c r="JY9" s="391">
        <v>95115946</v>
      </c>
      <c r="JZ9" s="391">
        <v>74397976</v>
      </c>
      <c r="KA9" s="395">
        <v>508918996</v>
      </c>
      <c r="KB9" s="393">
        <v>509557442</v>
      </c>
      <c r="KC9" s="399">
        <v>8966167</v>
      </c>
      <c r="KD9" s="400">
        <v>25065040</v>
      </c>
      <c r="KE9" s="395">
        <v>34031207</v>
      </c>
      <c r="KF9" s="398">
        <v>0</v>
      </c>
      <c r="KG9" s="391">
        <v>200381286</v>
      </c>
      <c r="KH9" s="391">
        <v>307851609</v>
      </c>
      <c r="KI9" s="391">
        <v>369460615</v>
      </c>
      <c r="KJ9" s="391">
        <v>276071128</v>
      </c>
      <c r="KK9" s="391">
        <v>168184332</v>
      </c>
      <c r="KL9" s="395">
        <v>1321948970</v>
      </c>
      <c r="KM9" s="401">
        <v>1355980177</v>
      </c>
      <c r="KN9" s="387">
        <v>0</v>
      </c>
      <c r="KO9" s="388">
        <v>10745804</v>
      </c>
      <c r="KP9" s="389">
        <v>10745804</v>
      </c>
      <c r="KQ9" s="390"/>
      <c r="KR9" s="391">
        <v>656082261</v>
      </c>
      <c r="KS9" s="391">
        <v>884740916</v>
      </c>
      <c r="KT9" s="391">
        <v>1032901401</v>
      </c>
      <c r="KU9" s="391">
        <v>695678321</v>
      </c>
      <c r="KV9" s="391">
        <v>484169936</v>
      </c>
      <c r="KW9" s="395">
        <v>3753572835</v>
      </c>
      <c r="KX9" s="393">
        <v>3764318639</v>
      </c>
      <c r="KY9" s="394">
        <v>0</v>
      </c>
      <c r="KZ9" s="391">
        <v>0</v>
      </c>
      <c r="LA9" s="395">
        <v>0</v>
      </c>
      <c r="LB9" s="402"/>
      <c r="LC9" s="391">
        <v>7384870</v>
      </c>
      <c r="LD9" s="391">
        <v>7989032</v>
      </c>
      <c r="LE9" s="391">
        <v>14218815</v>
      </c>
      <c r="LF9" s="391">
        <v>14453805</v>
      </c>
      <c r="LG9" s="391">
        <v>14001290</v>
      </c>
      <c r="LH9" s="395">
        <v>58047812</v>
      </c>
      <c r="LI9" s="397">
        <v>58047812</v>
      </c>
      <c r="LJ9" s="394">
        <v>0</v>
      </c>
      <c r="LK9" s="391">
        <v>0</v>
      </c>
      <c r="LL9" s="395">
        <v>0</v>
      </c>
      <c r="LM9" s="402"/>
      <c r="LN9" s="391">
        <v>1646873</v>
      </c>
      <c r="LO9" s="391">
        <v>6991213</v>
      </c>
      <c r="LP9" s="391">
        <v>58675876</v>
      </c>
      <c r="LQ9" s="391">
        <v>96942460</v>
      </c>
      <c r="LR9" s="391">
        <v>74801782</v>
      </c>
      <c r="LS9" s="395">
        <v>239058204</v>
      </c>
      <c r="LT9" s="393">
        <v>239058204</v>
      </c>
      <c r="LU9" s="394">
        <v>0</v>
      </c>
      <c r="LV9" s="391">
        <v>0</v>
      </c>
      <c r="LW9" s="395">
        <v>0</v>
      </c>
      <c r="LX9" s="402"/>
      <c r="LY9" s="391">
        <v>28869884</v>
      </c>
      <c r="LZ9" s="391">
        <v>67668616</v>
      </c>
      <c r="MA9" s="391">
        <v>81464022</v>
      </c>
      <c r="MB9" s="391">
        <v>115060913</v>
      </c>
      <c r="MC9" s="391">
        <v>157837214</v>
      </c>
      <c r="MD9" s="395">
        <v>450900649</v>
      </c>
      <c r="ME9" s="397">
        <v>450900649</v>
      </c>
      <c r="MF9" s="394">
        <v>0</v>
      </c>
      <c r="MG9" s="391">
        <v>0</v>
      </c>
      <c r="MH9" s="395">
        <v>0</v>
      </c>
      <c r="MI9" s="402"/>
      <c r="MJ9" s="391">
        <v>547650781</v>
      </c>
      <c r="MK9" s="391">
        <v>1390152165</v>
      </c>
      <c r="ML9" s="391">
        <v>4175030916</v>
      </c>
      <c r="MM9" s="391">
        <v>6341486048</v>
      </c>
      <c r="MN9" s="391">
        <v>4427086018</v>
      </c>
      <c r="MO9" s="395">
        <v>16881405928</v>
      </c>
      <c r="MP9" s="401">
        <v>16881405928</v>
      </c>
      <c r="MQ9" s="394">
        <v>0</v>
      </c>
      <c r="MR9" s="391">
        <v>0</v>
      </c>
      <c r="MS9" s="395">
        <v>0</v>
      </c>
      <c r="MT9" s="402"/>
      <c r="MU9" s="391">
        <v>107105414</v>
      </c>
      <c r="MV9" s="391">
        <v>407995646</v>
      </c>
      <c r="MW9" s="391">
        <v>2685949441</v>
      </c>
      <c r="MX9" s="391">
        <v>4310099876</v>
      </c>
      <c r="MY9" s="391">
        <v>3156331791</v>
      </c>
      <c r="MZ9" s="395">
        <v>10667482168</v>
      </c>
      <c r="NA9" s="401">
        <v>10667482168</v>
      </c>
      <c r="NB9" s="394">
        <v>0</v>
      </c>
      <c r="NC9" s="391">
        <v>0</v>
      </c>
      <c r="ND9" s="395">
        <v>0</v>
      </c>
      <c r="NE9" s="402"/>
      <c r="NF9" s="391">
        <v>437443266</v>
      </c>
      <c r="NG9" s="391">
        <v>975320716</v>
      </c>
      <c r="NH9" s="391">
        <v>1465118768</v>
      </c>
      <c r="NI9" s="391">
        <v>1857943176</v>
      </c>
      <c r="NJ9" s="391">
        <v>1034140432</v>
      </c>
      <c r="NK9" s="395">
        <v>5769966358</v>
      </c>
      <c r="NL9" s="393">
        <v>5769966358</v>
      </c>
      <c r="NM9" s="394">
        <v>0</v>
      </c>
      <c r="NN9" s="391">
        <v>0</v>
      </c>
      <c r="NO9" s="395">
        <v>0</v>
      </c>
      <c r="NP9" s="402"/>
      <c r="NQ9" s="391">
        <v>214533</v>
      </c>
      <c r="NR9" s="391">
        <v>0</v>
      </c>
      <c r="NS9" s="391">
        <v>2106719</v>
      </c>
      <c r="NT9" s="391">
        <v>37964644</v>
      </c>
      <c r="NU9" s="391">
        <v>50584859</v>
      </c>
      <c r="NV9" s="395">
        <v>90870755</v>
      </c>
      <c r="NW9" s="397">
        <v>90870755</v>
      </c>
      <c r="NX9" s="394">
        <v>0</v>
      </c>
      <c r="NY9" s="391">
        <v>0</v>
      </c>
      <c r="NZ9" s="395">
        <v>0</v>
      </c>
      <c r="OA9" s="402"/>
      <c r="OB9" s="391">
        <v>2887568</v>
      </c>
      <c r="OC9" s="391">
        <v>6835803</v>
      </c>
      <c r="OD9" s="391">
        <v>21855988</v>
      </c>
      <c r="OE9" s="391">
        <v>135478352</v>
      </c>
      <c r="OF9" s="391">
        <v>186028936</v>
      </c>
      <c r="OG9" s="395">
        <v>353086647</v>
      </c>
      <c r="OH9" s="397">
        <v>353086647</v>
      </c>
      <c r="OI9" s="394">
        <v>419779300</v>
      </c>
      <c r="OJ9" s="391">
        <v>908935303</v>
      </c>
      <c r="OK9" s="392">
        <v>1328714603</v>
      </c>
      <c r="OL9" s="398">
        <v>0</v>
      </c>
      <c r="OM9" s="391">
        <v>7499717843</v>
      </c>
      <c r="ON9" s="391">
        <v>10992634324</v>
      </c>
      <c r="OO9" s="391">
        <v>12729728800</v>
      </c>
      <c r="OP9" s="391">
        <v>13933196907</v>
      </c>
      <c r="OQ9" s="391">
        <v>10111982447</v>
      </c>
      <c r="OR9" s="395">
        <v>55267260321</v>
      </c>
      <c r="OS9" s="401">
        <v>56595974924</v>
      </c>
    </row>
    <row r="10" spans="1:409" s="403" customFormat="1" ht="21" customHeight="1" x14ac:dyDescent="0.2">
      <c r="A10" s="39"/>
      <c r="B10" s="471" t="s">
        <v>5</v>
      </c>
      <c r="C10" s="404">
        <v>164802933</v>
      </c>
      <c r="D10" s="405">
        <v>417242137</v>
      </c>
      <c r="E10" s="406">
        <v>582045070</v>
      </c>
      <c r="F10" s="407">
        <v>0</v>
      </c>
      <c r="G10" s="405">
        <v>1839062244</v>
      </c>
      <c r="H10" s="405">
        <v>3320845122</v>
      </c>
      <c r="I10" s="405">
        <v>2558698778</v>
      </c>
      <c r="J10" s="405">
        <v>2346889777</v>
      </c>
      <c r="K10" s="405">
        <v>1800020219</v>
      </c>
      <c r="L10" s="407">
        <v>11865516140</v>
      </c>
      <c r="M10" s="408">
        <v>12447561210</v>
      </c>
      <c r="N10" s="404">
        <v>44786713</v>
      </c>
      <c r="O10" s="405">
        <v>143289469</v>
      </c>
      <c r="P10" s="406">
        <v>188076182</v>
      </c>
      <c r="Q10" s="404">
        <v>0</v>
      </c>
      <c r="R10" s="405">
        <v>548742973</v>
      </c>
      <c r="S10" s="405">
        <v>1141324663</v>
      </c>
      <c r="T10" s="405">
        <v>884595252</v>
      </c>
      <c r="U10" s="405">
        <v>892977485</v>
      </c>
      <c r="V10" s="405">
        <v>930865331</v>
      </c>
      <c r="W10" s="406">
        <v>4398505704</v>
      </c>
      <c r="X10" s="408">
        <v>4586581886</v>
      </c>
      <c r="Y10" s="404">
        <v>0</v>
      </c>
      <c r="Z10" s="405">
        <v>0</v>
      </c>
      <c r="AA10" s="406">
        <v>0</v>
      </c>
      <c r="AB10" s="404">
        <v>0</v>
      </c>
      <c r="AC10" s="405">
        <v>250517719</v>
      </c>
      <c r="AD10" s="405">
        <v>527759375</v>
      </c>
      <c r="AE10" s="405">
        <v>450308891</v>
      </c>
      <c r="AF10" s="405">
        <v>477914105</v>
      </c>
      <c r="AG10" s="405">
        <v>510234981</v>
      </c>
      <c r="AH10" s="406">
        <v>2216735071</v>
      </c>
      <c r="AI10" s="408">
        <v>2216735071</v>
      </c>
      <c r="AJ10" s="404">
        <v>54953</v>
      </c>
      <c r="AK10" s="405">
        <v>207571</v>
      </c>
      <c r="AL10" s="406">
        <v>262524</v>
      </c>
      <c r="AM10" s="404">
        <v>0</v>
      </c>
      <c r="AN10" s="405">
        <v>1014032</v>
      </c>
      <c r="AO10" s="405">
        <v>8313464</v>
      </c>
      <c r="AP10" s="405">
        <v>19252690</v>
      </c>
      <c r="AQ10" s="405">
        <v>50524863</v>
      </c>
      <c r="AR10" s="405">
        <v>110656811</v>
      </c>
      <c r="AS10" s="406">
        <v>189761860</v>
      </c>
      <c r="AT10" s="408">
        <v>190024384</v>
      </c>
      <c r="AU10" s="404">
        <v>25700403</v>
      </c>
      <c r="AV10" s="405">
        <v>103356012</v>
      </c>
      <c r="AW10" s="406">
        <v>129056415</v>
      </c>
      <c r="AX10" s="404">
        <v>0</v>
      </c>
      <c r="AY10" s="405">
        <v>184319087</v>
      </c>
      <c r="AZ10" s="405">
        <v>428408337</v>
      </c>
      <c r="BA10" s="405">
        <v>269240906</v>
      </c>
      <c r="BB10" s="405">
        <v>223434235</v>
      </c>
      <c r="BC10" s="405">
        <v>202419998</v>
      </c>
      <c r="BD10" s="406">
        <v>1307822563</v>
      </c>
      <c r="BE10" s="408">
        <v>1436878978</v>
      </c>
      <c r="BF10" s="404">
        <v>2480070</v>
      </c>
      <c r="BG10" s="405">
        <v>15104967</v>
      </c>
      <c r="BH10" s="409">
        <v>17585037</v>
      </c>
      <c r="BI10" s="410">
        <v>0</v>
      </c>
      <c r="BJ10" s="405">
        <v>10309714</v>
      </c>
      <c r="BK10" s="405">
        <v>28094094</v>
      </c>
      <c r="BL10" s="405">
        <v>18336081</v>
      </c>
      <c r="BM10" s="405">
        <v>16369775</v>
      </c>
      <c r="BN10" s="405">
        <v>10222767</v>
      </c>
      <c r="BO10" s="406">
        <v>83332431</v>
      </c>
      <c r="BP10" s="408">
        <v>100917468</v>
      </c>
      <c r="BQ10" s="404">
        <v>16551287</v>
      </c>
      <c r="BR10" s="405">
        <v>24620919</v>
      </c>
      <c r="BS10" s="406">
        <v>41172206</v>
      </c>
      <c r="BT10" s="404">
        <v>0</v>
      </c>
      <c r="BU10" s="405">
        <v>102582421</v>
      </c>
      <c r="BV10" s="405">
        <v>148749393</v>
      </c>
      <c r="BW10" s="405">
        <v>127456684</v>
      </c>
      <c r="BX10" s="405">
        <v>124734507</v>
      </c>
      <c r="BY10" s="405">
        <v>97330774</v>
      </c>
      <c r="BZ10" s="406">
        <v>600853779</v>
      </c>
      <c r="CA10" s="408">
        <v>642025985</v>
      </c>
      <c r="CB10" s="404">
        <v>17527982</v>
      </c>
      <c r="CC10" s="405">
        <v>57156800</v>
      </c>
      <c r="CD10" s="406">
        <v>74684782</v>
      </c>
      <c r="CE10" s="404">
        <v>0</v>
      </c>
      <c r="CF10" s="405">
        <v>454356317</v>
      </c>
      <c r="CG10" s="405">
        <v>818812721</v>
      </c>
      <c r="CH10" s="405">
        <v>526261701</v>
      </c>
      <c r="CI10" s="405">
        <v>334691756</v>
      </c>
      <c r="CJ10" s="405">
        <v>164092120</v>
      </c>
      <c r="CK10" s="406">
        <v>2298214615</v>
      </c>
      <c r="CL10" s="408">
        <v>2372899397</v>
      </c>
      <c r="CM10" s="404">
        <v>0</v>
      </c>
      <c r="CN10" s="405">
        <v>0</v>
      </c>
      <c r="CO10" s="406">
        <v>0</v>
      </c>
      <c r="CP10" s="410">
        <v>0</v>
      </c>
      <c r="CQ10" s="405">
        <v>386594800</v>
      </c>
      <c r="CR10" s="405">
        <v>629512832</v>
      </c>
      <c r="CS10" s="405">
        <v>393275233</v>
      </c>
      <c r="CT10" s="405">
        <v>240005754</v>
      </c>
      <c r="CU10" s="405">
        <v>129781290</v>
      </c>
      <c r="CV10" s="406">
        <v>1779169909</v>
      </c>
      <c r="CW10" s="408">
        <v>1779169909</v>
      </c>
      <c r="CX10" s="404">
        <v>17527982</v>
      </c>
      <c r="CY10" s="405">
        <v>57156800</v>
      </c>
      <c r="CZ10" s="406">
        <v>74684782</v>
      </c>
      <c r="DA10" s="404">
        <v>0</v>
      </c>
      <c r="DB10" s="405">
        <v>67761517</v>
      </c>
      <c r="DC10" s="405">
        <v>189299889</v>
      </c>
      <c r="DD10" s="405">
        <v>132986468</v>
      </c>
      <c r="DE10" s="405">
        <v>94686002</v>
      </c>
      <c r="DF10" s="405">
        <v>34310830</v>
      </c>
      <c r="DG10" s="406">
        <v>519044706</v>
      </c>
      <c r="DH10" s="408">
        <v>593729488</v>
      </c>
      <c r="DI10" s="404">
        <v>897787</v>
      </c>
      <c r="DJ10" s="405">
        <v>4805284</v>
      </c>
      <c r="DK10" s="409">
        <v>5703071</v>
      </c>
      <c r="DL10" s="410">
        <v>0</v>
      </c>
      <c r="DM10" s="405">
        <v>46422763</v>
      </c>
      <c r="DN10" s="405">
        <v>129133358</v>
      </c>
      <c r="DO10" s="405">
        <v>229365020</v>
      </c>
      <c r="DP10" s="405">
        <v>181428143</v>
      </c>
      <c r="DQ10" s="405">
        <v>110582501</v>
      </c>
      <c r="DR10" s="406">
        <v>696931785</v>
      </c>
      <c r="DS10" s="408">
        <v>702634856</v>
      </c>
      <c r="DT10" s="404">
        <v>853602</v>
      </c>
      <c r="DU10" s="405">
        <v>4476876</v>
      </c>
      <c r="DV10" s="406">
        <v>5330478</v>
      </c>
      <c r="DW10" s="404">
        <v>0</v>
      </c>
      <c r="DX10" s="405">
        <v>40074550</v>
      </c>
      <c r="DY10" s="405">
        <v>106561081</v>
      </c>
      <c r="DZ10" s="405">
        <v>197698502</v>
      </c>
      <c r="EA10" s="405">
        <v>148596835</v>
      </c>
      <c r="EB10" s="405">
        <v>85740751</v>
      </c>
      <c r="EC10" s="406">
        <v>578671719</v>
      </c>
      <c r="ED10" s="408">
        <v>584002197</v>
      </c>
      <c r="EE10" s="404">
        <v>44185</v>
      </c>
      <c r="EF10" s="409">
        <v>328408</v>
      </c>
      <c r="EG10" s="406">
        <v>372593</v>
      </c>
      <c r="EH10" s="404">
        <v>0</v>
      </c>
      <c r="EI10" s="405">
        <v>6348213</v>
      </c>
      <c r="EJ10" s="405">
        <v>22572277</v>
      </c>
      <c r="EK10" s="405">
        <v>31666518</v>
      </c>
      <c r="EL10" s="405">
        <v>32831308</v>
      </c>
      <c r="EM10" s="405">
        <v>24731059</v>
      </c>
      <c r="EN10" s="409">
        <v>118149375</v>
      </c>
      <c r="EO10" s="408">
        <v>118521968</v>
      </c>
      <c r="EP10" s="404">
        <v>0</v>
      </c>
      <c r="EQ10" s="405">
        <v>0</v>
      </c>
      <c r="ER10" s="409">
        <v>0</v>
      </c>
      <c r="ES10" s="410">
        <v>0</v>
      </c>
      <c r="ET10" s="405">
        <v>0</v>
      </c>
      <c r="EU10" s="405">
        <v>0</v>
      </c>
      <c r="EV10" s="405">
        <v>0</v>
      </c>
      <c r="EW10" s="405">
        <v>0</v>
      </c>
      <c r="EX10" s="405">
        <v>110691</v>
      </c>
      <c r="EY10" s="406">
        <v>110691</v>
      </c>
      <c r="EZ10" s="408">
        <v>110691</v>
      </c>
      <c r="FA10" s="404">
        <v>0</v>
      </c>
      <c r="FB10" s="405">
        <v>0</v>
      </c>
      <c r="FC10" s="409">
        <v>0</v>
      </c>
      <c r="FD10" s="411"/>
      <c r="FE10" s="405">
        <v>0</v>
      </c>
      <c r="FF10" s="405">
        <v>0</v>
      </c>
      <c r="FG10" s="405">
        <v>0</v>
      </c>
      <c r="FH10" s="405">
        <v>0</v>
      </c>
      <c r="FI10" s="405">
        <v>0</v>
      </c>
      <c r="FJ10" s="406">
        <v>0</v>
      </c>
      <c r="FK10" s="408">
        <v>0</v>
      </c>
      <c r="FL10" s="404">
        <v>31721481</v>
      </c>
      <c r="FM10" s="405">
        <v>87881100</v>
      </c>
      <c r="FN10" s="406">
        <v>119602581</v>
      </c>
      <c r="FO10" s="404">
        <v>0</v>
      </c>
      <c r="FP10" s="405">
        <v>70178206</v>
      </c>
      <c r="FQ10" s="405">
        <v>287171074</v>
      </c>
      <c r="FR10" s="405">
        <v>189645987</v>
      </c>
      <c r="FS10" s="405">
        <v>167643894</v>
      </c>
      <c r="FT10" s="405">
        <v>124787449</v>
      </c>
      <c r="FU10" s="406">
        <v>839426610</v>
      </c>
      <c r="FV10" s="408">
        <v>959029191</v>
      </c>
      <c r="FW10" s="412">
        <v>17585609</v>
      </c>
      <c r="FX10" s="405">
        <v>64143077</v>
      </c>
      <c r="FY10" s="409">
        <v>81728686</v>
      </c>
      <c r="FZ10" s="410">
        <v>0</v>
      </c>
      <c r="GA10" s="405">
        <v>53200647</v>
      </c>
      <c r="GB10" s="405">
        <v>263477421</v>
      </c>
      <c r="GC10" s="405">
        <v>176757677</v>
      </c>
      <c r="GD10" s="405">
        <v>154341578</v>
      </c>
      <c r="GE10" s="405">
        <v>119042876</v>
      </c>
      <c r="GF10" s="406">
        <v>766820199</v>
      </c>
      <c r="GG10" s="413">
        <v>848548885</v>
      </c>
      <c r="GH10" s="412">
        <v>2442247</v>
      </c>
      <c r="GI10" s="405">
        <v>6069041</v>
      </c>
      <c r="GJ10" s="409">
        <v>8511288</v>
      </c>
      <c r="GK10" s="410">
        <v>0</v>
      </c>
      <c r="GL10" s="405">
        <v>4107184</v>
      </c>
      <c r="GM10" s="405">
        <v>7757056</v>
      </c>
      <c r="GN10" s="405">
        <v>5568334</v>
      </c>
      <c r="GO10" s="405">
        <v>5514466</v>
      </c>
      <c r="GP10" s="405">
        <v>2335865</v>
      </c>
      <c r="GQ10" s="406">
        <v>25282905</v>
      </c>
      <c r="GR10" s="408">
        <v>33794193</v>
      </c>
      <c r="GS10" s="404">
        <v>11693625</v>
      </c>
      <c r="GT10" s="405">
        <v>17668982</v>
      </c>
      <c r="GU10" s="406">
        <v>29362607</v>
      </c>
      <c r="GV10" s="404">
        <v>0</v>
      </c>
      <c r="GW10" s="405">
        <v>12870375</v>
      </c>
      <c r="GX10" s="405">
        <v>15936597</v>
      </c>
      <c r="GY10" s="405">
        <v>7319976</v>
      </c>
      <c r="GZ10" s="405">
        <v>7787850</v>
      </c>
      <c r="HA10" s="405">
        <v>3408708</v>
      </c>
      <c r="HB10" s="409">
        <v>47323506</v>
      </c>
      <c r="HC10" s="408">
        <v>76686113</v>
      </c>
      <c r="HD10" s="404">
        <v>42850930</v>
      </c>
      <c r="HE10" s="405">
        <v>58450474</v>
      </c>
      <c r="HF10" s="409">
        <v>101301404</v>
      </c>
      <c r="HG10" s="410">
        <v>0</v>
      </c>
      <c r="HH10" s="405">
        <v>431494420</v>
      </c>
      <c r="HI10" s="405">
        <v>513530666</v>
      </c>
      <c r="HJ10" s="405">
        <v>470301759</v>
      </c>
      <c r="HK10" s="405">
        <v>596814897</v>
      </c>
      <c r="HL10" s="405">
        <v>362285824</v>
      </c>
      <c r="HM10" s="406">
        <v>2374427566</v>
      </c>
      <c r="HN10" s="407">
        <v>2475728970</v>
      </c>
      <c r="HO10" s="412">
        <v>27018040</v>
      </c>
      <c r="HP10" s="405">
        <v>65659010</v>
      </c>
      <c r="HQ10" s="406">
        <v>92677050</v>
      </c>
      <c r="HR10" s="404">
        <v>0</v>
      </c>
      <c r="HS10" s="405">
        <v>287867565</v>
      </c>
      <c r="HT10" s="405">
        <v>430872640</v>
      </c>
      <c r="HU10" s="405">
        <v>258529059</v>
      </c>
      <c r="HV10" s="405">
        <v>173333602</v>
      </c>
      <c r="HW10" s="405">
        <v>107406994</v>
      </c>
      <c r="HX10" s="409">
        <v>1258009860</v>
      </c>
      <c r="HY10" s="408">
        <v>1350686910</v>
      </c>
      <c r="HZ10" s="414">
        <v>4023529</v>
      </c>
      <c r="IA10" s="415">
        <v>14689821</v>
      </c>
      <c r="IB10" s="416">
        <v>18713350</v>
      </c>
      <c r="IC10" s="417">
        <v>0</v>
      </c>
      <c r="ID10" s="418">
        <v>653016645</v>
      </c>
      <c r="IE10" s="419">
        <v>1007387733</v>
      </c>
      <c r="IF10" s="420">
        <v>1030077272</v>
      </c>
      <c r="IG10" s="418">
        <v>753112099</v>
      </c>
      <c r="IH10" s="420">
        <v>584202383</v>
      </c>
      <c r="II10" s="421">
        <v>4027796132</v>
      </c>
      <c r="IJ10" s="422">
        <v>4046509482</v>
      </c>
      <c r="IK10" s="423">
        <v>0</v>
      </c>
      <c r="IL10" s="424">
        <v>0</v>
      </c>
      <c r="IM10" s="425">
        <v>0</v>
      </c>
      <c r="IN10" s="411"/>
      <c r="IO10" s="427">
        <v>10168235</v>
      </c>
      <c r="IP10" s="427">
        <v>24525738</v>
      </c>
      <c r="IQ10" s="427">
        <v>36875188</v>
      </c>
      <c r="IR10" s="427">
        <v>47066516</v>
      </c>
      <c r="IS10" s="427">
        <v>53445217</v>
      </c>
      <c r="IT10" s="428">
        <v>172080894</v>
      </c>
      <c r="IU10" s="429">
        <v>172080894</v>
      </c>
      <c r="IV10" s="430">
        <v>0</v>
      </c>
      <c r="IW10" s="427">
        <v>0</v>
      </c>
      <c r="IX10" s="431">
        <v>0</v>
      </c>
      <c r="IY10" s="411"/>
      <c r="IZ10" s="427">
        <v>1777912</v>
      </c>
      <c r="JA10" s="427">
        <v>7858078</v>
      </c>
      <c r="JB10" s="427">
        <v>8888391</v>
      </c>
      <c r="JC10" s="427">
        <v>11217351</v>
      </c>
      <c r="JD10" s="427">
        <v>13597787</v>
      </c>
      <c r="JE10" s="431">
        <v>43339519</v>
      </c>
      <c r="JF10" s="433">
        <v>43339519</v>
      </c>
      <c r="JG10" s="430">
        <v>0</v>
      </c>
      <c r="JH10" s="427">
        <v>0</v>
      </c>
      <c r="JI10" s="428">
        <v>0</v>
      </c>
      <c r="JJ10" s="434">
        <v>0</v>
      </c>
      <c r="JK10" s="427">
        <v>227423807</v>
      </c>
      <c r="JL10" s="427">
        <v>375156103</v>
      </c>
      <c r="JM10" s="427">
        <v>272424808</v>
      </c>
      <c r="JN10" s="427">
        <v>166472819</v>
      </c>
      <c r="JO10" s="427">
        <v>89693406</v>
      </c>
      <c r="JP10" s="431">
        <v>1131170943</v>
      </c>
      <c r="JQ10" s="429">
        <v>1131170943</v>
      </c>
      <c r="JR10" s="430">
        <v>97693</v>
      </c>
      <c r="JS10" s="427">
        <v>94216</v>
      </c>
      <c r="JT10" s="428">
        <v>191909</v>
      </c>
      <c r="JU10" s="434">
        <v>0</v>
      </c>
      <c r="JV10" s="427">
        <v>34718730</v>
      </c>
      <c r="JW10" s="427">
        <v>56724670</v>
      </c>
      <c r="JX10" s="427">
        <v>83133688</v>
      </c>
      <c r="JY10" s="427">
        <v>54512812</v>
      </c>
      <c r="JZ10" s="427">
        <v>40271341</v>
      </c>
      <c r="KA10" s="431">
        <v>269361241</v>
      </c>
      <c r="KB10" s="429">
        <v>269553150</v>
      </c>
      <c r="KC10" s="435">
        <v>3925836</v>
      </c>
      <c r="KD10" s="436">
        <v>9640785</v>
      </c>
      <c r="KE10" s="431">
        <v>13566621</v>
      </c>
      <c r="KF10" s="434">
        <v>0</v>
      </c>
      <c r="KG10" s="427">
        <v>77730211</v>
      </c>
      <c r="KH10" s="427">
        <v>137139184</v>
      </c>
      <c r="KI10" s="427">
        <v>150259039</v>
      </c>
      <c r="KJ10" s="427">
        <v>128140208</v>
      </c>
      <c r="KK10" s="427">
        <v>86594996</v>
      </c>
      <c r="KL10" s="431">
        <v>579863638</v>
      </c>
      <c r="KM10" s="437">
        <v>593430259</v>
      </c>
      <c r="KN10" s="423">
        <v>0</v>
      </c>
      <c r="KO10" s="424">
        <v>4954820</v>
      </c>
      <c r="KP10" s="425">
        <v>4954820</v>
      </c>
      <c r="KQ10" s="426"/>
      <c r="KR10" s="427">
        <v>296959740</v>
      </c>
      <c r="KS10" s="427">
        <v>386768834</v>
      </c>
      <c r="KT10" s="427">
        <v>451704260</v>
      </c>
      <c r="KU10" s="427">
        <v>302103292</v>
      </c>
      <c r="KV10" s="427">
        <v>223974105</v>
      </c>
      <c r="KW10" s="431">
        <v>1661510231</v>
      </c>
      <c r="KX10" s="429">
        <v>1666465051</v>
      </c>
      <c r="KY10" s="430">
        <v>0</v>
      </c>
      <c r="KZ10" s="427">
        <v>0</v>
      </c>
      <c r="LA10" s="431">
        <v>0</v>
      </c>
      <c r="LB10" s="438"/>
      <c r="LC10" s="427">
        <v>0</v>
      </c>
      <c r="LD10" s="427">
        <v>394158</v>
      </c>
      <c r="LE10" s="427">
        <v>1098665</v>
      </c>
      <c r="LF10" s="427">
        <v>240765</v>
      </c>
      <c r="LG10" s="427">
        <v>1052400</v>
      </c>
      <c r="LH10" s="431">
        <v>2785988</v>
      </c>
      <c r="LI10" s="433">
        <v>2785988</v>
      </c>
      <c r="LJ10" s="430">
        <v>0</v>
      </c>
      <c r="LK10" s="427">
        <v>0</v>
      </c>
      <c r="LL10" s="431">
        <v>0</v>
      </c>
      <c r="LM10" s="438"/>
      <c r="LN10" s="427">
        <v>788827</v>
      </c>
      <c r="LO10" s="427">
        <v>2766150</v>
      </c>
      <c r="LP10" s="427">
        <v>7202080</v>
      </c>
      <c r="LQ10" s="427">
        <v>11543730</v>
      </c>
      <c r="LR10" s="427">
        <v>14000524</v>
      </c>
      <c r="LS10" s="431">
        <v>36301311</v>
      </c>
      <c r="LT10" s="429">
        <v>36301311</v>
      </c>
      <c r="LU10" s="430">
        <v>0</v>
      </c>
      <c r="LV10" s="427">
        <v>0</v>
      </c>
      <c r="LW10" s="431">
        <v>0</v>
      </c>
      <c r="LX10" s="438"/>
      <c r="LY10" s="427">
        <v>3449183</v>
      </c>
      <c r="LZ10" s="427">
        <v>16054818</v>
      </c>
      <c r="MA10" s="427">
        <v>18491153</v>
      </c>
      <c r="MB10" s="427">
        <v>31814606</v>
      </c>
      <c r="MC10" s="427">
        <v>61572607</v>
      </c>
      <c r="MD10" s="431">
        <v>131382367</v>
      </c>
      <c r="ME10" s="433">
        <v>131382367</v>
      </c>
      <c r="MF10" s="430">
        <v>0</v>
      </c>
      <c r="MG10" s="427">
        <v>0</v>
      </c>
      <c r="MH10" s="431">
        <v>0</v>
      </c>
      <c r="MI10" s="438"/>
      <c r="MJ10" s="427">
        <v>226757319</v>
      </c>
      <c r="MK10" s="427">
        <v>736026753</v>
      </c>
      <c r="ML10" s="427">
        <v>1843469168</v>
      </c>
      <c r="MM10" s="427">
        <v>2745159649</v>
      </c>
      <c r="MN10" s="427">
        <v>1913192220</v>
      </c>
      <c r="MO10" s="431">
        <v>7464605109</v>
      </c>
      <c r="MP10" s="437">
        <v>7464605109</v>
      </c>
      <c r="MQ10" s="430">
        <v>0</v>
      </c>
      <c r="MR10" s="427">
        <v>0</v>
      </c>
      <c r="MS10" s="431">
        <v>0</v>
      </c>
      <c r="MT10" s="438"/>
      <c r="MU10" s="427">
        <v>62451153</v>
      </c>
      <c r="MV10" s="427">
        <v>276172135</v>
      </c>
      <c r="MW10" s="427">
        <v>1206342225</v>
      </c>
      <c r="MX10" s="427">
        <v>1835368564</v>
      </c>
      <c r="MY10" s="427">
        <v>1352907123</v>
      </c>
      <c r="MZ10" s="431">
        <v>4733241200</v>
      </c>
      <c r="NA10" s="437">
        <v>4733241200</v>
      </c>
      <c r="NB10" s="430">
        <v>0</v>
      </c>
      <c r="NC10" s="427">
        <v>0</v>
      </c>
      <c r="ND10" s="431">
        <v>0</v>
      </c>
      <c r="NE10" s="438"/>
      <c r="NF10" s="427">
        <v>164054346</v>
      </c>
      <c r="NG10" s="427">
        <v>458529583</v>
      </c>
      <c r="NH10" s="427">
        <v>632673705</v>
      </c>
      <c r="NI10" s="427">
        <v>857352058</v>
      </c>
      <c r="NJ10" s="427">
        <v>495288178</v>
      </c>
      <c r="NK10" s="431">
        <v>2607897870</v>
      </c>
      <c r="NL10" s="429">
        <v>2607897870</v>
      </c>
      <c r="NM10" s="430">
        <v>0</v>
      </c>
      <c r="NN10" s="427">
        <v>0</v>
      </c>
      <c r="NO10" s="431">
        <v>0</v>
      </c>
      <c r="NP10" s="438"/>
      <c r="NQ10" s="427">
        <v>0</v>
      </c>
      <c r="NR10" s="427">
        <v>0</v>
      </c>
      <c r="NS10" s="427">
        <v>705345</v>
      </c>
      <c r="NT10" s="427">
        <v>11648344</v>
      </c>
      <c r="NU10" s="427">
        <v>15348211</v>
      </c>
      <c r="NV10" s="431">
        <v>27701900</v>
      </c>
      <c r="NW10" s="433">
        <v>27701900</v>
      </c>
      <c r="NX10" s="430">
        <v>0</v>
      </c>
      <c r="NY10" s="427">
        <v>0</v>
      </c>
      <c r="NZ10" s="431">
        <v>0</v>
      </c>
      <c r="OA10" s="438"/>
      <c r="OB10" s="427">
        <v>251820</v>
      </c>
      <c r="OC10" s="427">
        <v>1325035</v>
      </c>
      <c r="OD10" s="427">
        <v>3747893</v>
      </c>
      <c r="OE10" s="427">
        <v>40790683</v>
      </c>
      <c r="OF10" s="427">
        <v>49648708</v>
      </c>
      <c r="OG10" s="431">
        <v>95764139</v>
      </c>
      <c r="OH10" s="433">
        <v>95764139</v>
      </c>
      <c r="OI10" s="430">
        <v>168826462</v>
      </c>
      <c r="OJ10" s="427">
        <v>431931958</v>
      </c>
      <c r="OK10" s="428">
        <v>600758420</v>
      </c>
      <c r="OL10" s="434">
        <v>0</v>
      </c>
      <c r="OM10" s="427">
        <v>2718836208</v>
      </c>
      <c r="ON10" s="427">
        <v>5064259608</v>
      </c>
      <c r="OO10" s="427">
        <v>5432245218</v>
      </c>
      <c r="OP10" s="427">
        <v>5845161525</v>
      </c>
      <c r="OQ10" s="427">
        <v>4297414822</v>
      </c>
      <c r="OR10" s="431">
        <v>23357917381</v>
      </c>
      <c r="OS10" s="437">
        <v>23958675801</v>
      </c>
    </row>
    <row r="11" spans="1:409" ht="21" customHeight="1" x14ac:dyDescent="0.2">
      <c r="B11" s="472" t="s">
        <v>6</v>
      </c>
      <c r="C11" s="100">
        <v>56444137</v>
      </c>
      <c r="D11" s="104">
        <v>101832505</v>
      </c>
      <c r="E11" s="103">
        <v>158276642</v>
      </c>
      <c r="F11" s="99">
        <v>0</v>
      </c>
      <c r="G11" s="104">
        <v>892631527</v>
      </c>
      <c r="H11" s="104">
        <v>987275330</v>
      </c>
      <c r="I11" s="104">
        <v>862121345</v>
      </c>
      <c r="J11" s="104">
        <v>847972780</v>
      </c>
      <c r="K11" s="104">
        <v>698135614</v>
      </c>
      <c r="L11" s="99">
        <v>4288136596</v>
      </c>
      <c r="M11" s="106">
        <v>4446413238</v>
      </c>
      <c r="N11" s="100">
        <v>16281803</v>
      </c>
      <c r="O11" s="104">
        <v>33364054</v>
      </c>
      <c r="P11" s="103">
        <v>49645857</v>
      </c>
      <c r="Q11" s="100">
        <v>0</v>
      </c>
      <c r="R11" s="104">
        <v>294555357</v>
      </c>
      <c r="S11" s="104">
        <v>349975898</v>
      </c>
      <c r="T11" s="104">
        <v>308144218</v>
      </c>
      <c r="U11" s="104">
        <v>341289305</v>
      </c>
      <c r="V11" s="104">
        <v>374556600</v>
      </c>
      <c r="W11" s="103">
        <v>1668521378</v>
      </c>
      <c r="X11" s="106">
        <v>1718167235</v>
      </c>
      <c r="Y11" s="100">
        <v>0</v>
      </c>
      <c r="Z11" s="104">
        <v>0</v>
      </c>
      <c r="AA11" s="103">
        <v>0</v>
      </c>
      <c r="AB11" s="100">
        <v>0</v>
      </c>
      <c r="AC11" s="104">
        <v>140607827</v>
      </c>
      <c r="AD11" s="104">
        <v>176683926</v>
      </c>
      <c r="AE11" s="104">
        <v>176660819</v>
      </c>
      <c r="AF11" s="104">
        <v>208294236</v>
      </c>
      <c r="AG11" s="104">
        <v>226771923</v>
      </c>
      <c r="AH11" s="103">
        <v>929018731</v>
      </c>
      <c r="AI11" s="106">
        <v>929018731</v>
      </c>
      <c r="AJ11" s="100">
        <v>18494</v>
      </c>
      <c r="AK11" s="104">
        <v>36969</v>
      </c>
      <c r="AL11" s="103">
        <v>55463</v>
      </c>
      <c r="AM11" s="100">
        <v>0</v>
      </c>
      <c r="AN11" s="104">
        <v>977298</v>
      </c>
      <c r="AO11" s="104">
        <v>2830557</v>
      </c>
      <c r="AP11" s="104">
        <v>6864745</v>
      </c>
      <c r="AQ11" s="104">
        <v>15122834</v>
      </c>
      <c r="AR11" s="104">
        <v>37237567</v>
      </c>
      <c r="AS11" s="103">
        <v>63033001</v>
      </c>
      <c r="AT11" s="106">
        <v>63088464</v>
      </c>
      <c r="AU11" s="100">
        <v>9444103</v>
      </c>
      <c r="AV11" s="104">
        <v>23997873</v>
      </c>
      <c r="AW11" s="103">
        <v>33441976</v>
      </c>
      <c r="AX11" s="100">
        <v>0</v>
      </c>
      <c r="AY11" s="104">
        <v>95360150</v>
      </c>
      <c r="AZ11" s="104">
        <v>106655368</v>
      </c>
      <c r="BA11" s="104">
        <v>69942515</v>
      </c>
      <c r="BB11" s="104">
        <v>63450070</v>
      </c>
      <c r="BC11" s="104">
        <v>65721899</v>
      </c>
      <c r="BD11" s="103">
        <v>401130002</v>
      </c>
      <c r="BE11" s="106">
        <v>434571978</v>
      </c>
      <c r="BF11" s="100">
        <v>596321</v>
      </c>
      <c r="BG11" s="104">
        <v>2081719</v>
      </c>
      <c r="BH11" s="102">
        <v>2678040</v>
      </c>
      <c r="BI11" s="101">
        <v>0</v>
      </c>
      <c r="BJ11" s="104">
        <v>7399338</v>
      </c>
      <c r="BK11" s="104">
        <v>8812366</v>
      </c>
      <c r="BL11" s="104">
        <v>4943868</v>
      </c>
      <c r="BM11" s="104">
        <v>5060550</v>
      </c>
      <c r="BN11" s="104">
        <v>2987455</v>
      </c>
      <c r="BO11" s="103">
        <v>29203577</v>
      </c>
      <c r="BP11" s="106">
        <v>31881617</v>
      </c>
      <c r="BQ11" s="100">
        <v>6222885</v>
      </c>
      <c r="BR11" s="104">
        <v>7247493</v>
      </c>
      <c r="BS11" s="103">
        <v>13470378</v>
      </c>
      <c r="BT11" s="100">
        <v>0</v>
      </c>
      <c r="BU11" s="104">
        <v>50210744</v>
      </c>
      <c r="BV11" s="104">
        <v>54993681</v>
      </c>
      <c r="BW11" s="104">
        <v>49732271</v>
      </c>
      <c r="BX11" s="104">
        <v>49361615</v>
      </c>
      <c r="BY11" s="104">
        <v>41837756</v>
      </c>
      <c r="BZ11" s="103">
        <v>246136067</v>
      </c>
      <c r="CA11" s="106">
        <v>259606445</v>
      </c>
      <c r="CB11" s="100">
        <v>3027385</v>
      </c>
      <c r="CC11" s="104">
        <v>9578243</v>
      </c>
      <c r="CD11" s="103">
        <v>12605628</v>
      </c>
      <c r="CE11" s="100">
        <v>0</v>
      </c>
      <c r="CF11" s="104">
        <v>236638350</v>
      </c>
      <c r="CG11" s="104">
        <v>260085188</v>
      </c>
      <c r="CH11" s="104">
        <v>191968517</v>
      </c>
      <c r="CI11" s="104">
        <v>134179074</v>
      </c>
      <c r="CJ11" s="104">
        <v>68088035</v>
      </c>
      <c r="CK11" s="103">
        <v>890959164</v>
      </c>
      <c r="CL11" s="106">
        <v>903564792</v>
      </c>
      <c r="CM11" s="100">
        <v>0</v>
      </c>
      <c r="CN11" s="104">
        <v>0</v>
      </c>
      <c r="CO11" s="103">
        <v>0</v>
      </c>
      <c r="CP11" s="101">
        <v>0</v>
      </c>
      <c r="CQ11" s="104">
        <v>202173527</v>
      </c>
      <c r="CR11" s="104">
        <v>211068834</v>
      </c>
      <c r="CS11" s="104">
        <v>150687004</v>
      </c>
      <c r="CT11" s="104">
        <v>103641600</v>
      </c>
      <c r="CU11" s="104">
        <v>55714115</v>
      </c>
      <c r="CV11" s="103">
        <v>723285080</v>
      </c>
      <c r="CW11" s="106">
        <v>723285080</v>
      </c>
      <c r="CX11" s="100">
        <v>3027385</v>
      </c>
      <c r="CY11" s="104">
        <v>9578243</v>
      </c>
      <c r="CZ11" s="103">
        <v>12605628</v>
      </c>
      <c r="DA11" s="100">
        <v>0</v>
      </c>
      <c r="DB11" s="104">
        <v>34464823</v>
      </c>
      <c r="DC11" s="104">
        <v>49016354</v>
      </c>
      <c r="DD11" s="104">
        <v>41281513</v>
      </c>
      <c r="DE11" s="104">
        <v>30537474</v>
      </c>
      <c r="DF11" s="104">
        <v>12373920</v>
      </c>
      <c r="DG11" s="103">
        <v>167674084</v>
      </c>
      <c r="DH11" s="106">
        <v>180279712</v>
      </c>
      <c r="DI11" s="100">
        <v>53197</v>
      </c>
      <c r="DJ11" s="104">
        <v>747023</v>
      </c>
      <c r="DK11" s="102">
        <v>800220</v>
      </c>
      <c r="DL11" s="101">
        <v>0</v>
      </c>
      <c r="DM11" s="104">
        <v>15351243</v>
      </c>
      <c r="DN11" s="104">
        <v>31718785</v>
      </c>
      <c r="DO11" s="104">
        <v>60336429</v>
      </c>
      <c r="DP11" s="104">
        <v>54816195</v>
      </c>
      <c r="DQ11" s="104">
        <v>34455540</v>
      </c>
      <c r="DR11" s="103">
        <v>196678192</v>
      </c>
      <c r="DS11" s="106">
        <v>197478412</v>
      </c>
      <c r="DT11" s="100">
        <v>53197</v>
      </c>
      <c r="DU11" s="104">
        <v>700202</v>
      </c>
      <c r="DV11" s="103">
        <v>753399</v>
      </c>
      <c r="DW11" s="100">
        <v>0</v>
      </c>
      <c r="DX11" s="104">
        <v>13590351</v>
      </c>
      <c r="DY11" s="104">
        <v>28858882</v>
      </c>
      <c r="DZ11" s="104">
        <v>53135784</v>
      </c>
      <c r="EA11" s="104">
        <v>46854846</v>
      </c>
      <c r="EB11" s="104">
        <v>29486923</v>
      </c>
      <c r="EC11" s="103">
        <v>171926786</v>
      </c>
      <c r="ED11" s="106">
        <v>172680185</v>
      </c>
      <c r="EE11" s="100">
        <v>0</v>
      </c>
      <c r="EF11" s="102">
        <v>46821</v>
      </c>
      <c r="EG11" s="103">
        <v>46821</v>
      </c>
      <c r="EH11" s="100">
        <v>0</v>
      </c>
      <c r="EI11" s="104">
        <v>1760892</v>
      </c>
      <c r="EJ11" s="104">
        <v>2859903</v>
      </c>
      <c r="EK11" s="104">
        <v>7200645</v>
      </c>
      <c r="EL11" s="104">
        <v>7961349</v>
      </c>
      <c r="EM11" s="104">
        <v>4968617</v>
      </c>
      <c r="EN11" s="102">
        <v>24751406</v>
      </c>
      <c r="EO11" s="106">
        <v>24798227</v>
      </c>
      <c r="EP11" s="100">
        <v>0</v>
      </c>
      <c r="EQ11" s="104">
        <v>0</v>
      </c>
      <c r="ER11" s="102">
        <v>0</v>
      </c>
      <c r="ES11" s="101">
        <v>0</v>
      </c>
      <c r="ET11" s="104">
        <v>0</v>
      </c>
      <c r="EU11" s="104">
        <v>0</v>
      </c>
      <c r="EV11" s="104">
        <v>0</v>
      </c>
      <c r="EW11" s="104">
        <v>0</v>
      </c>
      <c r="EX11" s="104">
        <v>0</v>
      </c>
      <c r="EY11" s="103">
        <v>0</v>
      </c>
      <c r="EZ11" s="106">
        <v>0</v>
      </c>
      <c r="FA11" s="100">
        <v>0</v>
      </c>
      <c r="FB11" s="104">
        <v>0</v>
      </c>
      <c r="FC11" s="102">
        <v>0</v>
      </c>
      <c r="FD11" s="324"/>
      <c r="FE11" s="104">
        <v>0</v>
      </c>
      <c r="FF11" s="104">
        <v>0</v>
      </c>
      <c r="FG11" s="104">
        <v>0</v>
      </c>
      <c r="FH11" s="104">
        <v>0</v>
      </c>
      <c r="FI11" s="104">
        <v>0</v>
      </c>
      <c r="FJ11" s="103">
        <v>0</v>
      </c>
      <c r="FK11" s="106">
        <v>0</v>
      </c>
      <c r="FL11" s="100">
        <v>11923087</v>
      </c>
      <c r="FM11" s="104">
        <v>24097044</v>
      </c>
      <c r="FN11" s="103">
        <v>36020131</v>
      </c>
      <c r="FO11" s="100">
        <v>0</v>
      </c>
      <c r="FP11" s="104">
        <v>49350410</v>
      </c>
      <c r="FQ11" s="104">
        <v>86233404</v>
      </c>
      <c r="FR11" s="104">
        <v>66100889</v>
      </c>
      <c r="FS11" s="104">
        <v>61484590</v>
      </c>
      <c r="FT11" s="104">
        <v>49147352</v>
      </c>
      <c r="FU11" s="103">
        <v>312316645</v>
      </c>
      <c r="FV11" s="106">
        <v>348336776</v>
      </c>
      <c r="FW11" s="105">
        <v>8359058</v>
      </c>
      <c r="FX11" s="104">
        <v>19136800</v>
      </c>
      <c r="FY11" s="102">
        <v>27495858</v>
      </c>
      <c r="FZ11" s="101">
        <v>0</v>
      </c>
      <c r="GA11" s="104">
        <v>41350187</v>
      </c>
      <c r="GB11" s="104">
        <v>80576841</v>
      </c>
      <c r="GC11" s="104">
        <v>62651972</v>
      </c>
      <c r="GD11" s="104">
        <v>57820996</v>
      </c>
      <c r="GE11" s="104">
        <v>47891290</v>
      </c>
      <c r="GF11" s="103">
        <v>290291286</v>
      </c>
      <c r="GG11" s="296">
        <v>317787144</v>
      </c>
      <c r="GH11" s="105">
        <v>868406</v>
      </c>
      <c r="GI11" s="104">
        <v>1371670</v>
      </c>
      <c r="GJ11" s="102">
        <v>2240076</v>
      </c>
      <c r="GK11" s="101">
        <v>0</v>
      </c>
      <c r="GL11" s="104">
        <v>2692684</v>
      </c>
      <c r="GM11" s="104">
        <v>2447973</v>
      </c>
      <c r="GN11" s="104">
        <v>1911962</v>
      </c>
      <c r="GO11" s="104">
        <v>1979020</v>
      </c>
      <c r="GP11" s="104">
        <v>784476</v>
      </c>
      <c r="GQ11" s="103">
        <v>9816115</v>
      </c>
      <c r="GR11" s="106">
        <v>12056191</v>
      </c>
      <c r="GS11" s="100">
        <v>2695623</v>
      </c>
      <c r="GT11" s="104">
        <v>3588574</v>
      </c>
      <c r="GU11" s="103">
        <v>6284197</v>
      </c>
      <c r="GV11" s="100">
        <v>0</v>
      </c>
      <c r="GW11" s="104">
        <v>5307539</v>
      </c>
      <c r="GX11" s="104">
        <v>3208590</v>
      </c>
      <c r="GY11" s="104">
        <v>1536955</v>
      </c>
      <c r="GZ11" s="104">
        <v>1684574</v>
      </c>
      <c r="HA11" s="104">
        <v>471586</v>
      </c>
      <c r="HB11" s="102">
        <v>12209244</v>
      </c>
      <c r="HC11" s="106">
        <v>18493441</v>
      </c>
      <c r="HD11" s="100">
        <v>14435888</v>
      </c>
      <c r="HE11" s="104">
        <v>15771762</v>
      </c>
      <c r="HF11" s="102">
        <v>30207650</v>
      </c>
      <c r="HG11" s="101">
        <v>0</v>
      </c>
      <c r="HH11" s="104">
        <v>155338012</v>
      </c>
      <c r="HI11" s="104">
        <v>143602396</v>
      </c>
      <c r="HJ11" s="104">
        <v>153685129</v>
      </c>
      <c r="HK11" s="104">
        <v>196595697</v>
      </c>
      <c r="HL11" s="104">
        <v>132591860</v>
      </c>
      <c r="HM11" s="103">
        <v>781813094</v>
      </c>
      <c r="HN11" s="99">
        <v>812020744</v>
      </c>
      <c r="HO11" s="105">
        <v>10722777</v>
      </c>
      <c r="HP11" s="104">
        <v>18274379</v>
      </c>
      <c r="HQ11" s="103">
        <v>28997156</v>
      </c>
      <c r="HR11" s="100">
        <v>0</v>
      </c>
      <c r="HS11" s="104">
        <v>141398155</v>
      </c>
      <c r="HT11" s="104">
        <v>115659659</v>
      </c>
      <c r="HU11" s="104">
        <v>81886163</v>
      </c>
      <c r="HV11" s="104">
        <v>59607919</v>
      </c>
      <c r="HW11" s="104">
        <v>39296227</v>
      </c>
      <c r="HX11" s="102">
        <v>437848123</v>
      </c>
      <c r="HY11" s="106">
        <v>466845279</v>
      </c>
      <c r="HZ11" s="118">
        <v>1211373</v>
      </c>
      <c r="IA11" s="119">
        <v>4369963</v>
      </c>
      <c r="IB11" s="120">
        <v>5581336</v>
      </c>
      <c r="IC11" s="133">
        <v>0</v>
      </c>
      <c r="ID11" s="119">
        <v>279191651</v>
      </c>
      <c r="IE11" s="134">
        <v>344772663</v>
      </c>
      <c r="IF11" s="120">
        <v>372495006</v>
      </c>
      <c r="IG11" s="119">
        <v>296128708</v>
      </c>
      <c r="IH11" s="120">
        <v>234851630</v>
      </c>
      <c r="II11" s="135">
        <v>1527439658</v>
      </c>
      <c r="IJ11" s="126">
        <v>1533020994</v>
      </c>
      <c r="IK11" s="219">
        <v>0</v>
      </c>
      <c r="IL11" s="223">
        <v>0</v>
      </c>
      <c r="IM11" s="224">
        <v>0</v>
      </c>
      <c r="IN11" s="324"/>
      <c r="IO11" s="109">
        <v>6000251</v>
      </c>
      <c r="IP11" s="109">
        <v>9282872</v>
      </c>
      <c r="IQ11" s="109">
        <v>12748261</v>
      </c>
      <c r="IR11" s="109">
        <v>23628114</v>
      </c>
      <c r="IS11" s="109">
        <v>33103141</v>
      </c>
      <c r="IT11" s="128">
        <v>84762639</v>
      </c>
      <c r="IU11" s="298">
        <v>84762639</v>
      </c>
      <c r="IV11" s="129">
        <v>0</v>
      </c>
      <c r="IW11" s="109">
        <v>0</v>
      </c>
      <c r="IX11" s="110">
        <v>0</v>
      </c>
      <c r="IY11" s="324"/>
      <c r="IZ11" s="109">
        <v>1187844</v>
      </c>
      <c r="JA11" s="109">
        <v>2237775</v>
      </c>
      <c r="JB11" s="109">
        <v>2576362</v>
      </c>
      <c r="JC11" s="109">
        <v>2578270</v>
      </c>
      <c r="JD11" s="109">
        <v>3303440</v>
      </c>
      <c r="JE11" s="110">
        <v>11883691</v>
      </c>
      <c r="JF11" s="111">
        <v>11883691</v>
      </c>
      <c r="JG11" s="129">
        <v>0</v>
      </c>
      <c r="JH11" s="109">
        <v>0</v>
      </c>
      <c r="JI11" s="128">
        <v>0</v>
      </c>
      <c r="JJ11" s="108">
        <v>0</v>
      </c>
      <c r="JK11" s="109">
        <v>88555262</v>
      </c>
      <c r="JL11" s="109">
        <v>85022368</v>
      </c>
      <c r="JM11" s="109">
        <v>72929735</v>
      </c>
      <c r="JN11" s="109">
        <v>49444117</v>
      </c>
      <c r="JO11" s="109">
        <v>27840223</v>
      </c>
      <c r="JP11" s="110">
        <v>323791705</v>
      </c>
      <c r="JQ11" s="298">
        <v>323791705</v>
      </c>
      <c r="JR11" s="129">
        <v>55451</v>
      </c>
      <c r="JS11" s="109">
        <v>60289</v>
      </c>
      <c r="JT11" s="128">
        <v>115740</v>
      </c>
      <c r="JU11" s="108">
        <v>0</v>
      </c>
      <c r="JV11" s="109">
        <v>15501833</v>
      </c>
      <c r="JW11" s="109">
        <v>25143131</v>
      </c>
      <c r="JX11" s="109">
        <v>34788928</v>
      </c>
      <c r="JY11" s="109">
        <v>18586018</v>
      </c>
      <c r="JZ11" s="109">
        <v>15937039</v>
      </c>
      <c r="KA11" s="110">
        <v>109956949</v>
      </c>
      <c r="KB11" s="298">
        <v>110072689</v>
      </c>
      <c r="KC11" s="221">
        <v>1155922</v>
      </c>
      <c r="KD11" s="217">
        <v>3073933</v>
      </c>
      <c r="KE11" s="110">
        <v>4229855</v>
      </c>
      <c r="KF11" s="108">
        <v>0</v>
      </c>
      <c r="KG11" s="109">
        <v>32795656</v>
      </c>
      <c r="KH11" s="109">
        <v>45122880</v>
      </c>
      <c r="KI11" s="109">
        <v>53900771</v>
      </c>
      <c r="KJ11" s="109">
        <v>39320500</v>
      </c>
      <c r="KK11" s="109">
        <v>20312585</v>
      </c>
      <c r="KL11" s="110">
        <v>191452392</v>
      </c>
      <c r="KM11" s="130">
        <v>195682247</v>
      </c>
      <c r="KN11" s="219">
        <v>0</v>
      </c>
      <c r="KO11" s="223">
        <v>1235741</v>
      </c>
      <c r="KP11" s="224">
        <v>1235741</v>
      </c>
      <c r="KQ11" s="127"/>
      <c r="KR11" s="109">
        <v>124830467</v>
      </c>
      <c r="KS11" s="109">
        <v>156875885</v>
      </c>
      <c r="KT11" s="109">
        <v>155543454</v>
      </c>
      <c r="KU11" s="109">
        <v>107528446</v>
      </c>
      <c r="KV11" s="109">
        <v>78224072</v>
      </c>
      <c r="KW11" s="110">
        <v>623002324</v>
      </c>
      <c r="KX11" s="298">
        <v>624238065</v>
      </c>
      <c r="KY11" s="129">
        <v>0</v>
      </c>
      <c r="KZ11" s="109">
        <v>0</v>
      </c>
      <c r="LA11" s="110">
        <v>0</v>
      </c>
      <c r="LB11" s="132"/>
      <c r="LC11" s="109">
        <v>0</v>
      </c>
      <c r="LD11" s="109">
        <v>0</v>
      </c>
      <c r="LE11" s="109">
        <v>0</v>
      </c>
      <c r="LF11" s="109">
        <v>0</v>
      </c>
      <c r="LG11" s="109">
        <v>0</v>
      </c>
      <c r="LH11" s="110">
        <v>0</v>
      </c>
      <c r="LI11" s="111">
        <v>0</v>
      </c>
      <c r="LJ11" s="129">
        <v>0</v>
      </c>
      <c r="LK11" s="109">
        <v>0</v>
      </c>
      <c r="LL11" s="110">
        <v>0</v>
      </c>
      <c r="LM11" s="132"/>
      <c r="LN11" s="109">
        <v>433088</v>
      </c>
      <c r="LO11" s="109">
        <v>1334527</v>
      </c>
      <c r="LP11" s="109">
        <v>20783756</v>
      </c>
      <c r="LQ11" s="109">
        <v>29074302</v>
      </c>
      <c r="LR11" s="109">
        <v>21488699</v>
      </c>
      <c r="LS11" s="110">
        <v>73114372</v>
      </c>
      <c r="LT11" s="298">
        <v>73114372</v>
      </c>
      <c r="LU11" s="129">
        <v>0</v>
      </c>
      <c r="LV11" s="109">
        <v>0</v>
      </c>
      <c r="LW11" s="110">
        <v>0</v>
      </c>
      <c r="LX11" s="132"/>
      <c r="LY11" s="109">
        <v>9887250</v>
      </c>
      <c r="LZ11" s="109">
        <v>19753225</v>
      </c>
      <c r="MA11" s="109">
        <v>19223739</v>
      </c>
      <c r="MB11" s="109">
        <v>25968941</v>
      </c>
      <c r="MC11" s="109">
        <v>34642431</v>
      </c>
      <c r="MD11" s="110">
        <v>109475586</v>
      </c>
      <c r="ME11" s="111">
        <v>109475586</v>
      </c>
      <c r="MF11" s="129">
        <v>0</v>
      </c>
      <c r="MG11" s="109">
        <v>0</v>
      </c>
      <c r="MH11" s="110">
        <v>0</v>
      </c>
      <c r="MI11" s="132"/>
      <c r="MJ11" s="109">
        <v>76711768</v>
      </c>
      <c r="MK11" s="109">
        <v>136365799</v>
      </c>
      <c r="ML11" s="109">
        <v>485655110</v>
      </c>
      <c r="MM11" s="109">
        <v>783521627</v>
      </c>
      <c r="MN11" s="109">
        <v>574566203</v>
      </c>
      <c r="MO11" s="110">
        <v>2056820507</v>
      </c>
      <c r="MP11" s="130">
        <v>2056820507</v>
      </c>
      <c r="MQ11" s="129">
        <v>0</v>
      </c>
      <c r="MR11" s="109">
        <v>0</v>
      </c>
      <c r="MS11" s="110">
        <v>0</v>
      </c>
      <c r="MT11" s="132"/>
      <c r="MU11" s="109">
        <v>19659703</v>
      </c>
      <c r="MV11" s="109">
        <v>44640790</v>
      </c>
      <c r="MW11" s="109">
        <v>320616039</v>
      </c>
      <c r="MX11" s="109">
        <v>530270684</v>
      </c>
      <c r="MY11" s="109">
        <v>408889794</v>
      </c>
      <c r="MZ11" s="110">
        <v>1324077010</v>
      </c>
      <c r="NA11" s="130">
        <v>1324077010</v>
      </c>
      <c r="NB11" s="129">
        <v>0</v>
      </c>
      <c r="NC11" s="109">
        <v>0</v>
      </c>
      <c r="ND11" s="110">
        <v>0</v>
      </c>
      <c r="NE11" s="132"/>
      <c r="NF11" s="109">
        <v>56837532</v>
      </c>
      <c r="NG11" s="109">
        <v>91481443</v>
      </c>
      <c r="NH11" s="109">
        <v>163074927</v>
      </c>
      <c r="NI11" s="109">
        <v>220322356</v>
      </c>
      <c r="NJ11" s="109">
        <v>120670397</v>
      </c>
      <c r="NK11" s="110">
        <v>652386655</v>
      </c>
      <c r="NL11" s="298">
        <v>652386655</v>
      </c>
      <c r="NM11" s="129">
        <v>0</v>
      </c>
      <c r="NN11" s="109">
        <v>0</v>
      </c>
      <c r="NO11" s="110">
        <v>0</v>
      </c>
      <c r="NP11" s="132"/>
      <c r="NQ11" s="109">
        <v>214533</v>
      </c>
      <c r="NR11" s="109">
        <v>0</v>
      </c>
      <c r="NS11" s="109">
        <v>686283</v>
      </c>
      <c r="NT11" s="109">
        <v>15387696</v>
      </c>
      <c r="NU11" s="109">
        <v>23791792</v>
      </c>
      <c r="NV11" s="110">
        <v>40080304</v>
      </c>
      <c r="NW11" s="111">
        <v>40080304</v>
      </c>
      <c r="NX11" s="129">
        <v>0</v>
      </c>
      <c r="NY11" s="109">
        <v>0</v>
      </c>
      <c r="NZ11" s="110">
        <v>0</v>
      </c>
      <c r="OA11" s="132"/>
      <c r="OB11" s="109">
        <v>0</v>
      </c>
      <c r="OC11" s="109">
        <v>243566</v>
      </c>
      <c r="OD11" s="109">
        <v>1277861</v>
      </c>
      <c r="OE11" s="109">
        <v>17540891</v>
      </c>
      <c r="OF11" s="109">
        <v>21214220</v>
      </c>
      <c r="OG11" s="110">
        <v>40276538</v>
      </c>
      <c r="OH11" s="111">
        <v>40276538</v>
      </c>
      <c r="OI11" s="129">
        <v>57655510</v>
      </c>
      <c r="OJ11" s="109">
        <v>106202468</v>
      </c>
      <c r="OK11" s="128">
        <v>163857978</v>
      </c>
      <c r="OL11" s="108">
        <v>0</v>
      </c>
      <c r="OM11" s="109">
        <v>1248534946</v>
      </c>
      <c r="ON11" s="109">
        <v>1468413792</v>
      </c>
      <c r="OO11" s="109">
        <v>1720271461</v>
      </c>
      <c r="OP11" s="109">
        <v>1927623115</v>
      </c>
      <c r="OQ11" s="109">
        <v>1507553447</v>
      </c>
      <c r="OR11" s="110">
        <v>7872396761</v>
      </c>
      <c r="OS11" s="130">
        <v>8036254739</v>
      </c>
    </row>
    <row r="12" spans="1:409" ht="21" customHeight="1" x14ac:dyDescent="0.2">
      <c r="B12" s="472" t="s">
        <v>14</v>
      </c>
      <c r="C12" s="100">
        <v>26370149</v>
      </c>
      <c r="D12" s="104">
        <v>71338899</v>
      </c>
      <c r="E12" s="103">
        <v>97709048</v>
      </c>
      <c r="F12" s="99">
        <v>0</v>
      </c>
      <c r="G12" s="104">
        <v>343576691</v>
      </c>
      <c r="H12" s="104">
        <v>555515796</v>
      </c>
      <c r="I12" s="104">
        <v>511618842</v>
      </c>
      <c r="J12" s="104">
        <v>452018934</v>
      </c>
      <c r="K12" s="104">
        <v>305232332</v>
      </c>
      <c r="L12" s="102">
        <v>2167962595</v>
      </c>
      <c r="M12" s="106">
        <v>2265671643</v>
      </c>
      <c r="N12" s="100">
        <v>4979036</v>
      </c>
      <c r="O12" s="104">
        <v>17221461</v>
      </c>
      <c r="P12" s="103">
        <v>22200497</v>
      </c>
      <c r="Q12" s="100">
        <v>0</v>
      </c>
      <c r="R12" s="104">
        <v>94411353</v>
      </c>
      <c r="S12" s="104">
        <v>179277230</v>
      </c>
      <c r="T12" s="104">
        <v>174972177</v>
      </c>
      <c r="U12" s="104">
        <v>179768332</v>
      </c>
      <c r="V12" s="104">
        <v>156507397</v>
      </c>
      <c r="W12" s="103">
        <v>784936489</v>
      </c>
      <c r="X12" s="106">
        <v>807136986</v>
      </c>
      <c r="Y12" s="100">
        <v>0</v>
      </c>
      <c r="Z12" s="104">
        <v>0</v>
      </c>
      <c r="AA12" s="103">
        <v>0</v>
      </c>
      <c r="AB12" s="100">
        <v>0</v>
      </c>
      <c r="AC12" s="104">
        <v>48901536</v>
      </c>
      <c r="AD12" s="104">
        <v>94293247</v>
      </c>
      <c r="AE12" s="104">
        <v>102785323</v>
      </c>
      <c r="AF12" s="104">
        <v>110460445</v>
      </c>
      <c r="AG12" s="104">
        <v>95342560</v>
      </c>
      <c r="AH12" s="103">
        <v>451783111</v>
      </c>
      <c r="AI12" s="106">
        <v>451783111</v>
      </c>
      <c r="AJ12" s="100">
        <v>0</v>
      </c>
      <c r="AK12" s="104">
        <v>0</v>
      </c>
      <c r="AL12" s="103">
        <v>0</v>
      </c>
      <c r="AM12" s="100">
        <v>0</v>
      </c>
      <c r="AN12" s="104">
        <v>0</v>
      </c>
      <c r="AO12" s="104">
        <v>1073008</v>
      </c>
      <c r="AP12" s="104">
        <v>2710337</v>
      </c>
      <c r="AQ12" s="104">
        <v>9116030</v>
      </c>
      <c r="AR12" s="104">
        <v>14476496</v>
      </c>
      <c r="AS12" s="103">
        <v>27375871</v>
      </c>
      <c r="AT12" s="106">
        <v>27375871</v>
      </c>
      <c r="AU12" s="100">
        <v>2260596</v>
      </c>
      <c r="AV12" s="104">
        <v>11806806</v>
      </c>
      <c r="AW12" s="103">
        <v>14067402</v>
      </c>
      <c r="AX12" s="100">
        <v>0</v>
      </c>
      <c r="AY12" s="104">
        <v>26076690</v>
      </c>
      <c r="AZ12" s="104">
        <v>55233849</v>
      </c>
      <c r="BA12" s="104">
        <v>40029695</v>
      </c>
      <c r="BB12" s="104">
        <v>34982352</v>
      </c>
      <c r="BC12" s="104">
        <v>28852057</v>
      </c>
      <c r="BD12" s="103">
        <v>185174643</v>
      </c>
      <c r="BE12" s="106">
        <v>199242045</v>
      </c>
      <c r="BF12" s="100">
        <v>174929</v>
      </c>
      <c r="BG12" s="104">
        <v>1391772</v>
      </c>
      <c r="BH12" s="102">
        <v>1566701</v>
      </c>
      <c r="BI12" s="101">
        <v>0</v>
      </c>
      <c r="BJ12" s="104">
        <v>1095985</v>
      </c>
      <c r="BK12" s="104">
        <v>3369474</v>
      </c>
      <c r="BL12" s="104">
        <v>2056848</v>
      </c>
      <c r="BM12" s="104">
        <v>1558103</v>
      </c>
      <c r="BN12" s="104">
        <v>801931</v>
      </c>
      <c r="BO12" s="103">
        <v>8882341</v>
      </c>
      <c r="BP12" s="106">
        <v>10449042</v>
      </c>
      <c r="BQ12" s="100">
        <v>2543511</v>
      </c>
      <c r="BR12" s="104">
        <v>4022883</v>
      </c>
      <c r="BS12" s="103">
        <v>6566394</v>
      </c>
      <c r="BT12" s="100">
        <v>0</v>
      </c>
      <c r="BU12" s="104">
        <v>18337142</v>
      </c>
      <c r="BV12" s="104">
        <v>25307652</v>
      </c>
      <c r="BW12" s="104">
        <v>27389974</v>
      </c>
      <c r="BX12" s="104">
        <v>23651402</v>
      </c>
      <c r="BY12" s="104">
        <v>17034353</v>
      </c>
      <c r="BZ12" s="103">
        <v>111720523</v>
      </c>
      <c r="CA12" s="106">
        <v>118286917</v>
      </c>
      <c r="CB12" s="100">
        <v>1938351</v>
      </c>
      <c r="CC12" s="104">
        <v>6843630</v>
      </c>
      <c r="CD12" s="103">
        <v>8781981</v>
      </c>
      <c r="CE12" s="100">
        <v>0</v>
      </c>
      <c r="CF12" s="104">
        <v>103725604</v>
      </c>
      <c r="CG12" s="104">
        <v>168575755</v>
      </c>
      <c r="CH12" s="104">
        <v>136160702</v>
      </c>
      <c r="CI12" s="104">
        <v>84618839</v>
      </c>
      <c r="CJ12" s="104">
        <v>42136458</v>
      </c>
      <c r="CK12" s="103">
        <v>535217358</v>
      </c>
      <c r="CL12" s="106">
        <v>543999339</v>
      </c>
      <c r="CM12" s="100">
        <v>0</v>
      </c>
      <c r="CN12" s="104">
        <v>0</v>
      </c>
      <c r="CO12" s="103">
        <v>0</v>
      </c>
      <c r="CP12" s="101">
        <v>0</v>
      </c>
      <c r="CQ12" s="104">
        <v>96583369</v>
      </c>
      <c r="CR12" s="104">
        <v>143654134</v>
      </c>
      <c r="CS12" s="104">
        <v>117058328</v>
      </c>
      <c r="CT12" s="104">
        <v>69962484</v>
      </c>
      <c r="CU12" s="104">
        <v>37142498</v>
      </c>
      <c r="CV12" s="103">
        <v>464400813</v>
      </c>
      <c r="CW12" s="106">
        <v>464400813</v>
      </c>
      <c r="CX12" s="100">
        <v>1938351</v>
      </c>
      <c r="CY12" s="104">
        <v>6843630</v>
      </c>
      <c r="CZ12" s="103">
        <v>8781981</v>
      </c>
      <c r="DA12" s="100">
        <v>0</v>
      </c>
      <c r="DB12" s="104">
        <v>7142235</v>
      </c>
      <c r="DC12" s="104">
        <v>24921621</v>
      </c>
      <c r="DD12" s="104">
        <v>19102374</v>
      </c>
      <c r="DE12" s="104">
        <v>14656355</v>
      </c>
      <c r="DF12" s="104">
        <v>4993960</v>
      </c>
      <c r="DG12" s="103">
        <v>70816545</v>
      </c>
      <c r="DH12" s="106">
        <v>79598526</v>
      </c>
      <c r="DI12" s="100">
        <v>36718</v>
      </c>
      <c r="DJ12" s="104">
        <v>161405</v>
      </c>
      <c r="DK12" s="102">
        <v>198123</v>
      </c>
      <c r="DL12" s="101">
        <v>0</v>
      </c>
      <c r="DM12" s="104">
        <v>7568441</v>
      </c>
      <c r="DN12" s="104">
        <v>21187371</v>
      </c>
      <c r="DO12" s="104">
        <v>47438401</v>
      </c>
      <c r="DP12" s="104">
        <v>40421586</v>
      </c>
      <c r="DQ12" s="104">
        <v>22799757</v>
      </c>
      <c r="DR12" s="103">
        <v>139415556</v>
      </c>
      <c r="DS12" s="106">
        <v>139613679</v>
      </c>
      <c r="DT12" s="100">
        <v>36718</v>
      </c>
      <c r="DU12" s="104">
        <v>161405</v>
      </c>
      <c r="DV12" s="103">
        <v>198123</v>
      </c>
      <c r="DW12" s="100">
        <v>0</v>
      </c>
      <c r="DX12" s="104">
        <v>7520824</v>
      </c>
      <c r="DY12" s="104">
        <v>20864919</v>
      </c>
      <c r="DZ12" s="104">
        <v>46287598</v>
      </c>
      <c r="EA12" s="104">
        <v>39006763</v>
      </c>
      <c r="EB12" s="104">
        <v>21724798</v>
      </c>
      <c r="EC12" s="103">
        <v>135404902</v>
      </c>
      <c r="ED12" s="106">
        <v>135603025</v>
      </c>
      <c r="EE12" s="100">
        <v>0</v>
      </c>
      <c r="EF12" s="102">
        <v>0</v>
      </c>
      <c r="EG12" s="103">
        <v>0</v>
      </c>
      <c r="EH12" s="100">
        <v>0</v>
      </c>
      <c r="EI12" s="104">
        <v>47617</v>
      </c>
      <c r="EJ12" s="104">
        <v>322452</v>
      </c>
      <c r="EK12" s="104">
        <v>1150803</v>
      </c>
      <c r="EL12" s="104">
        <v>1414823</v>
      </c>
      <c r="EM12" s="104">
        <v>1074959</v>
      </c>
      <c r="EN12" s="102">
        <v>4010654</v>
      </c>
      <c r="EO12" s="106">
        <v>4010654</v>
      </c>
      <c r="EP12" s="100">
        <v>0</v>
      </c>
      <c r="EQ12" s="104">
        <v>0</v>
      </c>
      <c r="ER12" s="102">
        <v>0</v>
      </c>
      <c r="ES12" s="101">
        <v>0</v>
      </c>
      <c r="ET12" s="104">
        <v>0</v>
      </c>
      <c r="EU12" s="104">
        <v>0</v>
      </c>
      <c r="EV12" s="104">
        <v>0</v>
      </c>
      <c r="EW12" s="104">
        <v>0</v>
      </c>
      <c r="EX12" s="104">
        <v>0</v>
      </c>
      <c r="EY12" s="103">
        <v>0</v>
      </c>
      <c r="EZ12" s="106">
        <v>0</v>
      </c>
      <c r="FA12" s="100">
        <v>0</v>
      </c>
      <c r="FB12" s="104">
        <v>0</v>
      </c>
      <c r="FC12" s="102">
        <v>0</v>
      </c>
      <c r="FD12" s="324"/>
      <c r="FE12" s="104">
        <v>0</v>
      </c>
      <c r="FF12" s="104">
        <v>0</v>
      </c>
      <c r="FG12" s="104">
        <v>0</v>
      </c>
      <c r="FH12" s="104">
        <v>0</v>
      </c>
      <c r="FI12" s="104">
        <v>0</v>
      </c>
      <c r="FJ12" s="103">
        <v>0</v>
      </c>
      <c r="FK12" s="106">
        <v>0</v>
      </c>
      <c r="FL12" s="100">
        <v>7530129</v>
      </c>
      <c r="FM12" s="104">
        <v>23262722</v>
      </c>
      <c r="FN12" s="103">
        <v>30792851</v>
      </c>
      <c r="FO12" s="100">
        <v>0</v>
      </c>
      <c r="FP12" s="104">
        <v>18989303</v>
      </c>
      <c r="FQ12" s="104">
        <v>56351843</v>
      </c>
      <c r="FR12" s="104">
        <v>40326374</v>
      </c>
      <c r="FS12" s="104">
        <v>37466095</v>
      </c>
      <c r="FT12" s="104">
        <v>23644880</v>
      </c>
      <c r="FU12" s="103">
        <v>176778495</v>
      </c>
      <c r="FV12" s="106">
        <v>207571346</v>
      </c>
      <c r="FW12" s="105">
        <v>4953087</v>
      </c>
      <c r="FX12" s="104">
        <v>17851140</v>
      </c>
      <c r="FY12" s="102">
        <v>22804227</v>
      </c>
      <c r="FZ12" s="101">
        <v>0</v>
      </c>
      <c r="GA12" s="104">
        <v>15222233</v>
      </c>
      <c r="GB12" s="104">
        <v>51860274</v>
      </c>
      <c r="GC12" s="104">
        <v>37831605</v>
      </c>
      <c r="GD12" s="104">
        <v>33974140</v>
      </c>
      <c r="GE12" s="104">
        <v>22695452</v>
      </c>
      <c r="GF12" s="103">
        <v>161583704</v>
      </c>
      <c r="GG12" s="296">
        <v>184387931</v>
      </c>
      <c r="GH12" s="105">
        <v>420737</v>
      </c>
      <c r="GI12" s="104">
        <v>1125150</v>
      </c>
      <c r="GJ12" s="102">
        <v>1545887</v>
      </c>
      <c r="GK12" s="101">
        <v>0</v>
      </c>
      <c r="GL12" s="104">
        <v>775614</v>
      </c>
      <c r="GM12" s="104">
        <v>1335877</v>
      </c>
      <c r="GN12" s="104">
        <v>987117</v>
      </c>
      <c r="GO12" s="104">
        <v>998429</v>
      </c>
      <c r="GP12" s="104">
        <v>480128</v>
      </c>
      <c r="GQ12" s="103">
        <v>4577165</v>
      </c>
      <c r="GR12" s="106">
        <v>6123052</v>
      </c>
      <c r="GS12" s="100">
        <v>2156305</v>
      </c>
      <c r="GT12" s="104">
        <v>4286432</v>
      </c>
      <c r="GU12" s="103">
        <v>6442737</v>
      </c>
      <c r="GV12" s="100">
        <v>0</v>
      </c>
      <c r="GW12" s="104">
        <v>2991456</v>
      </c>
      <c r="GX12" s="104">
        <v>3155692</v>
      </c>
      <c r="GY12" s="104">
        <v>1507652</v>
      </c>
      <c r="GZ12" s="104">
        <v>2493526</v>
      </c>
      <c r="HA12" s="104">
        <v>469300</v>
      </c>
      <c r="HB12" s="102">
        <v>10617626</v>
      </c>
      <c r="HC12" s="106">
        <v>17060363</v>
      </c>
      <c r="HD12" s="100">
        <v>6886458</v>
      </c>
      <c r="HE12" s="104">
        <v>10712734</v>
      </c>
      <c r="HF12" s="102">
        <v>17599192</v>
      </c>
      <c r="HG12" s="101">
        <v>0</v>
      </c>
      <c r="HH12" s="104">
        <v>61200130</v>
      </c>
      <c r="HI12" s="104">
        <v>53600484</v>
      </c>
      <c r="HJ12" s="104">
        <v>61355052</v>
      </c>
      <c r="HK12" s="104">
        <v>75446506</v>
      </c>
      <c r="HL12" s="104">
        <v>41367547</v>
      </c>
      <c r="HM12" s="103">
        <v>292969719</v>
      </c>
      <c r="HN12" s="99">
        <v>310568911</v>
      </c>
      <c r="HO12" s="105">
        <v>4999457</v>
      </c>
      <c r="HP12" s="104">
        <v>13136947</v>
      </c>
      <c r="HQ12" s="103">
        <v>18136404</v>
      </c>
      <c r="HR12" s="100">
        <v>0</v>
      </c>
      <c r="HS12" s="104">
        <v>57681860</v>
      </c>
      <c r="HT12" s="104">
        <v>76523113</v>
      </c>
      <c r="HU12" s="104">
        <v>51366136</v>
      </c>
      <c r="HV12" s="104">
        <v>34297576</v>
      </c>
      <c r="HW12" s="104">
        <v>18776293</v>
      </c>
      <c r="HX12" s="102">
        <v>238644978</v>
      </c>
      <c r="HY12" s="106">
        <v>256781382</v>
      </c>
      <c r="HZ12" s="118">
        <v>1173878</v>
      </c>
      <c r="IA12" s="119">
        <v>3569079</v>
      </c>
      <c r="IB12" s="120">
        <v>4742957</v>
      </c>
      <c r="IC12" s="121">
        <v>0</v>
      </c>
      <c r="ID12" s="122">
        <v>124052212</v>
      </c>
      <c r="IE12" s="123">
        <v>182505797</v>
      </c>
      <c r="IF12" s="124">
        <v>211624164</v>
      </c>
      <c r="IG12" s="122">
        <v>143971468</v>
      </c>
      <c r="IH12" s="124">
        <v>96592527</v>
      </c>
      <c r="II12" s="125">
        <v>758746168</v>
      </c>
      <c r="IJ12" s="126">
        <v>763489125</v>
      </c>
      <c r="IK12" s="219">
        <v>0</v>
      </c>
      <c r="IL12" s="223">
        <v>0</v>
      </c>
      <c r="IM12" s="224">
        <v>0</v>
      </c>
      <c r="IN12" s="324"/>
      <c r="IO12" s="109">
        <v>2256227</v>
      </c>
      <c r="IP12" s="109">
        <v>4883149</v>
      </c>
      <c r="IQ12" s="109">
        <v>5602181</v>
      </c>
      <c r="IR12" s="109">
        <v>6323992</v>
      </c>
      <c r="IS12" s="109">
        <v>9992286</v>
      </c>
      <c r="IT12" s="128">
        <v>29057835</v>
      </c>
      <c r="IU12" s="298">
        <v>29057835</v>
      </c>
      <c r="IV12" s="129">
        <v>0</v>
      </c>
      <c r="IW12" s="109">
        <v>0</v>
      </c>
      <c r="IX12" s="110">
        <v>0</v>
      </c>
      <c r="IY12" s="324"/>
      <c r="IZ12" s="109">
        <v>0</v>
      </c>
      <c r="JA12" s="109">
        <v>0</v>
      </c>
      <c r="JB12" s="109">
        <v>0</v>
      </c>
      <c r="JC12" s="109">
        <v>0</v>
      </c>
      <c r="JD12" s="109">
        <v>0</v>
      </c>
      <c r="JE12" s="110">
        <v>0</v>
      </c>
      <c r="JF12" s="111">
        <v>0</v>
      </c>
      <c r="JG12" s="129">
        <v>0</v>
      </c>
      <c r="JH12" s="109">
        <v>0</v>
      </c>
      <c r="JI12" s="128">
        <v>0</v>
      </c>
      <c r="JJ12" s="108">
        <v>0</v>
      </c>
      <c r="JK12" s="109">
        <v>49139688</v>
      </c>
      <c r="JL12" s="109">
        <v>68967376</v>
      </c>
      <c r="JM12" s="109">
        <v>47771969</v>
      </c>
      <c r="JN12" s="109">
        <v>31136981</v>
      </c>
      <c r="JO12" s="109">
        <v>18429295</v>
      </c>
      <c r="JP12" s="110">
        <v>215445309</v>
      </c>
      <c r="JQ12" s="298">
        <v>215445309</v>
      </c>
      <c r="JR12" s="129">
        <v>0</v>
      </c>
      <c r="JS12" s="109">
        <v>0</v>
      </c>
      <c r="JT12" s="128">
        <v>0</v>
      </c>
      <c r="JU12" s="108">
        <v>0</v>
      </c>
      <c r="JV12" s="109">
        <v>1288287</v>
      </c>
      <c r="JW12" s="109">
        <v>2073333</v>
      </c>
      <c r="JX12" s="109">
        <v>6443882</v>
      </c>
      <c r="JY12" s="109">
        <v>2786413</v>
      </c>
      <c r="JZ12" s="109">
        <v>3936267</v>
      </c>
      <c r="KA12" s="110">
        <v>16528182</v>
      </c>
      <c r="KB12" s="298">
        <v>16528182</v>
      </c>
      <c r="KC12" s="221">
        <v>1173878</v>
      </c>
      <c r="KD12" s="217">
        <v>3074671</v>
      </c>
      <c r="KE12" s="110">
        <v>4248549</v>
      </c>
      <c r="KF12" s="108">
        <v>0</v>
      </c>
      <c r="KG12" s="109">
        <v>16572272</v>
      </c>
      <c r="KH12" s="109">
        <v>28102557</v>
      </c>
      <c r="KI12" s="109">
        <v>32998890</v>
      </c>
      <c r="KJ12" s="109">
        <v>22617732</v>
      </c>
      <c r="KK12" s="109">
        <v>7655459</v>
      </c>
      <c r="KL12" s="110">
        <v>107946910</v>
      </c>
      <c r="KM12" s="130">
        <v>112195459</v>
      </c>
      <c r="KN12" s="219">
        <v>0</v>
      </c>
      <c r="KO12" s="223">
        <v>494408</v>
      </c>
      <c r="KP12" s="224">
        <v>494408</v>
      </c>
      <c r="KQ12" s="127"/>
      <c r="KR12" s="109">
        <v>52980277</v>
      </c>
      <c r="KS12" s="109">
        <v>73907939</v>
      </c>
      <c r="KT12" s="109">
        <v>108070204</v>
      </c>
      <c r="KU12" s="109">
        <v>59338364</v>
      </c>
      <c r="KV12" s="109">
        <v>41280997</v>
      </c>
      <c r="KW12" s="110">
        <v>335577781</v>
      </c>
      <c r="KX12" s="298">
        <v>336072189</v>
      </c>
      <c r="KY12" s="129">
        <v>0</v>
      </c>
      <c r="KZ12" s="109">
        <v>0</v>
      </c>
      <c r="LA12" s="110">
        <v>0</v>
      </c>
      <c r="LB12" s="132"/>
      <c r="LC12" s="109">
        <v>0</v>
      </c>
      <c r="LD12" s="109">
        <v>0</v>
      </c>
      <c r="LE12" s="109">
        <v>0</v>
      </c>
      <c r="LF12" s="109">
        <v>0</v>
      </c>
      <c r="LG12" s="109">
        <v>0</v>
      </c>
      <c r="LH12" s="110">
        <v>0</v>
      </c>
      <c r="LI12" s="111">
        <v>0</v>
      </c>
      <c r="LJ12" s="129">
        <v>0</v>
      </c>
      <c r="LK12" s="109">
        <v>0</v>
      </c>
      <c r="LL12" s="110">
        <v>0</v>
      </c>
      <c r="LM12" s="132"/>
      <c r="LN12" s="109">
        <v>0</v>
      </c>
      <c r="LO12" s="109">
        <v>182059</v>
      </c>
      <c r="LP12" s="109">
        <v>3109360</v>
      </c>
      <c r="LQ12" s="109">
        <v>8743754</v>
      </c>
      <c r="LR12" s="109">
        <v>3772216</v>
      </c>
      <c r="LS12" s="110">
        <v>15807389</v>
      </c>
      <c r="LT12" s="298">
        <v>15807389</v>
      </c>
      <c r="LU12" s="129">
        <v>0</v>
      </c>
      <c r="LV12" s="109">
        <v>0</v>
      </c>
      <c r="LW12" s="110">
        <v>0</v>
      </c>
      <c r="LX12" s="132"/>
      <c r="LY12" s="109">
        <v>1815461</v>
      </c>
      <c r="LZ12" s="109">
        <v>4389384</v>
      </c>
      <c r="MA12" s="109">
        <v>7627678</v>
      </c>
      <c r="MB12" s="109">
        <v>13024232</v>
      </c>
      <c r="MC12" s="109">
        <v>11526007</v>
      </c>
      <c r="MD12" s="110">
        <v>38382762</v>
      </c>
      <c r="ME12" s="111">
        <v>38382762</v>
      </c>
      <c r="MF12" s="129">
        <v>0</v>
      </c>
      <c r="MG12" s="109">
        <v>0</v>
      </c>
      <c r="MH12" s="110">
        <v>0</v>
      </c>
      <c r="MI12" s="132"/>
      <c r="MJ12" s="109">
        <v>20409956</v>
      </c>
      <c r="MK12" s="109">
        <v>70008625</v>
      </c>
      <c r="ML12" s="109">
        <v>321026830</v>
      </c>
      <c r="MM12" s="109">
        <v>530995241</v>
      </c>
      <c r="MN12" s="109">
        <v>356053821</v>
      </c>
      <c r="MO12" s="110">
        <v>1298494473</v>
      </c>
      <c r="MP12" s="130">
        <v>1298494473</v>
      </c>
      <c r="MQ12" s="129">
        <v>0</v>
      </c>
      <c r="MR12" s="109">
        <v>0</v>
      </c>
      <c r="MS12" s="110">
        <v>0</v>
      </c>
      <c r="MT12" s="132"/>
      <c r="MU12" s="109">
        <v>2459025</v>
      </c>
      <c r="MV12" s="109">
        <v>11262434</v>
      </c>
      <c r="MW12" s="109">
        <v>225050938</v>
      </c>
      <c r="MX12" s="109">
        <v>370174879</v>
      </c>
      <c r="MY12" s="109">
        <v>250061016</v>
      </c>
      <c r="MZ12" s="110">
        <v>859008292</v>
      </c>
      <c r="NA12" s="130">
        <v>859008292</v>
      </c>
      <c r="NB12" s="129">
        <v>0</v>
      </c>
      <c r="NC12" s="109">
        <v>0</v>
      </c>
      <c r="ND12" s="110">
        <v>0</v>
      </c>
      <c r="NE12" s="132"/>
      <c r="NF12" s="109">
        <v>17950931</v>
      </c>
      <c r="NG12" s="109">
        <v>58746191</v>
      </c>
      <c r="NH12" s="109">
        <v>92372167</v>
      </c>
      <c r="NI12" s="109">
        <v>123766234</v>
      </c>
      <c r="NJ12" s="109">
        <v>67192664</v>
      </c>
      <c r="NK12" s="110">
        <v>360028187</v>
      </c>
      <c r="NL12" s="298">
        <v>360028187</v>
      </c>
      <c r="NM12" s="129">
        <v>0</v>
      </c>
      <c r="NN12" s="109">
        <v>0</v>
      </c>
      <c r="NO12" s="110">
        <v>0</v>
      </c>
      <c r="NP12" s="132"/>
      <c r="NQ12" s="109">
        <v>0</v>
      </c>
      <c r="NR12" s="109">
        <v>0</v>
      </c>
      <c r="NS12" s="109">
        <v>715091</v>
      </c>
      <c r="NT12" s="109">
        <v>7721419</v>
      </c>
      <c r="NU12" s="109">
        <v>4789603</v>
      </c>
      <c r="NV12" s="110">
        <v>13226113</v>
      </c>
      <c r="NW12" s="111">
        <v>13226113</v>
      </c>
      <c r="NX12" s="129">
        <v>0</v>
      </c>
      <c r="NY12" s="109">
        <v>0</v>
      </c>
      <c r="NZ12" s="110">
        <v>0</v>
      </c>
      <c r="OA12" s="132"/>
      <c r="OB12" s="109">
        <v>0</v>
      </c>
      <c r="OC12" s="109">
        <v>0</v>
      </c>
      <c r="OD12" s="109">
        <v>2888634</v>
      </c>
      <c r="OE12" s="109">
        <v>29332709</v>
      </c>
      <c r="OF12" s="109">
        <v>34010538</v>
      </c>
      <c r="OG12" s="110">
        <v>66231881</v>
      </c>
      <c r="OH12" s="111">
        <v>66231881</v>
      </c>
      <c r="OI12" s="129">
        <v>27544027</v>
      </c>
      <c r="OJ12" s="109">
        <v>74907978</v>
      </c>
      <c r="OK12" s="128">
        <v>102452005</v>
      </c>
      <c r="OL12" s="108">
        <v>0</v>
      </c>
      <c r="OM12" s="109">
        <v>488038859</v>
      </c>
      <c r="ON12" s="109">
        <v>808030218</v>
      </c>
      <c r="OO12" s="109">
        <v>1044269836</v>
      </c>
      <c r="OP12" s="109">
        <v>1126985643</v>
      </c>
      <c r="OQ12" s="109">
        <v>757878680</v>
      </c>
      <c r="OR12" s="110">
        <v>4225203236</v>
      </c>
      <c r="OS12" s="130">
        <v>4327655241</v>
      </c>
    </row>
    <row r="13" spans="1:409" ht="21" customHeight="1" x14ac:dyDescent="0.2">
      <c r="B13" s="472" t="s">
        <v>7</v>
      </c>
      <c r="C13" s="100">
        <v>15664388</v>
      </c>
      <c r="D13" s="104">
        <v>20475579</v>
      </c>
      <c r="E13" s="103">
        <v>36139967</v>
      </c>
      <c r="F13" s="99">
        <v>0</v>
      </c>
      <c r="G13" s="104">
        <v>370019645</v>
      </c>
      <c r="H13" s="104">
        <v>348182617</v>
      </c>
      <c r="I13" s="104">
        <v>283133086</v>
      </c>
      <c r="J13" s="104">
        <v>289783716</v>
      </c>
      <c r="K13" s="104">
        <v>199769501</v>
      </c>
      <c r="L13" s="99">
        <v>1490888565</v>
      </c>
      <c r="M13" s="106">
        <v>1527028532</v>
      </c>
      <c r="N13" s="100">
        <v>2428677</v>
      </c>
      <c r="O13" s="104">
        <v>2453709</v>
      </c>
      <c r="P13" s="103">
        <v>4882386</v>
      </c>
      <c r="Q13" s="100">
        <v>0</v>
      </c>
      <c r="R13" s="104">
        <v>90909112</v>
      </c>
      <c r="S13" s="104">
        <v>103089131</v>
      </c>
      <c r="T13" s="104">
        <v>95400404</v>
      </c>
      <c r="U13" s="104">
        <v>126182622</v>
      </c>
      <c r="V13" s="104">
        <v>106425999</v>
      </c>
      <c r="W13" s="103">
        <v>522007268</v>
      </c>
      <c r="X13" s="106">
        <v>526889654</v>
      </c>
      <c r="Y13" s="100">
        <v>0</v>
      </c>
      <c r="Z13" s="104">
        <v>0</v>
      </c>
      <c r="AA13" s="103">
        <v>0</v>
      </c>
      <c r="AB13" s="100">
        <v>0</v>
      </c>
      <c r="AC13" s="104">
        <v>49705998</v>
      </c>
      <c r="AD13" s="104">
        <v>55601984</v>
      </c>
      <c r="AE13" s="104">
        <v>59745674</v>
      </c>
      <c r="AF13" s="104">
        <v>80733632</v>
      </c>
      <c r="AG13" s="104">
        <v>64989918</v>
      </c>
      <c r="AH13" s="103">
        <v>310777206</v>
      </c>
      <c r="AI13" s="106">
        <v>310777206</v>
      </c>
      <c r="AJ13" s="100">
        <v>0</v>
      </c>
      <c r="AK13" s="104">
        <v>0</v>
      </c>
      <c r="AL13" s="103">
        <v>0</v>
      </c>
      <c r="AM13" s="100">
        <v>0</v>
      </c>
      <c r="AN13" s="104">
        <v>409962</v>
      </c>
      <c r="AO13" s="104">
        <v>2475144</v>
      </c>
      <c r="AP13" s="104">
        <v>3215171</v>
      </c>
      <c r="AQ13" s="104">
        <v>8267485</v>
      </c>
      <c r="AR13" s="104">
        <v>12266971</v>
      </c>
      <c r="AS13" s="103">
        <v>26634733</v>
      </c>
      <c r="AT13" s="106">
        <v>26634733</v>
      </c>
      <c r="AU13" s="100">
        <v>570472</v>
      </c>
      <c r="AV13" s="104">
        <v>1005300</v>
      </c>
      <c r="AW13" s="103">
        <v>1575772</v>
      </c>
      <c r="AX13" s="100">
        <v>0</v>
      </c>
      <c r="AY13" s="104">
        <v>22867225</v>
      </c>
      <c r="AZ13" s="104">
        <v>27120778</v>
      </c>
      <c r="BA13" s="104">
        <v>17283284</v>
      </c>
      <c r="BB13" s="104">
        <v>20739663</v>
      </c>
      <c r="BC13" s="104">
        <v>18734259</v>
      </c>
      <c r="BD13" s="103">
        <v>106745209</v>
      </c>
      <c r="BE13" s="106">
        <v>108320981</v>
      </c>
      <c r="BF13" s="100">
        <v>175733</v>
      </c>
      <c r="BG13" s="104">
        <v>341985</v>
      </c>
      <c r="BH13" s="102">
        <v>517718</v>
      </c>
      <c r="BI13" s="101">
        <v>0</v>
      </c>
      <c r="BJ13" s="104">
        <v>2660494</v>
      </c>
      <c r="BK13" s="104">
        <v>3422484</v>
      </c>
      <c r="BL13" s="104">
        <v>2037344</v>
      </c>
      <c r="BM13" s="104">
        <v>2283043</v>
      </c>
      <c r="BN13" s="104">
        <v>900230</v>
      </c>
      <c r="BO13" s="103">
        <v>11303595</v>
      </c>
      <c r="BP13" s="106">
        <v>11821313</v>
      </c>
      <c r="BQ13" s="100">
        <v>1682472</v>
      </c>
      <c r="BR13" s="104">
        <v>1106424</v>
      </c>
      <c r="BS13" s="103">
        <v>2788896</v>
      </c>
      <c r="BT13" s="100">
        <v>0</v>
      </c>
      <c r="BU13" s="104">
        <v>15265433</v>
      </c>
      <c r="BV13" s="104">
        <v>14468741</v>
      </c>
      <c r="BW13" s="104">
        <v>13118931</v>
      </c>
      <c r="BX13" s="104">
        <v>14158799</v>
      </c>
      <c r="BY13" s="104">
        <v>9534621</v>
      </c>
      <c r="BZ13" s="103">
        <v>66546525</v>
      </c>
      <c r="CA13" s="106">
        <v>69335421</v>
      </c>
      <c r="CB13" s="100">
        <v>1184963</v>
      </c>
      <c r="CC13" s="104">
        <v>2682737</v>
      </c>
      <c r="CD13" s="103">
        <v>3867700</v>
      </c>
      <c r="CE13" s="100">
        <v>0</v>
      </c>
      <c r="CF13" s="104">
        <v>104462883</v>
      </c>
      <c r="CG13" s="104">
        <v>88384888</v>
      </c>
      <c r="CH13" s="104">
        <v>56256865</v>
      </c>
      <c r="CI13" s="104">
        <v>36426634</v>
      </c>
      <c r="CJ13" s="104">
        <v>17070011</v>
      </c>
      <c r="CK13" s="103">
        <v>302601281</v>
      </c>
      <c r="CL13" s="106">
        <v>306468981</v>
      </c>
      <c r="CM13" s="100">
        <v>0</v>
      </c>
      <c r="CN13" s="104">
        <v>0</v>
      </c>
      <c r="CO13" s="103">
        <v>0</v>
      </c>
      <c r="CP13" s="101">
        <v>0</v>
      </c>
      <c r="CQ13" s="104">
        <v>89421365</v>
      </c>
      <c r="CR13" s="104">
        <v>73194249</v>
      </c>
      <c r="CS13" s="104">
        <v>44424634</v>
      </c>
      <c r="CT13" s="104">
        <v>30974636</v>
      </c>
      <c r="CU13" s="104">
        <v>14635628</v>
      </c>
      <c r="CV13" s="103">
        <v>252650512</v>
      </c>
      <c r="CW13" s="106">
        <v>252650512</v>
      </c>
      <c r="CX13" s="100">
        <v>1184963</v>
      </c>
      <c r="CY13" s="104">
        <v>2682737</v>
      </c>
      <c r="CZ13" s="103">
        <v>3867700</v>
      </c>
      <c r="DA13" s="100">
        <v>0</v>
      </c>
      <c r="DB13" s="104">
        <v>15041518</v>
      </c>
      <c r="DC13" s="104">
        <v>15190639</v>
      </c>
      <c r="DD13" s="104">
        <v>11832231</v>
      </c>
      <c r="DE13" s="104">
        <v>5451998</v>
      </c>
      <c r="DF13" s="104">
        <v>2434383</v>
      </c>
      <c r="DG13" s="103">
        <v>49950769</v>
      </c>
      <c r="DH13" s="106">
        <v>53818469</v>
      </c>
      <c r="DI13" s="100">
        <v>80576</v>
      </c>
      <c r="DJ13" s="104">
        <v>190736</v>
      </c>
      <c r="DK13" s="102">
        <v>271312</v>
      </c>
      <c r="DL13" s="101">
        <v>0</v>
      </c>
      <c r="DM13" s="104">
        <v>13063259</v>
      </c>
      <c r="DN13" s="104">
        <v>20536101</v>
      </c>
      <c r="DO13" s="104">
        <v>28073661</v>
      </c>
      <c r="DP13" s="104">
        <v>22531971</v>
      </c>
      <c r="DQ13" s="104">
        <v>12562791</v>
      </c>
      <c r="DR13" s="103">
        <v>96767783</v>
      </c>
      <c r="DS13" s="106">
        <v>97039095</v>
      </c>
      <c r="DT13" s="100">
        <v>80576</v>
      </c>
      <c r="DU13" s="104">
        <v>190736</v>
      </c>
      <c r="DV13" s="103">
        <v>271312</v>
      </c>
      <c r="DW13" s="100">
        <v>0</v>
      </c>
      <c r="DX13" s="104">
        <v>12224066</v>
      </c>
      <c r="DY13" s="104">
        <v>19349394</v>
      </c>
      <c r="DZ13" s="104">
        <v>26475026</v>
      </c>
      <c r="EA13" s="104">
        <v>20750129</v>
      </c>
      <c r="EB13" s="104">
        <v>11422503</v>
      </c>
      <c r="EC13" s="103">
        <v>90221118</v>
      </c>
      <c r="ED13" s="106">
        <v>90492430</v>
      </c>
      <c r="EE13" s="100">
        <v>0</v>
      </c>
      <c r="EF13" s="102">
        <v>0</v>
      </c>
      <c r="EG13" s="103">
        <v>0</v>
      </c>
      <c r="EH13" s="100">
        <v>0</v>
      </c>
      <c r="EI13" s="104">
        <v>839193</v>
      </c>
      <c r="EJ13" s="104">
        <v>1186707</v>
      </c>
      <c r="EK13" s="104">
        <v>1598635</v>
      </c>
      <c r="EL13" s="104">
        <v>1781842</v>
      </c>
      <c r="EM13" s="104">
        <v>1140288</v>
      </c>
      <c r="EN13" s="102">
        <v>6546665</v>
      </c>
      <c r="EO13" s="106">
        <v>6546665</v>
      </c>
      <c r="EP13" s="100">
        <v>0</v>
      </c>
      <c r="EQ13" s="104">
        <v>0</v>
      </c>
      <c r="ER13" s="102">
        <v>0</v>
      </c>
      <c r="ES13" s="101">
        <v>0</v>
      </c>
      <c r="ET13" s="104">
        <v>0</v>
      </c>
      <c r="EU13" s="104">
        <v>0</v>
      </c>
      <c r="EV13" s="104">
        <v>0</v>
      </c>
      <c r="EW13" s="104">
        <v>0</v>
      </c>
      <c r="EX13" s="104">
        <v>0</v>
      </c>
      <c r="EY13" s="103">
        <v>0</v>
      </c>
      <c r="EZ13" s="106">
        <v>0</v>
      </c>
      <c r="FA13" s="100">
        <v>0</v>
      </c>
      <c r="FB13" s="104">
        <v>0</v>
      </c>
      <c r="FC13" s="102">
        <v>0</v>
      </c>
      <c r="FD13" s="324"/>
      <c r="FE13" s="104">
        <v>0</v>
      </c>
      <c r="FF13" s="104">
        <v>0</v>
      </c>
      <c r="FG13" s="104">
        <v>0</v>
      </c>
      <c r="FH13" s="104">
        <v>0</v>
      </c>
      <c r="FI13" s="104">
        <v>0</v>
      </c>
      <c r="FJ13" s="103">
        <v>0</v>
      </c>
      <c r="FK13" s="106">
        <v>0</v>
      </c>
      <c r="FL13" s="100">
        <v>4175643</v>
      </c>
      <c r="FM13" s="104">
        <v>6368601</v>
      </c>
      <c r="FN13" s="103">
        <v>10544244</v>
      </c>
      <c r="FO13" s="100">
        <v>0</v>
      </c>
      <c r="FP13" s="104">
        <v>16283910</v>
      </c>
      <c r="FQ13" s="104">
        <v>31587747</v>
      </c>
      <c r="FR13" s="104">
        <v>19815763</v>
      </c>
      <c r="FS13" s="104">
        <v>20394792</v>
      </c>
      <c r="FT13" s="104">
        <v>12955994</v>
      </c>
      <c r="FU13" s="103">
        <v>101038206</v>
      </c>
      <c r="FV13" s="106">
        <v>111582450</v>
      </c>
      <c r="FW13" s="105">
        <v>1587223</v>
      </c>
      <c r="FX13" s="104">
        <v>3656096</v>
      </c>
      <c r="FY13" s="102">
        <v>5243319</v>
      </c>
      <c r="FZ13" s="101">
        <v>0</v>
      </c>
      <c r="GA13" s="104">
        <v>12207451</v>
      </c>
      <c r="GB13" s="104">
        <v>29532037</v>
      </c>
      <c r="GC13" s="104">
        <v>19078901</v>
      </c>
      <c r="GD13" s="104">
        <v>18647677</v>
      </c>
      <c r="GE13" s="104">
        <v>12629763</v>
      </c>
      <c r="GF13" s="103">
        <v>92095829</v>
      </c>
      <c r="GG13" s="296">
        <v>97339148</v>
      </c>
      <c r="GH13" s="105">
        <v>277487</v>
      </c>
      <c r="GI13" s="104">
        <v>202900</v>
      </c>
      <c r="GJ13" s="102">
        <v>480387</v>
      </c>
      <c r="GK13" s="101">
        <v>0</v>
      </c>
      <c r="GL13" s="104">
        <v>1260075</v>
      </c>
      <c r="GM13" s="104">
        <v>750688</v>
      </c>
      <c r="GN13" s="104">
        <v>408505</v>
      </c>
      <c r="GO13" s="104">
        <v>597794</v>
      </c>
      <c r="GP13" s="104">
        <v>244631</v>
      </c>
      <c r="GQ13" s="103">
        <v>3261693</v>
      </c>
      <c r="GR13" s="106">
        <v>3742080</v>
      </c>
      <c r="GS13" s="100">
        <v>2310933</v>
      </c>
      <c r="GT13" s="104">
        <v>2509605</v>
      </c>
      <c r="GU13" s="103">
        <v>4820538</v>
      </c>
      <c r="GV13" s="100">
        <v>0</v>
      </c>
      <c r="GW13" s="104">
        <v>2816384</v>
      </c>
      <c r="GX13" s="104">
        <v>1305022</v>
      </c>
      <c r="GY13" s="104">
        <v>328357</v>
      </c>
      <c r="GZ13" s="104">
        <v>1149321</v>
      </c>
      <c r="HA13" s="104">
        <v>81600</v>
      </c>
      <c r="HB13" s="102">
        <v>5680684</v>
      </c>
      <c r="HC13" s="106">
        <v>10501222</v>
      </c>
      <c r="HD13" s="100">
        <v>5541521</v>
      </c>
      <c r="HE13" s="104">
        <v>4658433</v>
      </c>
      <c r="HF13" s="102">
        <v>10199954</v>
      </c>
      <c r="HG13" s="101">
        <v>0</v>
      </c>
      <c r="HH13" s="104">
        <v>78097064</v>
      </c>
      <c r="HI13" s="104">
        <v>57469977</v>
      </c>
      <c r="HJ13" s="104">
        <v>55180634</v>
      </c>
      <c r="HK13" s="104">
        <v>63071781</v>
      </c>
      <c r="HL13" s="104">
        <v>38997216</v>
      </c>
      <c r="HM13" s="103">
        <v>292816672</v>
      </c>
      <c r="HN13" s="99">
        <v>303016626</v>
      </c>
      <c r="HO13" s="105">
        <v>2253008</v>
      </c>
      <c r="HP13" s="104">
        <v>4121363</v>
      </c>
      <c r="HQ13" s="103">
        <v>6374371</v>
      </c>
      <c r="HR13" s="100">
        <v>0</v>
      </c>
      <c r="HS13" s="104">
        <v>67203417</v>
      </c>
      <c r="HT13" s="104">
        <v>47114773</v>
      </c>
      <c r="HU13" s="104">
        <v>28405759</v>
      </c>
      <c r="HV13" s="104">
        <v>21175916</v>
      </c>
      <c r="HW13" s="104">
        <v>11757490</v>
      </c>
      <c r="HX13" s="102">
        <v>175657355</v>
      </c>
      <c r="HY13" s="106">
        <v>182031726</v>
      </c>
      <c r="HZ13" s="118">
        <v>79440</v>
      </c>
      <c r="IA13" s="119">
        <v>560130</v>
      </c>
      <c r="IB13" s="120">
        <v>639570</v>
      </c>
      <c r="IC13" s="133">
        <v>0</v>
      </c>
      <c r="ID13" s="119">
        <v>98845699</v>
      </c>
      <c r="IE13" s="134">
        <v>104190430</v>
      </c>
      <c r="IF13" s="120">
        <v>96208622</v>
      </c>
      <c r="IG13" s="119">
        <v>66037417</v>
      </c>
      <c r="IH13" s="120">
        <v>42706240</v>
      </c>
      <c r="II13" s="135">
        <v>407988408</v>
      </c>
      <c r="IJ13" s="126">
        <v>408627978</v>
      </c>
      <c r="IK13" s="219">
        <v>0</v>
      </c>
      <c r="IL13" s="223">
        <v>0</v>
      </c>
      <c r="IM13" s="224">
        <v>0</v>
      </c>
      <c r="IN13" s="324"/>
      <c r="IO13" s="109">
        <v>722115</v>
      </c>
      <c r="IP13" s="109">
        <v>1314367</v>
      </c>
      <c r="IQ13" s="109">
        <v>1037290</v>
      </c>
      <c r="IR13" s="109">
        <v>2960675</v>
      </c>
      <c r="IS13" s="109">
        <v>1218134</v>
      </c>
      <c r="IT13" s="128">
        <v>7252581</v>
      </c>
      <c r="IU13" s="298">
        <v>7252581</v>
      </c>
      <c r="IV13" s="129">
        <v>0</v>
      </c>
      <c r="IW13" s="109">
        <v>0</v>
      </c>
      <c r="IX13" s="110">
        <v>0</v>
      </c>
      <c r="IY13" s="324"/>
      <c r="IZ13" s="109">
        <v>0</v>
      </c>
      <c r="JA13" s="109">
        <v>0</v>
      </c>
      <c r="JB13" s="109">
        <v>0</v>
      </c>
      <c r="JC13" s="109">
        <v>0</v>
      </c>
      <c r="JD13" s="109">
        <v>0</v>
      </c>
      <c r="JE13" s="110">
        <v>0</v>
      </c>
      <c r="JF13" s="111">
        <v>0</v>
      </c>
      <c r="JG13" s="129">
        <v>0</v>
      </c>
      <c r="JH13" s="109">
        <v>0</v>
      </c>
      <c r="JI13" s="128">
        <v>0</v>
      </c>
      <c r="JJ13" s="108">
        <v>0</v>
      </c>
      <c r="JK13" s="109">
        <v>52589087</v>
      </c>
      <c r="JL13" s="109">
        <v>41889800</v>
      </c>
      <c r="JM13" s="109">
        <v>24298392</v>
      </c>
      <c r="JN13" s="109">
        <v>10830992</v>
      </c>
      <c r="JO13" s="109">
        <v>6016933</v>
      </c>
      <c r="JP13" s="110">
        <v>135625204</v>
      </c>
      <c r="JQ13" s="298">
        <v>135625204</v>
      </c>
      <c r="JR13" s="129">
        <v>0</v>
      </c>
      <c r="JS13" s="109">
        <v>44758</v>
      </c>
      <c r="JT13" s="128">
        <v>44758</v>
      </c>
      <c r="JU13" s="108">
        <v>0</v>
      </c>
      <c r="JV13" s="109">
        <v>7989977</v>
      </c>
      <c r="JW13" s="109">
        <v>11082718</v>
      </c>
      <c r="JX13" s="109">
        <v>14768745</v>
      </c>
      <c r="JY13" s="109">
        <v>6216269</v>
      </c>
      <c r="JZ13" s="109">
        <v>2209337</v>
      </c>
      <c r="KA13" s="110">
        <v>42267046</v>
      </c>
      <c r="KB13" s="298">
        <v>42311804</v>
      </c>
      <c r="KC13" s="221">
        <v>79440</v>
      </c>
      <c r="KD13" s="217">
        <v>252042</v>
      </c>
      <c r="KE13" s="110">
        <v>331482</v>
      </c>
      <c r="KF13" s="108">
        <v>0</v>
      </c>
      <c r="KG13" s="109">
        <v>5178184</v>
      </c>
      <c r="KH13" s="109">
        <v>6436334</v>
      </c>
      <c r="KI13" s="109">
        <v>9446898</v>
      </c>
      <c r="KJ13" s="109">
        <v>5532307</v>
      </c>
      <c r="KK13" s="109">
        <v>2837349</v>
      </c>
      <c r="KL13" s="110">
        <v>29431072</v>
      </c>
      <c r="KM13" s="130">
        <v>29762554</v>
      </c>
      <c r="KN13" s="219">
        <v>0</v>
      </c>
      <c r="KO13" s="223">
        <v>263330</v>
      </c>
      <c r="KP13" s="224">
        <v>263330</v>
      </c>
      <c r="KQ13" s="127"/>
      <c r="KR13" s="109">
        <v>30580388</v>
      </c>
      <c r="KS13" s="109">
        <v>41186755</v>
      </c>
      <c r="KT13" s="109">
        <v>43629552</v>
      </c>
      <c r="KU13" s="109">
        <v>37269698</v>
      </c>
      <c r="KV13" s="109">
        <v>21722502</v>
      </c>
      <c r="KW13" s="110">
        <v>174388895</v>
      </c>
      <c r="KX13" s="298">
        <v>174652225</v>
      </c>
      <c r="KY13" s="129">
        <v>0</v>
      </c>
      <c r="KZ13" s="109">
        <v>0</v>
      </c>
      <c r="LA13" s="110">
        <v>0</v>
      </c>
      <c r="LB13" s="132"/>
      <c r="LC13" s="109">
        <v>0</v>
      </c>
      <c r="LD13" s="109">
        <v>0</v>
      </c>
      <c r="LE13" s="109">
        <v>0</v>
      </c>
      <c r="LF13" s="109">
        <v>0</v>
      </c>
      <c r="LG13" s="109">
        <v>0</v>
      </c>
      <c r="LH13" s="110">
        <v>0</v>
      </c>
      <c r="LI13" s="111">
        <v>0</v>
      </c>
      <c r="LJ13" s="129">
        <v>0</v>
      </c>
      <c r="LK13" s="109">
        <v>0</v>
      </c>
      <c r="LL13" s="110">
        <v>0</v>
      </c>
      <c r="LM13" s="132"/>
      <c r="LN13" s="109">
        <v>0</v>
      </c>
      <c r="LO13" s="109">
        <v>0</v>
      </c>
      <c r="LP13" s="109">
        <v>0</v>
      </c>
      <c r="LQ13" s="109">
        <v>0</v>
      </c>
      <c r="LR13" s="109">
        <v>0</v>
      </c>
      <c r="LS13" s="110">
        <v>0</v>
      </c>
      <c r="LT13" s="298">
        <v>0</v>
      </c>
      <c r="LU13" s="129">
        <v>0</v>
      </c>
      <c r="LV13" s="109">
        <v>0</v>
      </c>
      <c r="LW13" s="110">
        <v>0</v>
      </c>
      <c r="LX13" s="132"/>
      <c r="LY13" s="109">
        <v>1785948</v>
      </c>
      <c r="LZ13" s="109">
        <v>2280456</v>
      </c>
      <c r="MA13" s="109">
        <v>3027745</v>
      </c>
      <c r="MB13" s="109">
        <v>3227476</v>
      </c>
      <c r="MC13" s="109">
        <v>8701985</v>
      </c>
      <c r="MD13" s="110">
        <v>19023610</v>
      </c>
      <c r="ME13" s="111">
        <v>19023610</v>
      </c>
      <c r="MF13" s="129">
        <v>0</v>
      </c>
      <c r="MG13" s="109">
        <v>0</v>
      </c>
      <c r="MH13" s="110">
        <v>0</v>
      </c>
      <c r="MI13" s="132"/>
      <c r="MJ13" s="109">
        <v>43010742</v>
      </c>
      <c r="MK13" s="109">
        <v>69038576</v>
      </c>
      <c r="ML13" s="109">
        <v>244510677</v>
      </c>
      <c r="MM13" s="109">
        <v>353571454</v>
      </c>
      <c r="MN13" s="109">
        <v>216223198</v>
      </c>
      <c r="MO13" s="110">
        <v>926354647</v>
      </c>
      <c r="MP13" s="130">
        <v>926354647</v>
      </c>
      <c r="MQ13" s="129">
        <v>0</v>
      </c>
      <c r="MR13" s="109">
        <v>0</v>
      </c>
      <c r="MS13" s="110">
        <v>0</v>
      </c>
      <c r="MT13" s="132"/>
      <c r="MU13" s="109">
        <v>4391723</v>
      </c>
      <c r="MV13" s="109">
        <v>10813452</v>
      </c>
      <c r="MW13" s="109">
        <v>156457784</v>
      </c>
      <c r="MX13" s="109">
        <v>262496274</v>
      </c>
      <c r="MY13" s="109">
        <v>175054992</v>
      </c>
      <c r="MZ13" s="110">
        <v>609214225</v>
      </c>
      <c r="NA13" s="130">
        <v>609214225</v>
      </c>
      <c r="NB13" s="129">
        <v>0</v>
      </c>
      <c r="NC13" s="109">
        <v>0</v>
      </c>
      <c r="ND13" s="110">
        <v>0</v>
      </c>
      <c r="NE13" s="132"/>
      <c r="NF13" s="109">
        <v>38619019</v>
      </c>
      <c r="NG13" s="109">
        <v>58225124</v>
      </c>
      <c r="NH13" s="109">
        <v>87384030</v>
      </c>
      <c r="NI13" s="109">
        <v>89937266</v>
      </c>
      <c r="NJ13" s="109">
        <v>40802293</v>
      </c>
      <c r="NK13" s="110">
        <v>314967732</v>
      </c>
      <c r="NL13" s="298">
        <v>314967732</v>
      </c>
      <c r="NM13" s="129">
        <v>0</v>
      </c>
      <c r="NN13" s="109">
        <v>0</v>
      </c>
      <c r="NO13" s="110">
        <v>0</v>
      </c>
      <c r="NP13" s="132"/>
      <c r="NQ13" s="109">
        <v>0</v>
      </c>
      <c r="NR13" s="109">
        <v>0</v>
      </c>
      <c r="NS13" s="109">
        <v>0</v>
      </c>
      <c r="NT13" s="109">
        <v>345042</v>
      </c>
      <c r="NU13" s="109">
        <v>365913</v>
      </c>
      <c r="NV13" s="110">
        <v>710955</v>
      </c>
      <c r="NW13" s="111">
        <v>710955</v>
      </c>
      <c r="NX13" s="129">
        <v>0</v>
      </c>
      <c r="NY13" s="109">
        <v>0</v>
      </c>
      <c r="NZ13" s="110">
        <v>0</v>
      </c>
      <c r="OA13" s="132"/>
      <c r="OB13" s="109">
        <v>0</v>
      </c>
      <c r="OC13" s="109">
        <v>0</v>
      </c>
      <c r="OD13" s="109">
        <v>668863</v>
      </c>
      <c r="OE13" s="109">
        <v>792872</v>
      </c>
      <c r="OF13" s="109">
        <v>0</v>
      </c>
      <c r="OG13" s="110">
        <v>1461735</v>
      </c>
      <c r="OH13" s="111">
        <v>1461735</v>
      </c>
      <c r="OI13" s="129">
        <v>15743828</v>
      </c>
      <c r="OJ13" s="109">
        <v>21035709</v>
      </c>
      <c r="OK13" s="128">
        <v>36779537</v>
      </c>
      <c r="OL13" s="108">
        <v>0</v>
      </c>
      <c r="OM13" s="109">
        <v>511876086</v>
      </c>
      <c r="ON13" s="109">
        <v>521411623</v>
      </c>
      <c r="OO13" s="109">
        <v>623852385</v>
      </c>
      <c r="OP13" s="109">
        <v>709392587</v>
      </c>
      <c r="OQ13" s="109">
        <v>458698939</v>
      </c>
      <c r="OR13" s="110">
        <v>2825231620</v>
      </c>
      <c r="OS13" s="130">
        <v>2862011157</v>
      </c>
    </row>
    <row r="14" spans="1:409" ht="21" customHeight="1" x14ac:dyDescent="0.2">
      <c r="B14" s="472" t="s">
        <v>8</v>
      </c>
      <c r="C14" s="100">
        <v>12529660</v>
      </c>
      <c r="D14" s="104">
        <v>16205903</v>
      </c>
      <c r="E14" s="103">
        <v>28735563</v>
      </c>
      <c r="F14" s="99">
        <v>0</v>
      </c>
      <c r="G14" s="104">
        <v>151493009</v>
      </c>
      <c r="H14" s="104">
        <v>212047150</v>
      </c>
      <c r="I14" s="104">
        <v>185327310</v>
      </c>
      <c r="J14" s="104">
        <v>174606109</v>
      </c>
      <c r="K14" s="104">
        <v>129996098</v>
      </c>
      <c r="L14" s="99">
        <v>853469676</v>
      </c>
      <c r="M14" s="106">
        <v>882205239</v>
      </c>
      <c r="N14" s="100">
        <v>2381167</v>
      </c>
      <c r="O14" s="104">
        <v>3136069</v>
      </c>
      <c r="P14" s="103">
        <v>5517236</v>
      </c>
      <c r="Q14" s="100">
        <v>0</v>
      </c>
      <c r="R14" s="104">
        <v>41026710</v>
      </c>
      <c r="S14" s="104">
        <v>66164622</v>
      </c>
      <c r="T14" s="104">
        <v>60972818</v>
      </c>
      <c r="U14" s="104">
        <v>70519024</v>
      </c>
      <c r="V14" s="104">
        <v>68171467</v>
      </c>
      <c r="W14" s="103">
        <v>306854641</v>
      </c>
      <c r="X14" s="106">
        <v>312371877</v>
      </c>
      <c r="Y14" s="100">
        <v>0</v>
      </c>
      <c r="Z14" s="104">
        <v>0</v>
      </c>
      <c r="AA14" s="103">
        <v>0</v>
      </c>
      <c r="AB14" s="100">
        <v>0</v>
      </c>
      <c r="AC14" s="104">
        <v>20546799</v>
      </c>
      <c r="AD14" s="104">
        <v>37182608</v>
      </c>
      <c r="AE14" s="104">
        <v>38798162</v>
      </c>
      <c r="AF14" s="104">
        <v>46410668</v>
      </c>
      <c r="AG14" s="104">
        <v>43871788</v>
      </c>
      <c r="AH14" s="103">
        <v>186810025</v>
      </c>
      <c r="AI14" s="106">
        <v>186810025</v>
      </c>
      <c r="AJ14" s="100">
        <v>0</v>
      </c>
      <c r="AK14" s="104">
        <v>0</v>
      </c>
      <c r="AL14" s="103">
        <v>0</v>
      </c>
      <c r="AM14" s="100">
        <v>0</v>
      </c>
      <c r="AN14" s="104">
        <v>277591</v>
      </c>
      <c r="AO14" s="104">
        <v>1003337</v>
      </c>
      <c r="AP14" s="104">
        <v>1752623</v>
      </c>
      <c r="AQ14" s="104">
        <v>3391738</v>
      </c>
      <c r="AR14" s="104">
        <v>6535243</v>
      </c>
      <c r="AS14" s="103">
        <v>12960532</v>
      </c>
      <c r="AT14" s="106">
        <v>12960532</v>
      </c>
      <c r="AU14" s="100">
        <v>1308029</v>
      </c>
      <c r="AV14" s="104">
        <v>2030548</v>
      </c>
      <c r="AW14" s="103">
        <v>3338577</v>
      </c>
      <c r="AX14" s="100">
        <v>0</v>
      </c>
      <c r="AY14" s="104">
        <v>11072687</v>
      </c>
      <c r="AZ14" s="104">
        <v>16579582</v>
      </c>
      <c r="BA14" s="104">
        <v>11078745</v>
      </c>
      <c r="BB14" s="104">
        <v>11249445</v>
      </c>
      <c r="BC14" s="104">
        <v>11116525</v>
      </c>
      <c r="BD14" s="103">
        <v>61096984</v>
      </c>
      <c r="BE14" s="106">
        <v>64435561</v>
      </c>
      <c r="BF14" s="100">
        <v>273336</v>
      </c>
      <c r="BG14" s="104">
        <v>527235</v>
      </c>
      <c r="BH14" s="102">
        <v>800571</v>
      </c>
      <c r="BI14" s="101">
        <v>0</v>
      </c>
      <c r="BJ14" s="104">
        <v>2740342</v>
      </c>
      <c r="BK14" s="104">
        <v>3735606</v>
      </c>
      <c r="BL14" s="104">
        <v>1825662</v>
      </c>
      <c r="BM14" s="104">
        <v>1751436</v>
      </c>
      <c r="BN14" s="104">
        <v>968260</v>
      </c>
      <c r="BO14" s="103">
        <v>11021306</v>
      </c>
      <c r="BP14" s="106">
        <v>11821877</v>
      </c>
      <c r="BQ14" s="100">
        <v>799802</v>
      </c>
      <c r="BR14" s="104">
        <v>578286</v>
      </c>
      <c r="BS14" s="103">
        <v>1378088</v>
      </c>
      <c r="BT14" s="100">
        <v>0</v>
      </c>
      <c r="BU14" s="104">
        <v>6389291</v>
      </c>
      <c r="BV14" s="104">
        <v>7663489</v>
      </c>
      <c r="BW14" s="104">
        <v>7517626</v>
      </c>
      <c r="BX14" s="104">
        <v>7715737</v>
      </c>
      <c r="BY14" s="104">
        <v>5679651</v>
      </c>
      <c r="BZ14" s="103">
        <v>34965794</v>
      </c>
      <c r="CA14" s="106">
        <v>36343882</v>
      </c>
      <c r="CB14" s="100">
        <v>1304899</v>
      </c>
      <c r="CC14" s="104">
        <v>2659226</v>
      </c>
      <c r="CD14" s="103">
        <v>3964125</v>
      </c>
      <c r="CE14" s="100">
        <v>0</v>
      </c>
      <c r="CF14" s="104">
        <v>41962053</v>
      </c>
      <c r="CG14" s="104">
        <v>58296067</v>
      </c>
      <c r="CH14" s="104">
        <v>42881734</v>
      </c>
      <c r="CI14" s="104">
        <v>30763039</v>
      </c>
      <c r="CJ14" s="104">
        <v>17359643</v>
      </c>
      <c r="CK14" s="103">
        <v>191262536</v>
      </c>
      <c r="CL14" s="106">
        <v>195226661</v>
      </c>
      <c r="CM14" s="100">
        <v>0</v>
      </c>
      <c r="CN14" s="104">
        <v>0</v>
      </c>
      <c r="CO14" s="103">
        <v>0</v>
      </c>
      <c r="CP14" s="101">
        <v>0</v>
      </c>
      <c r="CQ14" s="104">
        <v>35314418</v>
      </c>
      <c r="CR14" s="104">
        <v>48344709</v>
      </c>
      <c r="CS14" s="104">
        <v>36835222</v>
      </c>
      <c r="CT14" s="104">
        <v>25183244</v>
      </c>
      <c r="CU14" s="104">
        <v>14874506</v>
      </c>
      <c r="CV14" s="103">
        <v>160552099</v>
      </c>
      <c r="CW14" s="106">
        <v>160552099</v>
      </c>
      <c r="CX14" s="100">
        <v>1304899</v>
      </c>
      <c r="CY14" s="104">
        <v>2659226</v>
      </c>
      <c r="CZ14" s="103">
        <v>3964125</v>
      </c>
      <c r="DA14" s="100">
        <v>0</v>
      </c>
      <c r="DB14" s="104">
        <v>6647635</v>
      </c>
      <c r="DC14" s="104">
        <v>9951358</v>
      </c>
      <c r="DD14" s="104">
        <v>6046512</v>
      </c>
      <c r="DE14" s="104">
        <v>5579795</v>
      </c>
      <c r="DF14" s="104">
        <v>2485137</v>
      </c>
      <c r="DG14" s="103">
        <v>30710437</v>
      </c>
      <c r="DH14" s="106">
        <v>34674562</v>
      </c>
      <c r="DI14" s="100">
        <v>107279</v>
      </c>
      <c r="DJ14" s="104">
        <v>454278</v>
      </c>
      <c r="DK14" s="102">
        <v>561557</v>
      </c>
      <c r="DL14" s="101">
        <v>0</v>
      </c>
      <c r="DM14" s="104">
        <v>4150083</v>
      </c>
      <c r="DN14" s="104">
        <v>12169353</v>
      </c>
      <c r="DO14" s="104">
        <v>27812046</v>
      </c>
      <c r="DP14" s="104">
        <v>16492845</v>
      </c>
      <c r="DQ14" s="104">
        <v>7611093</v>
      </c>
      <c r="DR14" s="103">
        <v>68235420</v>
      </c>
      <c r="DS14" s="106">
        <v>68796977</v>
      </c>
      <c r="DT14" s="100">
        <v>107279</v>
      </c>
      <c r="DU14" s="104">
        <v>454278</v>
      </c>
      <c r="DV14" s="103">
        <v>561557</v>
      </c>
      <c r="DW14" s="100">
        <v>0</v>
      </c>
      <c r="DX14" s="104">
        <v>3793320</v>
      </c>
      <c r="DY14" s="104">
        <v>11690131</v>
      </c>
      <c r="DZ14" s="104">
        <v>27107945</v>
      </c>
      <c r="EA14" s="104">
        <v>16353816</v>
      </c>
      <c r="EB14" s="104">
        <v>7127389</v>
      </c>
      <c r="EC14" s="103">
        <v>66072601</v>
      </c>
      <c r="ED14" s="106">
        <v>66634158</v>
      </c>
      <c r="EE14" s="100">
        <v>0</v>
      </c>
      <c r="EF14" s="102">
        <v>0</v>
      </c>
      <c r="EG14" s="103">
        <v>0</v>
      </c>
      <c r="EH14" s="100">
        <v>0</v>
      </c>
      <c r="EI14" s="104">
        <v>356763</v>
      </c>
      <c r="EJ14" s="104">
        <v>479222</v>
      </c>
      <c r="EK14" s="104">
        <v>704101</v>
      </c>
      <c r="EL14" s="104">
        <v>139029</v>
      </c>
      <c r="EM14" s="104">
        <v>483704</v>
      </c>
      <c r="EN14" s="102">
        <v>2162819</v>
      </c>
      <c r="EO14" s="106">
        <v>2162819</v>
      </c>
      <c r="EP14" s="100">
        <v>0</v>
      </c>
      <c r="EQ14" s="104">
        <v>0</v>
      </c>
      <c r="ER14" s="102">
        <v>0</v>
      </c>
      <c r="ES14" s="101">
        <v>0</v>
      </c>
      <c r="ET14" s="104">
        <v>0</v>
      </c>
      <c r="EU14" s="104">
        <v>0</v>
      </c>
      <c r="EV14" s="104">
        <v>0</v>
      </c>
      <c r="EW14" s="104">
        <v>0</v>
      </c>
      <c r="EX14" s="104">
        <v>0</v>
      </c>
      <c r="EY14" s="103">
        <v>0</v>
      </c>
      <c r="EZ14" s="106">
        <v>0</v>
      </c>
      <c r="FA14" s="100">
        <v>0</v>
      </c>
      <c r="FB14" s="104">
        <v>0</v>
      </c>
      <c r="FC14" s="102">
        <v>0</v>
      </c>
      <c r="FD14" s="324"/>
      <c r="FE14" s="104">
        <v>0</v>
      </c>
      <c r="FF14" s="104">
        <v>0</v>
      </c>
      <c r="FG14" s="104">
        <v>0</v>
      </c>
      <c r="FH14" s="104">
        <v>0</v>
      </c>
      <c r="FI14" s="104">
        <v>0</v>
      </c>
      <c r="FJ14" s="103">
        <v>0</v>
      </c>
      <c r="FK14" s="106">
        <v>0</v>
      </c>
      <c r="FL14" s="100">
        <v>3179865</v>
      </c>
      <c r="FM14" s="104">
        <v>4878092</v>
      </c>
      <c r="FN14" s="103">
        <v>8057957</v>
      </c>
      <c r="FO14" s="100">
        <v>0</v>
      </c>
      <c r="FP14" s="104">
        <v>10189643</v>
      </c>
      <c r="FQ14" s="104">
        <v>21644185</v>
      </c>
      <c r="FR14" s="104">
        <v>14198097</v>
      </c>
      <c r="FS14" s="104">
        <v>12527033</v>
      </c>
      <c r="FT14" s="104">
        <v>9243699</v>
      </c>
      <c r="FU14" s="103">
        <v>67802657</v>
      </c>
      <c r="FV14" s="106">
        <v>75860614</v>
      </c>
      <c r="FW14" s="105">
        <v>2429491</v>
      </c>
      <c r="FX14" s="104">
        <v>3691418</v>
      </c>
      <c r="FY14" s="102">
        <v>6120909</v>
      </c>
      <c r="FZ14" s="101">
        <v>0</v>
      </c>
      <c r="GA14" s="104">
        <v>7689539</v>
      </c>
      <c r="GB14" s="104">
        <v>20067099</v>
      </c>
      <c r="GC14" s="104">
        <v>13524673</v>
      </c>
      <c r="GD14" s="104">
        <v>11664587</v>
      </c>
      <c r="GE14" s="104">
        <v>8831135</v>
      </c>
      <c r="GF14" s="103">
        <v>61777033</v>
      </c>
      <c r="GG14" s="296">
        <v>67897942</v>
      </c>
      <c r="GH14" s="105">
        <v>93905</v>
      </c>
      <c r="GI14" s="104">
        <v>165284</v>
      </c>
      <c r="GJ14" s="102">
        <v>259189</v>
      </c>
      <c r="GK14" s="101">
        <v>0</v>
      </c>
      <c r="GL14" s="104">
        <v>608564</v>
      </c>
      <c r="GM14" s="104">
        <v>830331</v>
      </c>
      <c r="GN14" s="104">
        <v>288946</v>
      </c>
      <c r="GO14" s="104">
        <v>325584</v>
      </c>
      <c r="GP14" s="104">
        <v>189156</v>
      </c>
      <c r="GQ14" s="103">
        <v>2242581</v>
      </c>
      <c r="GR14" s="106">
        <v>2501770</v>
      </c>
      <c r="GS14" s="100">
        <v>656469</v>
      </c>
      <c r="GT14" s="104">
        <v>1021390</v>
      </c>
      <c r="GU14" s="103">
        <v>1677859</v>
      </c>
      <c r="GV14" s="100">
        <v>0</v>
      </c>
      <c r="GW14" s="104">
        <v>1891540</v>
      </c>
      <c r="GX14" s="104">
        <v>746755</v>
      </c>
      <c r="GY14" s="104">
        <v>384478</v>
      </c>
      <c r="GZ14" s="104">
        <v>536862</v>
      </c>
      <c r="HA14" s="104">
        <v>223408</v>
      </c>
      <c r="HB14" s="102">
        <v>3783043</v>
      </c>
      <c r="HC14" s="106">
        <v>5460902</v>
      </c>
      <c r="HD14" s="100">
        <v>2914271</v>
      </c>
      <c r="HE14" s="104">
        <v>1802536</v>
      </c>
      <c r="HF14" s="102">
        <v>4716807</v>
      </c>
      <c r="HG14" s="101">
        <v>0</v>
      </c>
      <c r="HH14" s="104">
        <v>26438288</v>
      </c>
      <c r="HI14" s="104">
        <v>25417874</v>
      </c>
      <c r="HJ14" s="104">
        <v>21236174</v>
      </c>
      <c r="HK14" s="104">
        <v>32028101</v>
      </c>
      <c r="HL14" s="104">
        <v>19908619</v>
      </c>
      <c r="HM14" s="103">
        <v>125029056</v>
      </c>
      <c r="HN14" s="99">
        <v>129745863</v>
      </c>
      <c r="HO14" s="105">
        <v>2642179</v>
      </c>
      <c r="HP14" s="104">
        <v>3275702</v>
      </c>
      <c r="HQ14" s="103">
        <v>5917881</v>
      </c>
      <c r="HR14" s="100">
        <v>0</v>
      </c>
      <c r="HS14" s="104">
        <v>27726232</v>
      </c>
      <c r="HT14" s="104">
        <v>28355049</v>
      </c>
      <c r="HU14" s="104">
        <v>18226441</v>
      </c>
      <c r="HV14" s="104">
        <v>12276067</v>
      </c>
      <c r="HW14" s="104">
        <v>7701577</v>
      </c>
      <c r="HX14" s="102">
        <v>94285366</v>
      </c>
      <c r="HY14" s="106">
        <v>100203247</v>
      </c>
      <c r="HZ14" s="118">
        <v>470650</v>
      </c>
      <c r="IA14" s="119">
        <v>1135735</v>
      </c>
      <c r="IB14" s="120">
        <v>1606385</v>
      </c>
      <c r="IC14" s="121">
        <v>0</v>
      </c>
      <c r="ID14" s="122">
        <v>57192578</v>
      </c>
      <c r="IE14" s="123">
        <v>66574082</v>
      </c>
      <c r="IF14" s="124">
        <v>67054335</v>
      </c>
      <c r="IG14" s="122">
        <v>56702426</v>
      </c>
      <c r="IH14" s="124">
        <v>27920273</v>
      </c>
      <c r="II14" s="125">
        <v>275443694</v>
      </c>
      <c r="IJ14" s="126">
        <v>277050079</v>
      </c>
      <c r="IK14" s="219">
        <v>0</v>
      </c>
      <c r="IL14" s="223">
        <v>0</v>
      </c>
      <c r="IM14" s="224">
        <v>0</v>
      </c>
      <c r="IN14" s="324"/>
      <c r="IO14" s="109">
        <v>616960</v>
      </c>
      <c r="IP14" s="109">
        <v>612531</v>
      </c>
      <c r="IQ14" s="109">
        <v>227094</v>
      </c>
      <c r="IR14" s="109">
        <v>1328410</v>
      </c>
      <c r="IS14" s="109">
        <v>76221</v>
      </c>
      <c r="IT14" s="128">
        <v>2861216</v>
      </c>
      <c r="IU14" s="298">
        <v>2861216</v>
      </c>
      <c r="IV14" s="129">
        <v>0</v>
      </c>
      <c r="IW14" s="109">
        <v>0</v>
      </c>
      <c r="IX14" s="110">
        <v>0</v>
      </c>
      <c r="IY14" s="324"/>
      <c r="IZ14" s="109">
        <v>38538</v>
      </c>
      <c r="JA14" s="109">
        <v>57807</v>
      </c>
      <c r="JB14" s="109">
        <v>0</v>
      </c>
      <c r="JC14" s="109">
        <v>19211</v>
      </c>
      <c r="JD14" s="109">
        <v>93764</v>
      </c>
      <c r="JE14" s="110">
        <v>209320</v>
      </c>
      <c r="JF14" s="111">
        <v>209320</v>
      </c>
      <c r="JG14" s="129">
        <v>0</v>
      </c>
      <c r="JH14" s="109">
        <v>0</v>
      </c>
      <c r="JI14" s="128">
        <v>0</v>
      </c>
      <c r="JJ14" s="108">
        <v>0</v>
      </c>
      <c r="JK14" s="109">
        <v>29015919</v>
      </c>
      <c r="JL14" s="109">
        <v>35727832</v>
      </c>
      <c r="JM14" s="109">
        <v>21678356</v>
      </c>
      <c r="JN14" s="109">
        <v>12446807</v>
      </c>
      <c r="JO14" s="109">
        <v>7001887</v>
      </c>
      <c r="JP14" s="110">
        <v>105870801</v>
      </c>
      <c r="JQ14" s="298">
        <v>105870801</v>
      </c>
      <c r="JR14" s="129">
        <v>0</v>
      </c>
      <c r="JS14" s="109">
        <v>0</v>
      </c>
      <c r="JT14" s="128">
        <v>0</v>
      </c>
      <c r="JU14" s="108">
        <v>0</v>
      </c>
      <c r="JV14" s="109">
        <v>659629</v>
      </c>
      <c r="JW14" s="109">
        <v>978698</v>
      </c>
      <c r="JX14" s="109">
        <v>793738</v>
      </c>
      <c r="JY14" s="109">
        <v>1449899</v>
      </c>
      <c r="JZ14" s="109">
        <v>1378022</v>
      </c>
      <c r="KA14" s="110">
        <v>5259986</v>
      </c>
      <c r="KB14" s="298">
        <v>5259986</v>
      </c>
      <c r="KC14" s="221">
        <v>470650</v>
      </c>
      <c r="KD14" s="217">
        <v>1135735</v>
      </c>
      <c r="KE14" s="110">
        <v>1606385</v>
      </c>
      <c r="KF14" s="108">
        <v>0</v>
      </c>
      <c r="KG14" s="109">
        <v>9367045</v>
      </c>
      <c r="KH14" s="109">
        <v>8513554</v>
      </c>
      <c r="KI14" s="109">
        <v>11026953</v>
      </c>
      <c r="KJ14" s="109">
        <v>6914159</v>
      </c>
      <c r="KK14" s="109">
        <v>3376254</v>
      </c>
      <c r="KL14" s="110">
        <v>39197965</v>
      </c>
      <c r="KM14" s="130">
        <v>40804350</v>
      </c>
      <c r="KN14" s="219">
        <v>0</v>
      </c>
      <c r="KO14" s="223">
        <v>0</v>
      </c>
      <c r="KP14" s="224">
        <v>0</v>
      </c>
      <c r="KQ14" s="127"/>
      <c r="KR14" s="109">
        <v>15285301</v>
      </c>
      <c r="KS14" s="109">
        <v>16902219</v>
      </c>
      <c r="KT14" s="109">
        <v>22831860</v>
      </c>
      <c r="KU14" s="109">
        <v>20947106</v>
      </c>
      <c r="KV14" s="109">
        <v>9539025</v>
      </c>
      <c r="KW14" s="110">
        <v>85505511</v>
      </c>
      <c r="KX14" s="298">
        <v>85505511</v>
      </c>
      <c r="KY14" s="129">
        <v>0</v>
      </c>
      <c r="KZ14" s="109">
        <v>0</v>
      </c>
      <c r="LA14" s="110">
        <v>0</v>
      </c>
      <c r="LB14" s="132"/>
      <c r="LC14" s="109">
        <v>353608</v>
      </c>
      <c r="LD14" s="109">
        <v>1250257</v>
      </c>
      <c r="LE14" s="109">
        <v>3003342</v>
      </c>
      <c r="LF14" s="109">
        <v>3464784</v>
      </c>
      <c r="LG14" s="109">
        <v>2050129</v>
      </c>
      <c r="LH14" s="110">
        <v>10122120</v>
      </c>
      <c r="LI14" s="111">
        <v>10122120</v>
      </c>
      <c r="LJ14" s="129">
        <v>0</v>
      </c>
      <c r="LK14" s="109">
        <v>0</v>
      </c>
      <c r="LL14" s="110">
        <v>0</v>
      </c>
      <c r="LM14" s="132"/>
      <c r="LN14" s="109">
        <v>0</v>
      </c>
      <c r="LO14" s="109">
        <v>233901</v>
      </c>
      <c r="LP14" s="109">
        <v>2401622</v>
      </c>
      <c r="LQ14" s="109">
        <v>5757885</v>
      </c>
      <c r="LR14" s="109">
        <v>3269600</v>
      </c>
      <c r="LS14" s="110">
        <v>11663008</v>
      </c>
      <c r="LT14" s="298">
        <v>11663008</v>
      </c>
      <c r="LU14" s="129">
        <v>0</v>
      </c>
      <c r="LV14" s="109">
        <v>0</v>
      </c>
      <c r="LW14" s="110">
        <v>0</v>
      </c>
      <c r="LX14" s="132"/>
      <c r="LY14" s="109">
        <v>1855578</v>
      </c>
      <c r="LZ14" s="109">
        <v>2297283</v>
      </c>
      <c r="MA14" s="109">
        <v>5091370</v>
      </c>
      <c r="MB14" s="109">
        <v>4374165</v>
      </c>
      <c r="MC14" s="109">
        <v>1135371</v>
      </c>
      <c r="MD14" s="110">
        <v>14753767</v>
      </c>
      <c r="ME14" s="111">
        <v>14753767</v>
      </c>
      <c r="MF14" s="129">
        <v>0</v>
      </c>
      <c r="MG14" s="109">
        <v>0</v>
      </c>
      <c r="MH14" s="110">
        <v>0</v>
      </c>
      <c r="MI14" s="132"/>
      <c r="MJ14" s="109">
        <v>16058427</v>
      </c>
      <c r="MK14" s="109">
        <v>43122810</v>
      </c>
      <c r="ML14" s="109">
        <v>148976124</v>
      </c>
      <c r="MM14" s="109">
        <v>167014011</v>
      </c>
      <c r="MN14" s="109">
        <v>100915414</v>
      </c>
      <c r="MO14" s="110">
        <v>476086786</v>
      </c>
      <c r="MP14" s="130">
        <v>476086786</v>
      </c>
      <c r="MQ14" s="129">
        <v>0</v>
      </c>
      <c r="MR14" s="109">
        <v>0</v>
      </c>
      <c r="MS14" s="110">
        <v>0</v>
      </c>
      <c r="MT14" s="132"/>
      <c r="MU14" s="109">
        <v>3588796</v>
      </c>
      <c r="MV14" s="109">
        <v>15415431</v>
      </c>
      <c r="MW14" s="109">
        <v>100838240</v>
      </c>
      <c r="MX14" s="109">
        <v>119039459</v>
      </c>
      <c r="MY14" s="109">
        <v>73696139</v>
      </c>
      <c r="MZ14" s="110">
        <v>312578065</v>
      </c>
      <c r="NA14" s="130">
        <v>312578065</v>
      </c>
      <c r="NB14" s="129">
        <v>0</v>
      </c>
      <c r="NC14" s="109">
        <v>0</v>
      </c>
      <c r="ND14" s="110">
        <v>0</v>
      </c>
      <c r="NE14" s="132"/>
      <c r="NF14" s="109">
        <v>12244217</v>
      </c>
      <c r="NG14" s="109">
        <v>27470656</v>
      </c>
      <c r="NH14" s="109">
        <v>46970043</v>
      </c>
      <c r="NI14" s="109">
        <v>45845042</v>
      </c>
      <c r="NJ14" s="109">
        <v>24251168</v>
      </c>
      <c r="NK14" s="110">
        <v>156781126</v>
      </c>
      <c r="NL14" s="298">
        <v>156781126</v>
      </c>
      <c r="NM14" s="129">
        <v>0</v>
      </c>
      <c r="NN14" s="109">
        <v>0</v>
      </c>
      <c r="NO14" s="110">
        <v>0</v>
      </c>
      <c r="NP14" s="132"/>
      <c r="NQ14" s="109">
        <v>0</v>
      </c>
      <c r="NR14" s="109">
        <v>0</v>
      </c>
      <c r="NS14" s="109">
        <v>0</v>
      </c>
      <c r="NT14" s="109">
        <v>353592</v>
      </c>
      <c r="NU14" s="109">
        <v>0</v>
      </c>
      <c r="NV14" s="110">
        <v>353592</v>
      </c>
      <c r="NW14" s="111">
        <v>353592</v>
      </c>
      <c r="NX14" s="129">
        <v>0</v>
      </c>
      <c r="NY14" s="109">
        <v>0</v>
      </c>
      <c r="NZ14" s="110">
        <v>0</v>
      </c>
      <c r="OA14" s="132"/>
      <c r="OB14" s="109">
        <v>225414</v>
      </c>
      <c r="OC14" s="109">
        <v>236723</v>
      </c>
      <c r="OD14" s="109">
        <v>1167841</v>
      </c>
      <c r="OE14" s="109">
        <v>1775918</v>
      </c>
      <c r="OF14" s="109">
        <v>2968107</v>
      </c>
      <c r="OG14" s="110">
        <v>6374003</v>
      </c>
      <c r="OH14" s="111">
        <v>6374003</v>
      </c>
      <c r="OI14" s="129">
        <v>13000310</v>
      </c>
      <c r="OJ14" s="109">
        <v>17341638</v>
      </c>
      <c r="OK14" s="128">
        <v>30341948</v>
      </c>
      <c r="OL14" s="108">
        <v>0</v>
      </c>
      <c r="OM14" s="109">
        <v>224744014</v>
      </c>
      <c r="ON14" s="109">
        <v>321744042</v>
      </c>
      <c r="OO14" s="109">
        <v>401357769</v>
      </c>
      <c r="OP14" s="109">
        <v>398322546</v>
      </c>
      <c r="OQ14" s="109">
        <v>258831785</v>
      </c>
      <c r="OR14" s="110">
        <v>1605000156</v>
      </c>
      <c r="OS14" s="130">
        <v>1635342104</v>
      </c>
    </row>
    <row r="15" spans="1:409" ht="21" customHeight="1" x14ac:dyDescent="0.2">
      <c r="B15" s="472" t="s">
        <v>9</v>
      </c>
      <c r="C15" s="100">
        <v>11855377</v>
      </c>
      <c r="D15" s="104">
        <v>15071403</v>
      </c>
      <c r="E15" s="103">
        <v>26926780</v>
      </c>
      <c r="F15" s="101">
        <v>0</v>
      </c>
      <c r="G15" s="104">
        <v>160347488</v>
      </c>
      <c r="H15" s="104">
        <v>152291789</v>
      </c>
      <c r="I15" s="104">
        <v>166200462</v>
      </c>
      <c r="J15" s="104">
        <v>170291567</v>
      </c>
      <c r="K15" s="104">
        <v>129647104</v>
      </c>
      <c r="L15" s="99">
        <v>778778410</v>
      </c>
      <c r="M15" s="106">
        <v>805705190</v>
      </c>
      <c r="N15" s="100">
        <v>2629446</v>
      </c>
      <c r="O15" s="104">
        <v>3649629</v>
      </c>
      <c r="P15" s="103">
        <v>6279075</v>
      </c>
      <c r="Q15" s="100">
        <v>0</v>
      </c>
      <c r="R15" s="104">
        <v>48576632</v>
      </c>
      <c r="S15" s="104">
        <v>50107670</v>
      </c>
      <c r="T15" s="104">
        <v>56095763</v>
      </c>
      <c r="U15" s="104">
        <v>71536561</v>
      </c>
      <c r="V15" s="104">
        <v>67727575</v>
      </c>
      <c r="W15" s="103">
        <v>294044201</v>
      </c>
      <c r="X15" s="106">
        <v>300323276</v>
      </c>
      <c r="Y15" s="100">
        <v>0</v>
      </c>
      <c r="Z15" s="104">
        <v>0</v>
      </c>
      <c r="AA15" s="103">
        <v>0</v>
      </c>
      <c r="AB15" s="100">
        <v>0</v>
      </c>
      <c r="AC15" s="104">
        <v>23667003</v>
      </c>
      <c r="AD15" s="104">
        <v>25702897</v>
      </c>
      <c r="AE15" s="104">
        <v>33744098</v>
      </c>
      <c r="AF15" s="104">
        <v>45740463</v>
      </c>
      <c r="AG15" s="104">
        <v>43515960</v>
      </c>
      <c r="AH15" s="103">
        <v>172370421</v>
      </c>
      <c r="AI15" s="106">
        <v>172370421</v>
      </c>
      <c r="AJ15" s="100">
        <v>0</v>
      </c>
      <c r="AK15" s="104">
        <v>0</v>
      </c>
      <c r="AL15" s="103">
        <v>0</v>
      </c>
      <c r="AM15" s="100">
        <v>0</v>
      </c>
      <c r="AN15" s="104">
        <v>97891</v>
      </c>
      <c r="AO15" s="104">
        <v>401769</v>
      </c>
      <c r="AP15" s="104">
        <v>1054028</v>
      </c>
      <c r="AQ15" s="104">
        <v>3441658</v>
      </c>
      <c r="AR15" s="104">
        <v>5873653</v>
      </c>
      <c r="AS15" s="103">
        <v>10868999</v>
      </c>
      <c r="AT15" s="106">
        <v>10868999</v>
      </c>
      <c r="AU15" s="100">
        <v>1709523</v>
      </c>
      <c r="AV15" s="104">
        <v>2596130</v>
      </c>
      <c r="AW15" s="103">
        <v>4305653</v>
      </c>
      <c r="AX15" s="100">
        <v>0</v>
      </c>
      <c r="AY15" s="104">
        <v>16155058</v>
      </c>
      <c r="AZ15" s="104">
        <v>14588836</v>
      </c>
      <c r="BA15" s="104">
        <v>11480688</v>
      </c>
      <c r="BB15" s="104">
        <v>12287521</v>
      </c>
      <c r="BC15" s="104">
        <v>11029014</v>
      </c>
      <c r="BD15" s="103">
        <v>65541117</v>
      </c>
      <c r="BE15" s="106">
        <v>69846770</v>
      </c>
      <c r="BF15" s="100">
        <v>45761</v>
      </c>
      <c r="BG15" s="104">
        <v>296299</v>
      </c>
      <c r="BH15" s="102">
        <v>342060</v>
      </c>
      <c r="BI15" s="101">
        <v>0</v>
      </c>
      <c r="BJ15" s="104">
        <v>877673</v>
      </c>
      <c r="BK15" s="104">
        <v>1522598</v>
      </c>
      <c r="BL15" s="104">
        <v>1188336</v>
      </c>
      <c r="BM15" s="104">
        <v>959511</v>
      </c>
      <c r="BN15" s="104">
        <v>812652</v>
      </c>
      <c r="BO15" s="103">
        <v>5360770</v>
      </c>
      <c r="BP15" s="106">
        <v>5702830</v>
      </c>
      <c r="BQ15" s="100">
        <v>874162</v>
      </c>
      <c r="BR15" s="104">
        <v>757200</v>
      </c>
      <c r="BS15" s="103">
        <v>1631362</v>
      </c>
      <c r="BT15" s="100">
        <v>0</v>
      </c>
      <c r="BU15" s="104">
        <v>7779007</v>
      </c>
      <c r="BV15" s="104">
        <v>7891570</v>
      </c>
      <c r="BW15" s="104">
        <v>8628613</v>
      </c>
      <c r="BX15" s="104">
        <v>9107408</v>
      </c>
      <c r="BY15" s="104">
        <v>6496296</v>
      </c>
      <c r="BZ15" s="103">
        <v>39902894</v>
      </c>
      <c r="CA15" s="106">
        <v>41534256</v>
      </c>
      <c r="CB15" s="100">
        <v>830522</v>
      </c>
      <c r="CC15" s="104">
        <v>2445608</v>
      </c>
      <c r="CD15" s="103">
        <v>3276130</v>
      </c>
      <c r="CE15" s="100">
        <v>0</v>
      </c>
      <c r="CF15" s="104">
        <v>35820841</v>
      </c>
      <c r="CG15" s="104">
        <v>33695341</v>
      </c>
      <c r="CH15" s="104">
        <v>29255531</v>
      </c>
      <c r="CI15" s="104">
        <v>21583097</v>
      </c>
      <c r="CJ15" s="104">
        <v>8242533</v>
      </c>
      <c r="CK15" s="103">
        <v>128597343</v>
      </c>
      <c r="CL15" s="106">
        <v>131873473</v>
      </c>
      <c r="CM15" s="100">
        <v>0</v>
      </c>
      <c r="CN15" s="104">
        <v>0</v>
      </c>
      <c r="CO15" s="103">
        <v>0</v>
      </c>
      <c r="CP15" s="101">
        <v>0</v>
      </c>
      <c r="CQ15" s="104">
        <v>31167858</v>
      </c>
      <c r="CR15" s="104">
        <v>25602433</v>
      </c>
      <c r="CS15" s="104">
        <v>23531260</v>
      </c>
      <c r="CT15" s="104">
        <v>15848218</v>
      </c>
      <c r="CU15" s="104">
        <v>6202887</v>
      </c>
      <c r="CV15" s="103">
        <v>102352656</v>
      </c>
      <c r="CW15" s="106">
        <v>102352656</v>
      </c>
      <c r="CX15" s="100">
        <v>830522</v>
      </c>
      <c r="CY15" s="104">
        <v>2445608</v>
      </c>
      <c r="CZ15" s="103">
        <v>3276130</v>
      </c>
      <c r="DA15" s="100">
        <v>0</v>
      </c>
      <c r="DB15" s="104">
        <v>4652983</v>
      </c>
      <c r="DC15" s="104">
        <v>8092908</v>
      </c>
      <c r="DD15" s="104">
        <v>5724271</v>
      </c>
      <c r="DE15" s="104">
        <v>5734879</v>
      </c>
      <c r="DF15" s="104">
        <v>2039646</v>
      </c>
      <c r="DG15" s="103">
        <v>26244687</v>
      </c>
      <c r="DH15" s="106">
        <v>29520817</v>
      </c>
      <c r="DI15" s="100">
        <v>51735</v>
      </c>
      <c r="DJ15" s="104">
        <v>240822</v>
      </c>
      <c r="DK15" s="102">
        <v>292557</v>
      </c>
      <c r="DL15" s="101">
        <v>0</v>
      </c>
      <c r="DM15" s="104">
        <v>5172802</v>
      </c>
      <c r="DN15" s="104">
        <v>7241908</v>
      </c>
      <c r="DO15" s="104">
        <v>19703518</v>
      </c>
      <c r="DP15" s="104">
        <v>15255330</v>
      </c>
      <c r="DQ15" s="104">
        <v>8019774</v>
      </c>
      <c r="DR15" s="103">
        <v>55393332</v>
      </c>
      <c r="DS15" s="106">
        <v>55685889</v>
      </c>
      <c r="DT15" s="100">
        <v>51735</v>
      </c>
      <c r="DU15" s="104">
        <v>191936</v>
      </c>
      <c r="DV15" s="103">
        <v>243671</v>
      </c>
      <c r="DW15" s="100">
        <v>0</v>
      </c>
      <c r="DX15" s="104">
        <v>4634558</v>
      </c>
      <c r="DY15" s="104">
        <v>6447296</v>
      </c>
      <c r="DZ15" s="104">
        <v>17238826</v>
      </c>
      <c r="EA15" s="104">
        <v>11766050</v>
      </c>
      <c r="EB15" s="104">
        <v>6603729</v>
      </c>
      <c r="EC15" s="103">
        <v>46690459</v>
      </c>
      <c r="ED15" s="106">
        <v>46934130</v>
      </c>
      <c r="EE15" s="100">
        <v>0</v>
      </c>
      <c r="EF15" s="102">
        <v>48886</v>
      </c>
      <c r="EG15" s="103">
        <v>48886</v>
      </c>
      <c r="EH15" s="100">
        <v>0</v>
      </c>
      <c r="EI15" s="104">
        <v>538244</v>
      </c>
      <c r="EJ15" s="104">
        <v>794612</v>
      </c>
      <c r="EK15" s="104">
        <v>2464692</v>
      </c>
      <c r="EL15" s="104">
        <v>3489280</v>
      </c>
      <c r="EM15" s="104">
        <v>1416045</v>
      </c>
      <c r="EN15" s="102">
        <v>8702873</v>
      </c>
      <c r="EO15" s="106">
        <v>8751759</v>
      </c>
      <c r="EP15" s="100">
        <v>0</v>
      </c>
      <c r="EQ15" s="104">
        <v>0</v>
      </c>
      <c r="ER15" s="102">
        <v>0</v>
      </c>
      <c r="ES15" s="101">
        <v>0</v>
      </c>
      <c r="ET15" s="104">
        <v>0</v>
      </c>
      <c r="EU15" s="104">
        <v>0</v>
      </c>
      <c r="EV15" s="104">
        <v>0</v>
      </c>
      <c r="EW15" s="104">
        <v>0</v>
      </c>
      <c r="EX15" s="104">
        <v>0</v>
      </c>
      <c r="EY15" s="103">
        <v>0</v>
      </c>
      <c r="EZ15" s="106">
        <v>0</v>
      </c>
      <c r="FA15" s="100">
        <v>0</v>
      </c>
      <c r="FB15" s="104">
        <v>0</v>
      </c>
      <c r="FC15" s="102">
        <v>0</v>
      </c>
      <c r="FD15" s="324"/>
      <c r="FE15" s="104">
        <v>0</v>
      </c>
      <c r="FF15" s="104">
        <v>0</v>
      </c>
      <c r="FG15" s="104">
        <v>0</v>
      </c>
      <c r="FH15" s="104">
        <v>0</v>
      </c>
      <c r="FI15" s="104">
        <v>0</v>
      </c>
      <c r="FJ15" s="103">
        <v>0</v>
      </c>
      <c r="FK15" s="106">
        <v>0</v>
      </c>
      <c r="FL15" s="100">
        <v>2958932</v>
      </c>
      <c r="FM15" s="104">
        <v>3705788</v>
      </c>
      <c r="FN15" s="103">
        <v>6664720</v>
      </c>
      <c r="FO15" s="100">
        <v>0</v>
      </c>
      <c r="FP15" s="104">
        <v>9711073</v>
      </c>
      <c r="FQ15" s="104">
        <v>12557023</v>
      </c>
      <c r="FR15" s="104">
        <v>11713314</v>
      </c>
      <c r="FS15" s="104">
        <v>11764853</v>
      </c>
      <c r="FT15" s="104">
        <v>7407454</v>
      </c>
      <c r="FU15" s="103">
        <v>53153717</v>
      </c>
      <c r="FV15" s="106">
        <v>59818437</v>
      </c>
      <c r="FW15" s="105">
        <v>1864985</v>
      </c>
      <c r="FX15" s="104">
        <v>2954888</v>
      </c>
      <c r="FY15" s="102">
        <v>4819873</v>
      </c>
      <c r="FZ15" s="101">
        <v>0</v>
      </c>
      <c r="GA15" s="104">
        <v>7739929</v>
      </c>
      <c r="GB15" s="104">
        <v>11374106</v>
      </c>
      <c r="GC15" s="104">
        <v>10470249</v>
      </c>
      <c r="GD15" s="104">
        <v>10455226</v>
      </c>
      <c r="GE15" s="104">
        <v>7128574</v>
      </c>
      <c r="GF15" s="103">
        <v>47168084</v>
      </c>
      <c r="GG15" s="296">
        <v>51987957</v>
      </c>
      <c r="GH15" s="105">
        <v>171916</v>
      </c>
      <c r="GI15" s="104">
        <v>210280</v>
      </c>
      <c r="GJ15" s="102">
        <v>382196</v>
      </c>
      <c r="GK15" s="101">
        <v>0</v>
      </c>
      <c r="GL15" s="104">
        <v>295502</v>
      </c>
      <c r="GM15" s="104">
        <v>524467</v>
      </c>
      <c r="GN15" s="104">
        <v>347475</v>
      </c>
      <c r="GO15" s="104">
        <v>467627</v>
      </c>
      <c r="GP15" s="104">
        <v>164230</v>
      </c>
      <c r="GQ15" s="103">
        <v>1799301</v>
      </c>
      <c r="GR15" s="106">
        <v>2181497</v>
      </c>
      <c r="GS15" s="100">
        <v>922031</v>
      </c>
      <c r="GT15" s="104">
        <v>540620</v>
      </c>
      <c r="GU15" s="103">
        <v>1462651</v>
      </c>
      <c r="GV15" s="100">
        <v>0</v>
      </c>
      <c r="GW15" s="104">
        <v>1675642</v>
      </c>
      <c r="GX15" s="104">
        <v>658450</v>
      </c>
      <c r="GY15" s="104">
        <v>895590</v>
      </c>
      <c r="GZ15" s="104">
        <v>842000</v>
      </c>
      <c r="HA15" s="104">
        <v>114650</v>
      </c>
      <c r="HB15" s="102">
        <v>4186332</v>
      </c>
      <c r="HC15" s="106">
        <v>5648983</v>
      </c>
      <c r="HD15" s="100">
        <v>3091608</v>
      </c>
      <c r="HE15" s="104">
        <v>2145203</v>
      </c>
      <c r="HF15" s="102">
        <v>5236811</v>
      </c>
      <c r="HG15" s="101">
        <v>0</v>
      </c>
      <c r="HH15" s="104">
        <v>33658568</v>
      </c>
      <c r="HI15" s="104">
        <v>30092517</v>
      </c>
      <c r="HJ15" s="104">
        <v>35250144</v>
      </c>
      <c r="HK15" s="104">
        <v>38882827</v>
      </c>
      <c r="HL15" s="104">
        <v>31508611</v>
      </c>
      <c r="HM15" s="103">
        <v>169392667</v>
      </c>
      <c r="HN15" s="99">
        <v>174629478</v>
      </c>
      <c r="HO15" s="105">
        <v>2293134</v>
      </c>
      <c r="HP15" s="104">
        <v>2884353</v>
      </c>
      <c r="HQ15" s="103">
        <v>5177487</v>
      </c>
      <c r="HR15" s="100">
        <v>0</v>
      </c>
      <c r="HS15" s="104">
        <v>27407572</v>
      </c>
      <c r="HT15" s="104">
        <v>18597330</v>
      </c>
      <c r="HU15" s="104">
        <v>14182192</v>
      </c>
      <c r="HV15" s="104">
        <v>11268899</v>
      </c>
      <c r="HW15" s="104">
        <v>6741157</v>
      </c>
      <c r="HX15" s="102">
        <v>78197150</v>
      </c>
      <c r="HY15" s="106">
        <v>83374637</v>
      </c>
      <c r="HZ15" s="115">
        <v>328789</v>
      </c>
      <c r="IA15" s="136">
        <v>1144421</v>
      </c>
      <c r="IB15" s="116">
        <v>1473210</v>
      </c>
      <c r="IC15" s="133">
        <v>0</v>
      </c>
      <c r="ID15" s="119">
        <v>33462006</v>
      </c>
      <c r="IE15" s="134">
        <v>43279728</v>
      </c>
      <c r="IF15" s="120">
        <v>50568774</v>
      </c>
      <c r="IG15" s="119">
        <v>40750526</v>
      </c>
      <c r="IH15" s="120">
        <v>23883558</v>
      </c>
      <c r="II15" s="135">
        <v>191944592</v>
      </c>
      <c r="IJ15" s="117">
        <v>193417802</v>
      </c>
      <c r="IK15" s="219">
        <v>0</v>
      </c>
      <c r="IL15" s="223">
        <v>0</v>
      </c>
      <c r="IM15" s="224">
        <v>0</v>
      </c>
      <c r="IN15" s="324"/>
      <c r="IO15" s="109">
        <v>0</v>
      </c>
      <c r="IP15" s="109">
        <v>615116</v>
      </c>
      <c r="IQ15" s="109">
        <v>845499</v>
      </c>
      <c r="IR15" s="109">
        <v>2553503</v>
      </c>
      <c r="IS15" s="109">
        <v>915420</v>
      </c>
      <c r="IT15" s="128">
        <v>4929538</v>
      </c>
      <c r="IU15" s="298">
        <v>4929538</v>
      </c>
      <c r="IV15" s="129">
        <v>0</v>
      </c>
      <c r="IW15" s="109">
        <v>0</v>
      </c>
      <c r="IX15" s="110">
        <v>0</v>
      </c>
      <c r="IY15" s="324"/>
      <c r="IZ15" s="109">
        <v>0</v>
      </c>
      <c r="JA15" s="109">
        <v>0</v>
      </c>
      <c r="JB15" s="109">
        <v>0</v>
      </c>
      <c r="JC15" s="109">
        <v>0</v>
      </c>
      <c r="JD15" s="109">
        <v>0</v>
      </c>
      <c r="JE15" s="110">
        <v>0</v>
      </c>
      <c r="JF15" s="111">
        <v>0</v>
      </c>
      <c r="JG15" s="129">
        <v>0</v>
      </c>
      <c r="JH15" s="109">
        <v>0</v>
      </c>
      <c r="JI15" s="128">
        <v>0</v>
      </c>
      <c r="JJ15" s="108">
        <v>0</v>
      </c>
      <c r="JK15" s="109">
        <v>20063927</v>
      </c>
      <c r="JL15" s="109">
        <v>15221613</v>
      </c>
      <c r="JM15" s="109">
        <v>16543882</v>
      </c>
      <c r="JN15" s="109">
        <v>10968429</v>
      </c>
      <c r="JO15" s="109">
        <v>4513180</v>
      </c>
      <c r="JP15" s="110">
        <v>67311031</v>
      </c>
      <c r="JQ15" s="298">
        <v>67311031</v>
      </c>
      <c r="JR15" s="129">
        <v>0</v>
      </c>
      <c r="JS15" s="109">
        <v>0</v>
      </c>
      <c r="JT15" s="128">
        <v>0</v>
      </c>
      <c r="JU15" s="108">
        <v>0</v>
      </c>
      <c r="JV15" s="109">
        <v>229316</v>
      </c>
      <c r="JW15" s="109">
        <v>677101</v>
      </c>
      <c r="JX15" s="109">
        <v>691514</v>
      </c>
      <c r="JY15" s="109">
        <v>15714</v>
      </c>
      <c r="JZ15" s="109">
        <v>1138729</v>
      </c>
      <c r="KA15" s="110">
        <v>2752374</v>
      </c>
      <c r="KB15" s="298">
        <v>2752374</v>
      </c>
      <c r="KC15" s="221">
        <v>328789</v>
      </c>
      <c r="KD15" s="217">
        <v>885763</v>
      </c>
      <c r="KE15" s="110">
        <v>1214552</v>
      </c>
      <c r="KF15" s="108">
        <v>0</v>
      </c>
      <c r="KG15" s="109">
        <v>3449682</v>
      </c>
      <c r="KH15" s="109">
        <v>7314721</v>
      </c>
      <c r="KI15" s="109">
        <v>4987502</v>
      </c>
      <c r="KJ15" s="109">
        <v>5519177</v>
      </c>
      <c r="KK15" s="109">
        <v>3107439</v>
      </c>
      <c r="KL15" s="110">
        <v>24378521</v>
      </c>
      <c r="KM15" s="130">
        <v>25593073</v>
      </c>
      <c r="KN15" s="219">
        <v>0</v>
      </c>
      <c r="KO15" s="223">
        <v>258658</v>
      </c>
      <c r="KP15" s="224">
        <v>258658</v>
      </c>
      <c r="KQ15" s="127"/>
      <c r="KR15" s="109">
        <v>8608001</v>
      </c>
      <c r="KS15" s="109">
        <v>17303126</v>
      </c>
      <c r="KT15" s="109">
        <v>24639769</v>
      </c>
      <c r="KU15" s="109">
        <v>17292926</v>
      </c>
      <c r="KV15" s="109">
        <v>7622713</v>
      </c>
      <c r="KW15" s="110">
        <v>75466535</v>
      </c>
      <c r="KX15" s="298">
        <v>75725193</v>
      </c>
      <c r="KY15" s="129">
        <v>0</v>
      </c>
      <c r="KZ15" s="109">
        <v>0</v>
      </c>
      <c r="LA15" s="110">
        <v>0</v>
      </c>
      <c r="LB15" s="132"/>
      <c r="LC15" s="109">
        <v>367368</v>
      </c>
      <c r="LD15" s="109">
        <v>548880</v>
      </c>
      <c r="LE15" s="109">
        <v>1278791</v>
      </c>
      <c r="LF15" s="109">
        <v>1697426</v>
      </c>
      <c r="LG15" s="109">
        <v>1114400</v>
      </c>
      <c r="LH15" s="110">
        <v>5006865</v>
      </c>
      <c r="LI15" s="111">
        <v>5006865</v>
      </c>
      <c r="LJ15" s="129">
        <v>0</v>
      </c>
      <c r="LK15" s="109">
        <v>0</v>
      </c>
      <c r="LL15" s="110">
        <v>0</v>
      </c>
      <c r="LM15" s="132"/>
      <c r="LN15" s="109">
        <v>0</v>
      </c>
      <c r="LO15" s="109">
        <v>0</v>
      </c>
      <c r="LP15" s="109">
        <v>0</v>
      </c>
      <c r="LQ15" s="109">
        <v>329808</v>
      </c>
      <c r="LR15" s="109">
        <v>0</v>
      </c>
      <c r="LS15" s="110">
        <v>329808</v>
      </c>
      <c r="LT15" s="298">
        <v>329808</v>
      </c>
      <c r="LU15" s="129">
        <v>0</v>
      </c>
      <c r="LV15" s="109">
        <v>0</v>
      </c>
      <c r="LW15" s="110">
        <v>0</v>
      </c>
      <c r="LX15" s="132"/>
      <c r="LY15" s="109">
        <v>743712</v>
      </c>
      <c r="LZ15" s="109">
        <v>1599171</v>
      </c>
      <c r="MA15" s="109">
        <v>1581817</v>
      </c>
      <c r="MB15" s="109">
        <v>2373543</v>
      </c>
      <c r="MC15" s="109">
        <v>5471677</v>
      </c>
      <c r="MD15" s="110">
        <v>11769920</v>
      </c>
      <c r="ME15" s="111">
        <v>11769920</v>
      </c>
      <c r="MF15" s="129">
        <v>0</v>
      </c>
      <c r="MG15" s="109">
        <v>0</v>
      </c>
      <c r="MH15" s="110">
        <v>0</v>
      </c>
      <c r="MI15" s="132"/>
      <c r="MJ15" s="109">
        <v>9074321</v>
      </c>
      <c r="MK15" s="109">
        <v>20063684</v>
      </c>
      <c r="ML15" s="109">
        <v>86450848</v>
      </c>
      <c r="MM15" s="109">
        <v>142690655</v>
      </c>
      <c r="MN15" s="109">
        <v>112767615</v>
      </c>
      <c r="MO15" s="110">
        <v>371047123</v>
      </c>
      <c r="MP15" s="130">
        <v>371047123</v>
      </c>
      <c r="MQ15" s="129">
        <v>0</v>
      </c>
      <c r="MR15" s="109">
        <v>0</v>
      </c>
      <c r="MS15" s="110">
        <v>0</v>
      </c>
      <c r="MT15" s="132"/>
      <c r="MU15" s="109">
        <v>1413161</v>
      </c>
      <c r="MV15" s="109">
        <v>873147</v>
      </c>
      <c r="MW15" s="109">
        <v>54665300</v>
      </c>
      <c r="MX15" s="109">
        <v>100744876</v>
      </c>
      <c r="MY15" s="109">
        <v>88037590</v>
      </c>
      <c r="MZ15" s="110">
        <v>245734074</v>
      </c>
      <c r="NA15" s="130">
        <v>245734074</v>
      </c>
      <c r="NB15" s="129">
        <v>0</v>
      </c>
      <c r="NC15" s="109">
        <v>0</v>
      </c>
      <c r="ND15" s="110">
        <v>0</v>
      </c>
      <c r="NE15" s="132"/>
      <c r="NF15" s="109">
        <v>7661160</v>
      </c>
      <c r="NG15" s="109">
        <v>19190537</v>
      </c>
      <c r="NH15" s="109">
        <v>31050445</v>
      </c>
      <c r="NI15" s="109">
        <v>41407935</v>
      </c>
      <c r="NJ15" s="109">
        <v>21869229</v>
      </c>
      <c r="NK15" s="110">
        <v>121179306</v>
      </c>
      <c r="NL15" s="298">
        <v>121179306</v>
      </c>
      <c r="NM15" s="129">
        <v>0</v>
      </c>
      <c r="NN15" s="109">
        <v>0</v>
      </c>
      <c r="NO15" s="110">
        <v>0</v>
      </c>
      <c r="NP15" s="132"/>
      <c r="NQ15" s="109">
        <v>0</v>
      </c>
      <c r="NR15" s="109">
        <v>0</v>
      </c>
      <c r="NS15" s="109">
        <v>0</v>
      </c>
      <c r="NT15" s="109">
        <v>0</v>
      </c>
      <c r="NU15" s="109">
        <v>0</v>
      </c>
      <c r="NV15" s="110">
        <v>0</v>
      </c>
      <c r="NW15" s="111">
        <v>0</v>
      </c>
      <c r="NX15" s="129">
        <v>0</v>
      </c>
      <c r="NY15" s="109">
        <v>0</v>
      </c>
      <c r="NZ15" s="110">
        <v>0</v>
      </c>
      <c r="OA15" s="132"/>
      <c r="OB15" s="109">
        <v>0</v>
      </c>
      <c r="OC15" s="109">
        <v>0</v>
      </c>
      <c r="OD15" s="109">
        <v>735103</v>
      </c>
      <c r="OE15" s="109">
        <v>537844</v>
      </c>
      <c r="OF15" s="109">
        <v>2860796</v>
      </c>
      <c r="OG15" s="110">
        <v>4133743</v>
      </c>
      <c r="OH15" s="111">
        <v>4133743</v>
      </c>
      <c r="OI15" s="129">
        <v>12184166</v>
      </c>
      <c r="OJ15" s="109">
        <v>16215824</v>
      </c>
      <c r="OK15" s="128">
        <v>28399990</v>
      </c>
      <c r="OL15" s="108">
        <v>0</v>
      </c>
      <c r="OM15" s="109">
        <v>202883815</v>
      </c>
      <c r="ON15" s="109">
        <v>215635201</v>
      </c>
      <c r="OO15" s="109">
        <v>303220084</v>
      </c>
      <c r="OP15" s="109">
        <v>353732748</v>
      </c>
      <c r="OQ15" s="109">
        <v>266298277</v>
      </c>
      <c r="OR15" s="110">
        <v>1341770125</v>
      </c>
      <c r="OS15" s="130">
        <v>1370170115</v>
      </c>
    </row>
    <row r="16" spans="1:409" ht="21" customHeight="1" x14ac:dyDescent="0.2">
      <c r="B16" s="472" t="s">
        <v>10</v>
      </c>
      <c r="C16" s="100">
        <v>25515393</v>
      </c>
      <c r="D16" s="104">
        <v>42160694</v>
      </c>
      <c r="E16" s="103">
        <v>67676087</v>
      </c>
      <c r="F16" s="159">
        <v>0</v>
      </c>
      <c r="G16" s="104">
        <v>345762733</v>
      </c>
      <c r="H16" s="104">
        <v>289763870</v>
      </c>
      <c r="I16" s="104">
        <v>256766720</v>
      </c>
      <c r="J16" s="104">
        <v>263198580</v>
      </c>
      <c r="K16" s="104">
        <v>206567415</v>
      </c>
      <c r="L16" s="99">
        <v>1362059318</v>
      </c>
      <c r="M16" s="106">
        <v>1429735405</v>
      </c>
      <c r="N16" s="100">
        <v>6960376</v>
      </c>
      <c r="O16" s="104">
        <v>13621412</v>
      </c>
      <c r="P16" s="103">
        <v>20581788</v>
      </c>
      <c r="Q16" s="100">
        <v>0</v>
      </c>
      <c r="R16" s="104">
        <v>113002613</v>
      </c>
      <c r="S16" s="104">
        <v>99770928</v>
      </c>
      <c r="T16" s="104">
        <v>96616676</v>
      </c>
      <c r="U16" s="104">
        <v>112834254</v>
      </c>
      <c r="V16" s="104">
        <v>113958101</v>
      </c>
      <c r="W16" s="103">
        <v>536182572</v>
      </c>
      <c r="X16" s="106">
        <v>556764360</v>
      </c>
      <c r="Y16" s="100">
        <v>0</v>
      </c>
      <c r="Z16" s="104">
        <v>0</v>
      </c>
      <c r="AA16" s="103">
        <v>0</v>
      </c>
      <c r="AB16" s="100">
        <v>0</v>
      </c>
      <c r="AC16" s="104">
        <v>56760761</v>
      </c>
      <c r="AD16" s="104">
        <v>52905462</v>
      </c>
      <c r="AE16" s="104">
        <v>61792473</v>
      </c>
      <c r="AF16" s="104">
        <v>73723365</v>
      </c>
      <c r="AG16" s="104">
        <v>69173162</v>
      </c>
      <c r="AH16" s="103">
        <v>314355223</v>
      </c>
      <c r="AI16" s="106">
        <v>314355223</v>
      </c>
      <c r="AJ16" s="100">
        <v>0</v>
      </c>
      <c r="AK16" s="104">
        <v>67759</v>
      </c>
      <c r="AL16" s="103">
        <v>67759</v>
      </c>
      <c r="AM16" s="100">
        <v>0</v>
      </c>
      <c r="AN16" s="104">
        <v>359189</v>
      </c>
      <c r="AO16" s="104">
        <v>1532569</v>
      </c>
      <c r="AP16" s="104">
        <v>1935038</v>
      </c>
      <c r="AQ16" s="104">
        <v>4954240</v>
      </c>
      <c r="AR16" s="104">
        <v>11395617</v>
      </c>
      <c r="AS16" s="103">
        <v>20176653</v>
      </c>
      <c r="AT16" s="106">
        <v>20244412</v>
      </c>
      <c r="AU16" s="100">
        <v>4084436</v>
      </c>
      <c r="AV16" s="104">
        <v>8911971</v>
      </c>
      <c r="AW16" s="103">
        <v>12996407</v>
      </c>
      <c r="AX16" s="100">
        <v>0</v>
      </c>
      <c r="AY16" s="104">
        <v>35197980</v>
      </c>
      <c r="AZ16" s="104">
        <v>26582726</v>
      </c>
      <c r="BA16" s="104">
        <v>15839923</v>
      </c>
      <c r="BB16" s="104">
        <v>17744828</v>
      </c>
      <c r="BC16" s="104">
        <v>18901796</v>
      </c>
      <c r="BD16" s="103">
        <v>114267253</v>
      </c>
      <c r="BE16" s="106">
        <v>127263660</v>
      </c>
      <c r="BF16" s="100">
        <v>662790</v>
      </c>
      <c r="BG16" s="104">
        <v>1495223</v>
      </c>
      <c r="BH16" s="102">
        <v>2158013</v>
      </c>
      <c r="BI16" s="101">
        <v>0</v>
      </c>
      <c r="BJ16" s="104">
        <v>3223555</v>
      </c>
      <c r="BK16" s="104">
        <v>2987043</v>
      </c>
      <c r="BL16" s="104">
        <v>2791081</v>
      </c>
      <c r="BM16" s="104">
        <v>1327136</v>
      </c>
      <c r="BN16" s="104">
        <v>1492276</v>
      </c>
      <c r="BO16" s="103">
        <v>11821091</v>
      </c>
      <c r="BP16" s="106">
        <v>13979104</v>
      </c>
      <c r="BQ16" s="100">
        <v>2213150</v>
      </c>
      <c r="BR16" s="104">
        <v>3146459</v>
      </c>
      <c r="BS16" s="103">
        <v>5359609</v>
      </c>
      <c r="BT16" s="100">
        <v>0</v>
      </c>
      <c r="BU16" s="104">
        <v>17461128</v>
      </c>
      <c r="BV16" s="104">
        <v>15763128</v>
      </c>
      <c r="BW16" s="104">
        <v>14258161</v>
      </c>
      <c r="BX16" s="104">
        <v>15084685</v>
      </c>
      <c r="BY16" s="104">
        <v>12995250</v>
      </c>
      <c r="BZ16" s="103">
        <v>75562352</v>
      </c>
      <c r="CA16" s="106">
        <v>80921961</v>
      </c>
      <c r="CB16" s="100">
        <v>1299868</v>
      </c>
      <c r="CC16" s="104">
        <v>3618443</v>
      </c>
      <c r="CD16" s="103">
        <v>4918311</v>
      </c>
      <c r="CE16" s="100">
        <v>0</v>
      </c>
      <c r="CF16" s="104">
        <v>100217010</v>
      </c>
      <c r="CG16" s="104">
        <v>74819716</v>
      </c>
      <c r="CH16" s="104">
        <v>54405337</v>
      </c>
      <c r="CI16" s="104">
        <v>39060638</v>
      </c>
      <c r="CJ16" s="104">
        <v>18598203</v>
      </c>
      <c r="CK16" s="103">
        <v>287100904</v>
      </c>
      <c r="CL16" s="106">
        <v>292019215</v>
      </c>
      <c r="CM16" s="100">
        <v>0</v>
      </c>
      <c r="CN16" s="104">
        <v>0</v>
      </c>
      <c r="CO16" s="103">
        <v>0</v>
      </c>
      <c r="CP16" s="101">
        <v>0</v>
      </c>
      <c r="CQ16" s="104">
        <v>86942987</v>
      </c>
      <c r="CR16" s="104">
        <v>61737125</v>
      </c>
      <c r="CS16" s="104">
        <v>46548607</v>
      </c>
      <c r="CT16" s="104">
        <v>32563251</v>
      </c>
      <c r="CU16" s="104">
        <v>15900633</v>
      </c>
      <c r="CV16" s="103">
        <v>243692603</v>
      </c>
      <c r="CW16" s="106">
        <v>243692603</v>
      </c>
      <c r="CX16" s="100">
        <v>1299868</v>
      </c>
      <c r="CY16" s="104">
        <v>3618443</v>
      </c>
      <c r="CZ16" s="103">
        <v>4918311</v>
      </c>
      <c r="DA16" s="100">
        <v>0</v>
      </c>
      <c r="DB16" s="104">
        <v>13274023</v>
      </c>
      <c r="DC16" s="104">
        <v>13082591</v>
      </c>
      <c r="DD16" s="104">
        <v>7856730</v>
      </c>
      <c r="DE16" s="104">
        <v>6497387</v>
      </c>
      <c r="DF16" s="104">
        <v>2697570</v>
      </c>
      <c r="DG16" s="103">
        <v>43408301</v>
      </c>
      <c r="DH16" s="106">
        <v>48326612</v>
      </c>
      <c r="DI16" s="100">
        <v>192588</v>
      </c>
      <c r="DJ16" s="104">
        <v>908311</v>
      </c>
      <c r="DK16" s="102">
        <v>1100899</v>
      </c>
      <c r="DL16" s="101">
        <v>0</v>
      </c>
      <c r="DM16" s="104">
        <v>11176906</v>
      </c>
      <c r="DN16" s="104">
        <v>15926997</v>
      </c>
      <c r="DO16" s="104">
        <v>20589207</v>
      </c>
      <c r="DP16" s="104">
        <v>21899278</v>
      </c>
      <c r="DQ16" s="104">
        <v>11200782</v>
      </c>
      <c r="DR16" s="103">
        <v>80793170</v>
      </c>
      <c r="DS16" s="106">
        <v>81894069</v>
      </c>
      <c r="DT16" s="100">
        <v>192588</v>
      </c>
      <c r="DU16" s="104">
        <v>770112</v>
      </c>
      <c r="DV16" s="103">
        <v>962700</v>
      </c>
      <c r="DW16" s="100">
        <v>0</v>
      </c>
      <c r="DX16" s="104">
        <v>10244528</v>
      </c>
      <c r="DY16" s="104">
        <v>14765442</v>
      </c>
      <c r="DZ16" s="104">
        <v>19354051</v>
      </c>
      <c r="EA16" s="104">
        <v>20634541</v>
      </c>
      <c r="EB16" s="104">
        <v>10430065</v>
      </c>
      <c r="EC16" s="103">
        <v>75428627</v>
      </c>
      <c r="ED16" s="106">
        <v>76391327</v>
      </c>
      <c r="EE16" s="100">
        <v>0</v>
      </c>
      <c r="EF16" s="102">
        <v>138199</v>
      </c>
      <c r="EG16" s="103">
        <v>138199</v>
      </c>
      <c r="EH16" s="100">
        <v>0</v>
      </c>
      <c r="EI16" s="104">
        <v>932378</v>
      </c>
      <c r="EJ16" s="104">
        <v>1161555</v>
      </c>
      <c r="EK16" s="104">
        <v>1235156</v>
      </c>
      <c r="EL16" s="104">
        <v>1264737</v>
      </c>
      <c r="EM16" s="104">
        <v>770717</v>
      </c>
      <c r="EN16" s="102">
        <v>5364543</v>
      </c>
      <c r="EO16" s="106">
        <v>5502742</v>
      </c>
      <c r="EP16" s="100">
        <v>0</v>
      </c>
      <c r="EQ16" s="104">
        <v>0</v>
      </c>
      <c r="ER16" s="102">
        <v>0</v>
      </c>
      <c r="ES16" s="101">
        <v>0</v>
      </c>
      <c r="ET16" s="104">
        <v>0</v>
      </c>
      <c r="EU16" s="104">
        <v>0</v>
      </c>
      <c r="EV16" s="104">
        <v>0</v>
      </c>
      <c r="EW16" s="104">
        <v>0</v>
      </c>
      <c r="EX16" s="104">
        <v>0</v>
      </c>
      <c r="EY16" s="103">
        <v>0</v>
      </c>
      <c r="EZ16" s="106">
        <v>0</v>
      </c>
      <c r="FA16" s="100">
        <v>0</v>
      </c>
      <c r="FB16" s="104">
        <v>0</v>
      </c>
      <c r="FC16" s="102">
        <v>0</v>
      </c>
      <c r="FD16" s="324"/>
      <c r="FE16" s="104">
        <v>0</v>
      </c>
      <c r="FF16" s="104">
        <v>0</v>
      </c>
      <c r="FG16" s="104">
        <v>0</v>
      </c>
      <c r="FH16" s="104">
        <v>0</v>
      </c>
      <c r="FI16" s="104">
        <v>0</v>
      </c>
      <c r="FJ16" s="103">
        <v>0</v>
      </c>
      <c r="FK16" s="106">
        <v>0</v>
      </c>
      <c r="FL16" s="100">
        <v>7172521</v>
      </c>
      <c r="FM16" s="104">
        <v>9808081</v>
      </c>
      <c r="FN16" s="103">
        <v>16980602</v>
      </c>
      <c r="FO16" s="100">
        <v>0</v>
      </c>
      <c r="FP16" s="104">
        <v>18437059</v>
      </c>
      <c r="FQ16" s="104">
        <v>25255192</v>
      </c>
      <c r="FR16" s="104">
        <v>19171962</v>
      </c>
      <c r="FS16" s="104">
        <v>18170366</v>
      </c>
      <c r="FT16" s="104">
        <v>14227791</v>
      </c>
      <c r="FU16" s="103">
        <v>95262370</v>
      </c>
      <c r="FV16" s="106">
        <v>112242972</v>
      </c>
      <c r="FW16" s="105">
        <v>4670960</v>
      </c>
      <c r="FX16" s="104">
        <v>8483633</v>
      </c>
      <c r="FY16" s="102">
        <v>13154593</v>
      </c>
      <c r="FZ16" s="101">
        <v>0</v>
      </c>
      <c r="GA16" s="104">
        <v>16114038</v>
      </c>
      <c r="GB16" s="104">
        <v>23349812</v>
      </c>
      <c r="GC16" s="104">
        <v>17857552</v>
      </c>
      <c r="GD16" s="104">
        <v>17475870</v>
      </c>
      <c r="GE16" s="104">
        <v>13862699</v>
      </c>
      <c r="GF16" s="103">
        <v>88659971</v>
      </c>
      <c r="GG16" s="296">
        <v>101814564</v>
      </c>
      <c r="GH16" s="105">
        <v>486433</v>
      </c>
      <c r="GI16" s="104">
        <v>518748</v>
      </c>
      <c r="GJ16" s="102">
        <v>1005181</v>
      </c>
      <c r="GK16" s="101">
        <v>0</v>
      </c>
      <c r="GL16" s="104">
        <v>1083853</v>
      </c>
      <c r="GM16" s="104">
        <v>754900</v>
      </c>
      <c r="GN16" s="104">
        <v>667900</v>
      </c>
      <c r="GO16" s="104">
        <v>415859</v>
      </c>
      <c r="GP16" s="104">
        <v>206152</v>
      </c>
      <c r="GQ16" s="103">
        <v>3128664</v>
      </c>
      <c r="GR16" s="106">
        <v>4133845</v>
      </c>
      <c r="GS16" s="100">
        <v>2015128</v>
      </c>
      <c r="GT16" s="104">
        <v>805700</v>
      </c>
      <c r="GU16" s="103">
        <v>2820828</v>
      </c>
      <c r="GV16" s="100">
        <v>0</v>
      </c>
      <c r="GW16" s="104">
        <v>1239168</v>
      </c>
      <c r="GX16" s="104">
        <v>1150480</v>
      </c>
      <c r="GY16" s="104">
        <v>646510</v>
      </c>
      <c r="GZ16" s="104">
        <v>278637</v>
      </c>
      <c r="HA16" s="104">
        <v>158940</v>
      </c>
      <c r="HB16" s="102">
        <v>3473735</v>
      </c>
      <c r="HC16" s="106">
        <v>6294563</v>
      </c>
      <c r="HD16" s="100">
        <v>4241428</v>
      </c>
      <c r="HE16" s="104">
        <v>6724187</v>
      </c>
      <c r="HF16" s="102">
        <v>10965615</v>
      </c>
      <c r="HG16" s="101">
        <v>0</v>
      </c>
      <c r="HH16" s="104">
        <v>50650575</v>
      </c>
      <c r="HI16" s="104">
        <v>44535319</v>
      </c>
      <c r="HJ16" s="104">
        <v>44648968</v>
      </c>
      <c r="HK16" s="104">
        <v>54720671</v>
      </c>
      <c r="HL16" s="104">
        <v>37576581</v>
      </c>
      <c r="HM16" s="103">
        <v>232132114</v>
      </c>
      <c r="HN16" s="99">
        <v>243097729</v>
      </c>
      <c r="HO16" s="105">
        <v>5648612</v>
      </c>
      <c r="HP16" s="104">
        <v>7480260</v>
      </c>
      <c r="HQ16" s="103">
        <v>13128872</v>
      </c>
      <c r="HR16" s="100">
        <v>0</v>
      </c>
      <c r="HS16" s="104">
        <v>52278570</v>
      </c>
      <c r="HT16" s="104">
        <v>29455718</v>
      </c>
      <c r="HU16" s="104">
        <v>21334570</v>
      </c>
      <c r="HV16" s="104">
        <v>16513373</v>
      </c>
      <c r="HW16" s="104">
        <v>11005957</v>
      </c>
      <c r="HX16" s="102">
        <v>130588188</v>
      </c>
      <c r="HY16" s="106">
        <v>143717060</v>
      </c>
      <c r="HZ16" s="137">
        <v>648267</v>
      </c>
      <c r="IA16" s="122">
        <v>2240361</v>
      </c>
      <c r="IB16" s="137">
        <v>2888628</v>
      </c>
      <c r="IC16" s="121">
        <v>0</v>
      </c>
      <c r="ID16" s="122">
        <v>73079451</v>
      </c>
      <c r="IE16" s="123">
        <v>80271468</v>
      </c>
      <c r="IF16" s="124">
        <v>85611641</v>
      </c>
      <c r="IG16" s="122">
        <v>82114728</v>
      </c>
      <c r="IH16" s="124">
        <v>72322185</v>
      </c>
      <c r="II16" s="125">
        <v>393399473</v>
      </c>
      <c r="IJ16" s="137">
        <v>396288101</v>
      </c>
      <c r="IK16" s="219">
        <v>0</v>
      </c>
      <c r="IL16" s="223">
        <v>0</v>
      </c>
      <c r="IM16" s="224">
        <v>0</v>
      </c>
      <c r="IN16" s="324"/>
      <c r="IO16" s="109">
        <v>1075953</v>
      </c>
      <c r="IP16" s="109">
        <v>1622226</v>
      </c>
      <c r="IQ16" s="109">
        <v>3255550</v>
      </c>
      <c r="IR16" s="109">
        <v>5042578</v>
      </c>
      <c r="IS16" s="109">
        <v>5040158</v>
      </c>
      <c r="IT16" s="128">
        <v>16036465</v>
      </c>
      <c r="IU16" s="298">
        <v>16036465</v>
      </c>
      <c r="IV16" s="129">
        <v>0</v>
      </c>
      <c r="IW16" s="109">
        <v>0</v>
      </c>
      <c r="IX16" s="110">
        <v>0</v>
      </c>
      <c r="IY16" s="324"/>
      <c r="IZ16" s="109">
        <v>153566</v>
      </c>
      <c r="JA16" s="109">
        <v>64628</v>
      </c>
      <c r="JB16" s="109">
        <v>90979</v>
      </c>
      <c r="JC16" s="109">
        <v>308722</v>
      </c>
      <c r="JD16" s="109">
        <v>190168</v>
      </c>
      <c r="JE16" s="110">
        <v>808063</v>
      </c>
      <c r="JF16" s="111">
        <v>808063</v>
      </c>
      <c r="JG16" s="129">
        <v>0</v>
      </c>
      <c r="JH16" s="109">
        <v>0</v>
      </c>
      <c r="JI16" s="128">
        <v>0</v>
      </c>
      <c r="JJ16" s="108">
        <v>0</v>
      </c>
      <c r="JK16" s="109">
        <v>24635756</v>
      </c>
      <c r="JL16" s="109">
        <v>17915268</v>
      </c>
      <c r="JM16" s="109">
        <v>11434777</v>
      </c>
      <c r="JN16" s="109">
        <v>7962672</v>
      </c>
      <c r="JO16" s="109">
        <v>3254840</v>
      </c>
      <c r="JP16" s="110">
        <v>65203313</v>
      </c>
      <c r="JQ16" s="298">
        <v>65203313</v>
      </c>
      <c r="JR16" s="129">
        <v>0</v>
      </c>
      <c r="JS16" s="109">
        <v>46251</v>
      </c>
      <c r="JT16" s="128">
        <v>46251</v>
      </c>
      <c r="JU16" s="108">
        <v>0</v>
      </c>
      <c r="JV16" s="109">
        <v>616510</v>
      </c>
      <c r="JW16" s="109">
        <v>1527267</v>
      </c>
      <c r="JX16" s="109">
        <v>3874930</v>
      </c>
      <c r="JY16" s="109">
        <v>1424214</v>
      </c>
      <c r="JZ16" s="109">
        <v>1926367</v>
      </c>
      <c r="KA16" s="110">
        <v>9369288</v>
      </c>
      <c r="KB16" s="298">
        <v>9415539</v>
      </c>
      <c r="KC16" s="221">
        <v>648267</v>
      </c>
      <c r="KD16" s="217">
        <v>1428145</v>
      </c>
      <c r="KE16" s="110">
        <v>2076412</v>
      </c>
      <c r="KF16" s="108">
        <v>0</v>
      </c>
      <c r="KG16" s="109">
        <v>11585854</v>
      </c>
      <c r="KH16" s="109">
        <v>12890305</v>
      </c>
      <c r="KI16" s="109">
        <v>17436077</v>
      </c>
      <c r="KJ16" s="109">
        <v>18178475</v>
      </c>
      <c r="KK16" s="109">
        <v>13169485</v>
      </c>
      <c r="KL16" s="110">
        <v>73260196</v>
      </c>
      <c r="KM16" s="130">
        <v>75336608</v>
      </c>
      <c r="KN16" s="219">
        <v>0</v>
      </c>
      <c r="KO16" s="223">
        <v>765965</v>
      </c>
      <c r="KP16" s="224">
        <v>765965</v>
      </c>
      <c r="KQ16" s="127"/>
      <c r="KR16" s="109">
        <v>25466511</v>
      </c>
      <c r="KS16" s="109">
        <v>34055267</v>
      </c>
      <c r="KT16" s="109">
        <v>33479510</v>
      </c>
      <c r="KU16" s="109">
        <v>25392249</v>
      </c>
      <c r="KV16" s="109">
        <v>26087575</v>
      </c>
      <c r="KW16" s="110">
        <v>144481112</v>
      </c>
      <c r="KX16" s="298">
        <v>145247077</v>
      </c>
      <c r="KY16" s="129">
        <v>0</v>
      </c>
      <c r="KZ16" s="109">
        <v>0</v>
      </c>
      <c r="LA16" s="110">
        <v>0</v>
      </c>
      <c r="LB16" s="132"/>
      <c r="LC16" s="109">
        <v>6327836</v>
      </c>
      <c r="LD16" s="109">
        <v>4239693</v>
      </c>
      <c r="LE16" s="109">
        <v>6722166</v>
      </c>
      <c r="LF16" s="109">
        <v>6037194</v>
      </c>
      <c r="LG16" s="109">
        <v>8342538</v>
      </c>
      <c r="LH16" s="110">
        <v>31669427</v>
      </c>
      <c r="LI16" s="111">
        <v>31669427</v>
      </c>
      <c r="LJ16" s="129">
        <v>0</v>
      </c>
      <c r="LK16" s="109">
        <v>0</v>
      </c>
      <c r="LL16" s="110">
        <v>0</v>
      </c>
      <c r="LM16" s="132"/>
      <c r="LN16" s="109">
        <v>0</v>
      </c>
      <c r="LO16" s="109">
        <v>212983</v>
      </c>
      <c r="LP16" s="109">
        <v>1024764</v>
      </c>
      <c r="LQ16" s="109">
        <v>4999017</v>
      </c>
      <c r="LR16" s="109">
        <v>6253758</v>
      </c>
      <c r="LS16" s="110">
        <v>12490522</v>
      </c>
      <c r="LT16" s="298">
        <v>12490522</v>
      </c>
      <c r="LU16" s="129">
        <v>0</v>
      </c>
      <c r="LV16" s="109">
        <v>0</v>
      </c>
      <c r="LW16" s="110">
        <v>0</v>
      </c>
      <c r="LX16" s="132"/>
      <c r="LY16" s="109">
        <v>3217465</v>
      </c>
      <c r="LZ16" s="109">
        <v>7743831</v>
      </c>
      <c r="MA16" s="109">
        <v>8292888</v>
      </c>
      <c r="MB16" s="109">
        <v>12769607</v>
      </c>
      <c r="MC16" s="109">
        <v>8057296</v>
      </c>
      <c r="MD16" s="110">
        <v>40081087</v>
      </c>
      <c r="ME16" s="111">
        <v>40081087</v>
      </c>
      <c r="MF16" s="129">
        <v>0</v>
      </c>
      <c r="MG16" s="109">
        <v>0</v>
      </c>
      <c r="MH16" s="110">
        <v>0</v>
      </c>
      <c r="MI16" s="132"/>
      <c r="MJ16" s="109">
        <v>29264637</v>
      </c>
      <c r="MK16" s="109">
        <v>41882121</v>
      </c>
      <c r="ML16" s="109">
        <v>139069213</v>
      </c>
      <c r="MM16" s="109">
        <v>222843001</v>
      </c>
      <c r="MN16" s="109">
        <v>188144088</v>
      </c>
      <c r="MO16" s="110">
        <v>621203060</v>
      </c>
      <c r="MP16" s="130">
        <v>621203060</v>
      </c>
      <c r="MQ16" s="129">
        <v>0</v>
      </c>
      <c r="MR16" s="109">
        <v>0</v>
      </c>
      <c r="MS16" s="110">
        <v>0</v>
      </c>
      <c r="MT16" s="132"/>
      <c r="MU16" s="109">
        <v>3690403</v>
      </c>
      <c r="MV16" s="109">
        <v>10668837</v>
      </c>
      <c r="MW16" s="109">
        <v>90160704</v>
      </c>
      <c r="MX16" s="109">
        <v>162816937</v>
      </c>
      <c r="MY16" s="109">
        <v>138451720</v>
      </c>
      <c r="MZ16" s="110">
        <v>405788601</v>
      </c>
      <c r="NA16" s="130">
        <v>405788601</v>
      </c>
      <c r="NB16" s="129">
        <v>0</v>
      </c>
      <c r="NC16" s="109">
        <v>0</v>
      </c>
      <c r="ND16" s="110">
        <v>0</v>
      </c>
      <c r="NE16" s="132"/>
      <c r="NF16" s="109">
        <v>25574234</v>
      </c>
      <c r="NG16" s="109">
        <v>31213284</v>
      </c>
      <c r="NH16" s="109">
        <v>48908509</v>
      </c>
      <c r="NI16" s="109">
        <v>58142569</v>
      </c>
      <c r="NJ16" s="109">
        <v>37260903</v>
      </c>
      <c r="NK16" s="110">
        <v>201099499</v>
      </c>
      <c r="NL16" s="298">
        <v>201099499</v>
      </c>
      <c r="NM16" s="129">
        <v>0</v>
      </c>
      <c r="NN16" s="109">
        <v>0</v>
      </c>
      <c r="NO16" s="110">
        <v>0</v>
      </c>
      <c r="NP16" s="132"/>
      <c r="NQ16" s="109">
        <v>0</v>
      </c>
      <c r="NR16" s="109">
        <v>0</v>
      </c>
      <c r="NS16" s="109">
        <v>0</v>
      </c>
      <c r="NT16" s="109">
        <v>334498</v>
      </c>
      <c r="NU16" s="109">
        <v>350051</v>
      </c>
      <c r="NV16" s="110">
        <v>684549</v>
      </c>
      <c r="NW16" s="111">
        <v>684549</v>
      </c>
      <c r="NX16" s="129">
        <v>0</v>
      </c>
      <c r="NY16" s="109">
        <v>0</v>
      </c>
      <c r="NZ16" s="110">
        <v>0</v>
      </c>
      <c r="OA16" s="132"/>
      <c r="OB16" s="109">
        <v>0</v>
      </c>
      <c r="OC16" s="109">
        <v>0</v>
      </c>
      <c r="OD16" s="109">
        <v>0</v>
      </c>
      <c r="OE16" s="109">
        <v>1548997</v>
      </c>
      <c r="OF16" s="109">
        <v>12081414</v>
      </c>
      <c r="OG16" s="110">
        <v>13630411</v>
      </c>
      <c r="OH16" s="111">
        <v>13630411</v>
      </c>
      <c r="OI16" s="129">
        <v>26163660</v>
      </c>
      <c r="OJ16" s="109">
        <v>44401055</v>
      </c>
      <c r="OK16" s="128">
        <v>70564715</v>
      </c>
      <c r="OL16" s="108">
        <v>0</v>
      </c>
      <c r="OM16" s="109">
        <v>448106821</v>
      </c>
      <c r="ON16" s="109">
        <v>411917459</v>
      </c>
      <c r="OO16" s="109">
        <v>481447574</v>
      </c>
      <c r="OP16" s="109">
        <v>568156309</v>
      </c>
      <c r="OQ16" s="109">
        <v>467033688</v>
      </c>
      <c r="OR16" s="110">
        <v>2376661851</v>
      </c>
      <c r="OS16" s="130">
        <v>2447226566</v>
      </c>
    </row>
    <row r="17" spans="2:409" ht="21" customHeight="1" x14ac:dyDescent="0.2">
      <c r="B17" s="472" t="s">
        <v>11</v>
      </c>
      <c r="C17" s="100">
        <v>12083721</v>
      </c>
      <c r="D17" s="104">
        <v>16023126</v>
      </c>
      <c r="E17" s="158">
        <v>28106847</v>
      </c>
      <c r="F17" s="101">
        <v>0</v>
      </c>
      <c r="G17" s="104">
        <v>162330486</v>
      </c>
      <c r="H17" s="104">
        <v>144471772</v>
      </c>
      <c r="I17" s="104">
        <v>143781800</v>
      </c>
      <c r="J17" s="104">
        <v>146162296</v>
      </c>
      <c r="K17" s="104">
        <v>93628510</v>
      </c>
      <c r="L17" s="99">
        <v>690374864</v>
      </c>
      <c r="M17" s="106">
        <v>718481711</v>
      </c>
      <c r="N17" s="100">
        <v>1820736</v>
      </c>
      <c r="O17" s="104">
        <v>2447671</v>
      </c>
      <c r="P17" s="103">
        <v>4268407</v>
      </c>
      <c r="Q17" s="100">
        <v>0</v>
      </c>
      <c r="R17" s="104">
        <v>40665926</v>
      </c>
      <c r="S17" s="104">
        <v>41868457</v>
      </c>
      <c r="T17" s="104">
        <v>45288667</v>
      </c>
      <c r="U17" s="104">
        <v>53174660</v>
      </c>
      <c r="V17" s="104">
        <v>48437187</v>
      </c>
      <c r="W17" s="103">
        <v>229434897</v>
      </c>
      <c r="X17" s="106">
        <v>233703304</v>
      </c>
      <c r="Y17" s="100">
        <v>0</v>
      </c>
      <c r="Z17" s="104">
        <v>0</v>
      </c>
      <c r="AA17" s="103">
        <v>0</v>
      </c>
      <c r="AB17" s="100">
        <v>0</v>
      </c>
      <c r="AC17" s="104">
        <v>20429440</v>
      </c>
      <c r="AD17" s="104">
        <v>24366925</v>
      </c>
      <c r="AE17" s="104">
        <v>28310944</v>
      </c>
      <c r="AF17" s="104">
        <v>31687798</v>
      </c>
      <c r="AG17" s="104">
        <v>30552121</v>
      </c>
      <c r="AH17" s="103">
        <v>135347228</v>
      </c>
      <c r="AI17" s="106">
        <v>135347228</v>
      </c>
      <c r="AJ17" s="100">
        <v>0</v>
      </c>
      <c r="AK17" s="104">
        <v>0</v>
      </c>
      <c r="AL17" s="103">
        <v>0</v>
      </c>
      <c r="AM17" s="100">
        <v>0</v>
      </c>
      <c r="AN17" s="104">
        <v>180224</v>
      </c>
      <c r="AO17" s="104">
        <v>638422</v>
      </c>
      <c r="AP17" s="104">
        <v>1605651</v>
      </c>
      <c r="AQ17" s="104">
        <v>3737069</v>
      </c>
      <c r="AR17" s="104">
        <v>4965418</v>
      </c>
      <c r="AS17" s="103">
        <v>11126784</v>
      </c>
      <c r="AT17" s="106">
        <v>11126784</v>
      </c>
      <c r="AU17" s="100">
        <v>1125210</v>
      </c>
      <c r="AV17" s="104">
        <v>1668754</v>
      </c>
      <c r="AW17" s="103">
        <v>2793964</v>
      </c>
      <c r="AX17" s="100">
        <v>0</v>
      </c>
      <c r="AY17" s="104">
        <v>14056826</v>
      </c>
      <c r="AZ17" s="104">
        <v>9817831</v>
      </c>
      <c r="BA17" s="104">
        <v>8503920</v>
      </c>
      <c r="BB17" s="104">
        <v>10234768</v>
      </c>
      <c r="BC17" s="104">
        <v>8869985</v>
      </c>
      <c r="BD17" s="103">
        <v>51483330</v>
      </c>
      <c r="BE17" s="106">
        <v>54277294</v>
      </c>
      <c r="BF17" s="100">
        <v>132988</v>
      </c>
      <c r="BG17" s="104">
        <v>252544</v>
      </c>
      <c r="BH17" s="102">
        <v>385532</v>
      </c>
      <c r="BI17" s="101">
        <v>0</v>
      </c>
      <c r="BJ17" s="104">
        <v>857886</v>
      </c>
      <c r="BK17" s="104">
        <v>984104</v>
      </c>
      <c r="BL17" s="104">
        <v>1040386</v>
      </c>
      <c r="BM17" s="104">
        <v>1373432</v>
      </c>
      <c r="BN17" s="104">
        <v>147800</v>
      </c>
      <c r="BO17" s="103">
        <v>4403608</v>
      </c>
      <c r="BP17" s="106">
        <v>4789140</v>
      </c>
      <c r="BQ17" s="100">
        <v>562538</v>
      </c>
      <c r="BR17" s="104">
        <v>526373</v>
      </c>
      <c r="BS17" s="103">
        <v>1088911</v>
      </c>
      <c r="BT17" s="100">
        <v>0</v>
      </c>
      <c r="BU17" s="104">
        <v>5141550</v>
      </c>
      <c r="BV17" s="104">
        <v>6061175</v>
      </c>
      <c r="BW17" s="104">
        <v>5827766</v>
      </c>
      <c r="BX17" s="104">
        <v>6141593</v>
      </c>
      <c r="BY17" s="104">
        <v>3901863</v>
      </c>
      <c r="BZ17" s="103">
        <v>27073947</v>
      </c>
      <c r="CA17" s="106">
        <v>28162858</v>
      </c>
      <c r="CB17" s="100">
        <v>2364087</v>
      </c>
      <c r="CC17" s="104">
        <v>3619823</v>
      </c>
      <c r="CD17" s="103">
        <v>5983910</v>
      </c>
      <c r="CE17" s="100">
        <v>0</v>
      </c>
      <c r="CF17" s="104">
        <v>50966549</v>
      </c>
      <c r="CG17" s="104">
        <v>39180165</v>
      </c>
      <c r="CH17" s="104">
        <v>33526413</v>
      </c>
      <c r="CI17" s="104">
        <v>27075658</v>
      </c>
      <c r="CJ17" s="104">
        <v>12099172</v>
      </c>
      <c r="CK17" s="103">
        <v>162847957</v>
      </c>
      <c r="CL17" s="106">
        <v>168831867</v>
      </c>
      <c r="CM17" s="100">
        <v>0</v>
      </c>
      <c r="CN17" s="104">
        <v>0</v>
      </c>
      <c r="CO17" s="103">
        <v>0</v>
      </c>
      <c r="CP17" s="101">
        <v>0</v>
      </c>
      <c r="CQ17" s="104">
        <v>40849569</v>
      </c>
      <c r="CR17" s="104">
        <v>30700606</v>
      </c>
      <c r="CS17" s="104">
        <v>27423804</v>
      </c>
      <c r="CT17" s="104">
        <v>20796424</v>
      </c>
      <c r="CU17" s="104">
        <v>10415469</v>
      </c>
      <c r="CV17" s="103">
        <v>130185872</v>
      </c>
      <c r="CW17" s="106">
        <v>130185872</v>
      </c>
      <c r="CX17" s="100">
        <v>2364087</v>
      </c>
      <c r="CY17" s="104">
        <v>3619823</v>
      </c>
      <c r="CZ17" s="103">
        <v>5983910</v>
      </c>
      <c r="DA17" s="100">
        <v>0</v>
      </c>
      <c r="DB17" s="104">
        <v>10116980</v>
      </c>
      <c r="DC17" s="104">
        <v>8479559</v>
      </c>
      <c r="DD17" s="104">
        <v>6102609</v>
      </c>
      <c r="DE17" s="104">
        <v>6279234</v>
      </c>
      <c r="DF17" s="104">
        <v>1683703</v>
      </c>
      <c r="DG17" s="103">
        <v>32662085</v>
      </c>
      <c r="DH17" s="106">
        <v>38645995</v>
      </c>
      <c r="DI17" s="100">
        <v>138882</v>
      </c>
      <c r="DJ17" s="104">
        <v>590756</v>
      </c>
      <c r="DK17" s="102">
        <v>729638</v>
      </c>
      <c r="DL17" s="101">
        <v>0</v>
      </c>
      <c r="DM17" s="104">
        <v>5555150</v>
      </c>
      <c r="DN17" s="104">
        <v>6566640</v>
      </c>
      <c r="DO17" s="104">
        <v>14272256</v>
      </c>
      <c r="DP17" s="104">
        <v>10776243</v>
      </c>
      <c r="DQ17" s="104">
        <v>4580372</v>
      </c>
      <c r="DR17" s="103">
        <v>41750661</v>
      </c>
      <c r="DS17" s="106">
        <v>42480299</v>
      </c>
      <c r="DT17" s="100">
        <v>138882</v>
      </c>
      <c r="DU17" s="104">
        <v>499124</v>
      </c>
      <c r="DV17" s="103">
        <v>638006</v>
      </c>
      <c r="DW17" s="100">
        <v>0</v>
      </c>
      <c r="DX17" s="104">
        <v>5128488</v>
      </c>
      <c r="DY17" s="104">
        <v>6345119</v>
      </c>
      <c r="DZ17" s="104">
        <v>13391425</v>
      </c>
      <c r="EA17" s="104">
        <v>10188015</v>
      </c>
      <c r="EB17" s="104">
        <v>3691841</v>
      </c>
      <c r="EC17" s="103">
        <v>38744888</v>
      </c>
      <c r="ED17" s="106">
        <v>39382894</v>
      </c>
      <c r="EE17" s="100">
        <v>0</v>
      </c>
      <c r="EF17" s="102">
        <v>91632</v>
      </c>
      <c r="EG17" s="103">
        <v>91632</v>
      </c>
      <c r="EH17" s="100">
        <v>0</v>
      </c>
      <c r="EI17" s="104">
        <v>426662</v>
      </c>
      <c r="EJ17" s="104">
        <v>221521</v>
      </c>
      <c r="EK17" s="104">
        <v>880831</v>
      </c>
      <c r="EL17" s="104">
        <v>588228</v>
      </c>
      <c r="EM17" s="104">
        <v>888531</v>
      </c>
      <c r="EN17" s="102">
        <v>3005773</v>
      </c>
      <c r="EO17" s="106">
        <v>3097405</v>
      </c>
      <c r="EP17" s="100">
        <v>0</v>
      </c>
      <c r="EQ17" s="104">
        <v>0</v>
      </c>
      <c r="ER17" s="102">
        <v>0</v>
      </c>
      <c r="ES17" s="101">
        <v>0</v>
      </c>
      <c r="ET17" s="104">
        <v>0</v>
      </c>
      <c r="EU17" s="104">
        <v>0</v>
      </c>
      <c r="EV17" s="104">
        <v>0</v>
      </c>
      <c r="EW17" s="104">
        <v>0</v>
      </c>
      <c r="EX17" s="104">
        <v>0</v>
      </c>
      <c r="EY17" s="103">
        <v>0</v>
      </c>
      <c r="EZ17" s="106">
        <v>0</v>
      </c>
      <c r="FA17" s="100">
        <v>0</v>
      </c>
      <c r="FB17" s="104">
        <v>0</v>
      </c>
      <c r="FC17" s="102">
        <v>0</v>
      </c>
      <c r="FD17" s="324"/>
      <c r="FE17" s="104">
        <v>0</v>
      </c>
      <c r="FF17" s="104">
        <v>0</v>
      </c>
      <c r="FG17" s="104">
        <v>0</v>
      </c>
      <c r="FH17" s="104">
        <v>0</v>
      </c>
      <c r="FI17" s="104">
        <v>0</v>
      </c>
      <c r="FJ17" s="103">
        <v>0</v>
      </c>
      <c r="FK17" s="106">
        <v>0</v>
      </c>
      <c r="FL17" s="100">
        <v>3072210</v>
      </c>
      <c r="FM17" s="104">
        <v>3779150</v>
      </c>
      <c r="FN17" s="103">
        <v>6851360</v>
      </c>
      <c r="FO17" s="100">
        <v>0</v>
      </c>
      <c r="FP17" s="104">
        <v>7632518</v>
      </c>
      <c r="FQ17" s="104">
        <v>12217617</v>
      </c>
      <c r="FR17" s="104">
        <v>10500841</v>
      </c>
      <c r="FS17" s="104">
        <v>10389132</v>
      </c>
      <c r="FT17" s="104">
        <v>6194592</v>
      </c>
      <c r="FU17" s="103">
        <v>46934700</v>
      </c>
      <c r="FV17" s="106">
        <v>53786060</v>
      </c>
      <c r="FW17" s="105">
        <v>1852342</v>
      </c>
      <c r="FX17" s="104">
        <v>2938901</v>
      </c>
      <c r="FY17" s="102">
        <v>4791243</v>
      </c>
      <c r="FZ17" s="101">
        <v>0</v>
      </c>
      <c r="GA17" s="104">
        <v>6639935</v>
      </c>
      <c r="GB17" s="104">
        <v>10875983</v>
      </c>
      <c r="GC17" s="104">
        <v>9424864</v>
      </c>
      <c r="GD17" s="104">
        <v>9697825</v>
      </c>
      <c r="GE17" s="104">
        <v>6084855</v>
      </c>
      <c r="GF17" s="103">
        <v>42723462</v>
      </c>
      <c r="GG17" s="296">
        <v>47514705</v>
      </c>
      <c r="GH17" s="105">
        <v>38394</v>
      </c>
      <c r="GI17" s="104">
        <v>269793</v>
      </c>
      <c r="GJ17" s="102">
        <v>308187</v>
      </c>
      <c r="GK17" s="101">
        <v>0</v>
      </c>
      <c r="GL17" s="104">
        <v>364304</v>
      </c>
      <c r="GM17" s="104">
        <v>361984</v>
      </c>
      <c r="GN17" s="104">
        <v>220882</v>
      </c>
      <c r="GO17" s="104">
        <v>310607</v>
      </c>
      <c r="GP17" s="104">
        <v>109737</v>
      </c>
      <c r="GQ17" s="103">
        <v>1367514</v>
      </c>
      <c r="GR17" s="106">
        <v>1675701</v>
      </c>
      <c r="GS17" s="100">
        <v>1181474</v>
      </c>
      <c r="GT17" s="104">
        <v>570456</v>
      </c>
      <c r="GU17" s="103">
        <v>1751930</v>
      </c>
      <c r="GV17" s="100">
        <v>0</v>
      </c>
      <c r="GW17" s="104">
        <v>628279</v>
      </c>
      <c r="GX17" s="104">
        <v>979650</v>
      </c>
      <c r="GY17" s="104">
        <v>855095</v>
      </c>
      <c r="GZ17" s="104">
        <v>380700</v>
      </c>
      <c r="HA17" s="104">
        <v>0</v>
      </c>
      <c r="HB17" s="102">
        <v>2843724</v>
      </c>
      <c r="HC17" s="106">
        <v>4595654</v>
      </c>
      <c r="HD17" s="100">
        <v>2197428</v>
      </c>
      <c r="HE17" s="104">
        <v>2804938</v>
      </c>
      <c r="HF17" s="102">
        <v>5002366</v>
      </c>
      <c r="HG17" s="101">
        <v>0</v>
      </c>
      <c r="HH17" s="104">
        <v>30097346</v>
      </c>
      <c r="HI17" s="104">
        <v>28304488</v>
      </c>
      <c r="HJ17" s="104">
        <v>26781628</v>
      </c>
      <c r="HK17" s="104">
        <v>34589286</v>
      </c>
      <c r="HL17" s="104">
        <v>17043202</v>
      </c>
      <c r="HM17" s="103">
        <v>136815950</v>
      </c>
      <c r="HN17" s="99">
        <v>141818316</v>
      </c>
      <c r="HO17" s="105">
        <v>2490378</v>
      </c>
      <c r="HP17" s="104">
        <v>2780788</v>
      </c>
      <c r="HQ17" s="103">
        <v>5271166</v>
      </c>
      <c r="HR17" s="100">
        <v>0</v>
      </c>
      <c r="HS17" s="104">
        <v>27412997</v>
      </c>
      <c r="HT17" s="104">
        <v>16334405</v>
      </c>
      <c r="HU17" s="104">
        <v>13411995</v>
      </c>
      <c r="HV17" s="104">
        <v>10157317</v>
      </c>
      <c r="HW17" s="104">
        <v>5273985</v>
      </c>
      <c r="HX17" s="102">
        <v>72590699</v>
      </c>
      <c r="HY17" s="106">
        <v>77861865</v>
      </c>
      <c r="HZ17" s="118">
        <v>52630</v>
      </c>
      <c r="IA17" s="119">
        <v>849152</v>
      </c>
      <c r="IB17" s="120">
        <v>901782</v>
      </c>
      <c r="IC17" s="133">
        <v>0</v>
      </c>
      <c r="ID17" s="119">
        <v>50229516</v>
      </c>
      <c r="IE17" s="134">
        <v>50528797</v>
      </c>
      <c r="IF17" s="120">
        <v>51985910</v>
      </c>
      <c r="IG17" s="119">
        <v>33588595</v>
      </c>
      <c r="IH17" s="120">
        <v>16759391</v>
      </c>
      <c r="II17" s="135">
        <v>203092209</v>
      </c>
      <c r="IJ17" s="126">
        <v>203993991</v>
      </c>
      <c r="IK17" s="219">
        <v>0</v>
      </c>
      <c r="IL17" s="223">
        <v>0</v>
      </c>
      <c r="IM17" s="224">
        <v>0</v>
      </c>
      <c r="IN17" s="324"/>
      <c r="IO17" s="109">
        <v>628630</v>
      </c>
      <c r="IP17" s="109">
        <v>1152243</v>
      </c>
      <c r="IQ17" s="109">
        <v>779878</v>
      </c>
      <c r="IR17" s="109">
        <v>1971483</v>
      </c>
      <c r="IS17" s="109">
        <v>2129263</v>
      </c>
      <c r="IT17" s="128">
        <v>6661497</v>
      </c>
      <c r="IU17" s="298">
        <v>6661497</v>
      </c>
      <c r="IV17" s="129">
        <v>0</v>
      </c>
      <c r="IW17" s="109">
        <v>0</v>
      </c>
      <c r="IX17" s="110">
        <v>0</v>
      </c>
      <c r="IY17" s="324"/>
      <c r="IZ17" s="109">
        <v>234956</v>
      </c>
      <c r="JA17" s="109">
        <v>271471</v>
      </c>
      <c r="JB17" s="109">
        <v>241430</v>
      </c>
      <c r="JC17" s="109">
        <v>305578</v>
      </c>
      <c r="JD17" s="109">
        <v>212576</v>
      </c>
      <c r="JE17" s="110">
        <v>1266011</v>
      </c>
      <c r="JF17" s="111">
        <v>1266011</v>
      </c>
      <c r="JG17" s="129">
        <v>0</v>
      </c>
      <c r="JH17" s="109">
        <v>0</v>
      </c>
      <c r="JI17" s="128">
        <v>0</v>
      </c>
      <c r="JJ17" s="108">
        <v>0</v>
      </c>
      <c r="JK17" s="109">
        <v>29104791</v>
      </c>
      <c r="JL17" s="109">
        <v>20749813</v>
      </c>
      <c r="JM17" s="109">
        <v>15723684</v>
      </c>
      <c r="JN17" s="109">
        <v>8179027</v>
      </c>
      <c r="JO17" s="109">
        <v>4376303</v>
      </c>
      <c r="JP17" s="110">
        <v>78133618</v>
      </c>
      <c r="JQ17" s="298">
        <v>78133618</v>
      </c>
      <c r="JR17" s="129">
        <v>0</v>
      </c>
      <c r="JS17" s="109">
        <v>0</v>
      </c>
      <c r="JT17" s="128">
        <v>0</v>
      </c>
      <c r="JU17" s="108">
        <v>0</v>
      </c>
      <c r="JV17" s="109">
        <v>1318869</v>
      </c>
      <c r="JW17" s="109">
        <v>1614371</v>
      </c>
      <c r="JX17" s="109">
        <v>1488887</v>
      </c>
      <c r="JY17" s="109">
        <v>0</v>
      </c>
      <c r="JZ17" s="109">
        <v>155556</v>
      </c>
      <c r="KA17" s="110">
        <v>4577683</v>
      </c>
      <c r="KB17" s="298">
        <v>4577683</v>
      </c>
      <c r="KC17" s="221">
        <v>52630</v>
      </c>
      <c r="KD17" s="217">
        <v>334521</v>
      </c>
      <c r="KE17" s="110">
        <v>387151</v>
      </c>
      <c r="KF17" s="108">
        <v>0</v>
      </c>
      <c r="KG17" s="109">
        <v>5949365</v>
      </c>
      <c r="KH17" s="109">
        <v>6103348</v>
      </c>
      <c r="KI17" s="109">
        <v>9781258</v>
      </c>
      <c r="KJ17" s="109">
        <v>5055099</v>
      </c>
      <c r="KK17" s="109">
        <v>2537483</v>
      </c>
      <c r="KL17" s="110">
        <v>29426553</v>
      </c>
      <c r="KM17" s="130">
        <v>29813704</v>
      </c>
      <c r="KN17" s="219">
        <v>0</v>
      </c>
      <c r="KO17" s="223">
        <v>514631</v>
      </c>
      <c r="KP17" s="224">
        <v>514631</v>
      </c>
      <c r="KQ17" s="127"/>
      <c r="KR17" s="109">
        <v>11926849</v>
      </c>
      <c r="KS17" s="109">
        <v>19159348</v>
      </c>
      <c r="KT17" s="109">
        <v>23172588</v>
      </c>
      <c r="KU17" s="109">
        <v>15293814</v>
      </c>
      <c r="KV17" s="109">
        <v>6723869</v>
      </c>
      <c r="KW17" s="110">
        <v>76276468</v>
      </c>
      <c r="KX17" s="298">
        <v>76791099</v>
      </c>
      <c r="KY17" s="129">
        <v>0</v>
      </c>
      <c r="KZ17" s="109">
        <v>0</v>
      </c>
      <c r="LA17" s="110">
        <v>0</v>
      </c>
      <c r="LB17" s="132"/>
      <c r="LC17" s="109">
        <v>0</v>
      </c>
      <c r="LD17" s="109">
        <v>0</v>
      </c>
      <c r="LE17" s="109">
        <v>0</v>
      </c>
      <c r="LF17" s="109">
        <v>0</v>
      </c>
      <c r="LG17" s="109">
        <v>0</v>
      </c>
      <c r="LH17" s="110">
        <v>0</v>
      </c>
      <c r="LI17" s="111">
        <v>0</v>
      </c>
      <c r="LJ17" s="129">
        <v>0</v>
      </c>
      <c r="LK17" s="109">
        <v>0</v>
      </c>
      <c r="LL17" s="110">
        <v>0</v>
      </c>
      <c r="LM17" s="132"/>
      <c r="LN17" s="109">
        <v>0</v>
      </c>
      <c r="LO17" s="109">
        <v>247185</v>
      </c>
      <c r="LP17" s="109">
        <v>0</v>
      </c>
      <c r="LQ17" s="109">
        <v>0</v>
      </c>
      <c r="LR17" s="109">
        <v>0</v>
      </c>
      <c r="LS17" s="110">
        <v>247185</v>
      </c>
      <c r="LT17" s="298">
        <v>247185</v>
      </c>
      <c r="LU17" s="129">
        <v>0</v>
      </c>
      <c r="LV17" s="109">
        <v>0</v>
      </c>
      <c r="LW17" s="110">
        <v>0</v>
      </c>
      <c r="LX17" s="132"/>
      <c r="LY17" s="109">
        <v>1066056</v>
      </c>
      <c r="LZ17" s="109">
        <v>1231018</v>
      </c>
      <c r="MA17" s="109">
        <v>798185</v>
      </c>
      <c r="MB17" s="109">
        <v>2783594</v>
      </c>
      <c r="MC17" s="109">
        <v>624341</v>
      </c>
      <c r="MD17" s="110">
        <v>6503194</v>
      </c>
      <c r="ME17" s="111">
        <v>6503194</v>
      </c>
      <c r="MF17" s="129">
        <v>0</v>
      </c>
      <c r="MG17" s="109">
        <v>0</v>
      </c>
      <c r="MH17" s="110">
        <v>0</v>
      </c>
      <c r="MI17" s="132"/>
      <c r="MJ17" s="109">
        <v>17433165</v>
      </c>
      <c r="MK17" s="109">
        <v>28227099</v>
      </c>
      <c r="ML17" s="109">
        <v>91330126</v>
      </c>
      <c r="MM17" s="109">
        <v>152820212</v>
      </c>
      <c r="MN17" s="109">
        <v>96896617</v>
      </c>
      <c r="MO17" s="110">
        <v>386707219</v>
      </c>
      <c r="MP17" s="130">
        <v>386707219</v>
      </c>
      <c r="MQ17" s="129">
        <v>0</v>
      </c>
      <c r="MR17" s="109">
        <v>0</v>
      </c>
      <c r="MS17" s="110">
        <v>0</v>
      </c>
      <c r="MT17" s="132"/>
      <c r="MU17" s="109">
        <v>184698</v>
      </c>
      <c r="MV17" s="109">
        <v>1615037</v>
      </c>
      <c r="MW17" s="109">
        <v>47929944</v>
      </c>
      <c r="MX17" s="109">
        <v>105663918</v>
      </c>
      <c r="MY17" s="109">
        <v>61505606</v>
      </c>
      <c r="MZ17" s="110">
        <v>216899203</v>
      </c>
      <c r="NA17" s="130">
        <v>216899203</v>
      </c>
      <c r="NB17" s="129">
        <v>0</v>
      </c>
      <c r="NC17" s="109">
        <v>0</v>
      </c>
      <c r="ND17" s="110">
        <v>0</v>
      </c>
      <c r="NE17" s="132"/>
      <c r="NF17" s="109">
        <v>16263975</v>
      </c>
      <c r="NG17" s="109">
        <v>24725661</v>
      </c>
      <c r="NH17" s="109">
        <v>38977433</v>
      </c>
      <c r="NI17" s="109">
        <v>43090470</v>
      </c>
      <c r="NJ17" s="109">
        <v>24622848</v>
      </c>
      <c r="NK17" s="110">
        <v>147680387</v>
      </c>
      <c r="NL17" s="298">
        <v>147680387</v>
      </c>
      <c r="NM17" s="129">
        <v>0</v>
      </c>
      <c r="NN17" s="109">
        <v>0</v>
      </c>
      <c r="NO17" s="110">
        <v>0</v>
      </c>
      <c r="NP17" s="132"/>
      <c r="NQ17" s="109">
        <v>0</v>
      </c>
      <c r="NR17" s="109">
        <v>0</v>
      </c>
      <c r="NS17" s="109">
        <v>0</v>
      </c>
      <c r="NT17" s="109">
        <v>0</v>
      </c>
      <c r="NU17" s="109">
        <v>0</v>
      </c>
      <c r="NV17" s="110">
        <v>0</v>
      </c>
      <c r="NW17" s="111">
        <v>0</v>
      </c>
      <c r="NX17" s="129">
        <v>0</v>
      </c>
      <c r="NY17" s="109">
        <v>0</v>
      </c>
      <c r="NZ17" s="110">
        <v>0</v>
      </c>
      <c r="OA17" s="132"/>
      <c r="OB17" s="109">
        <v>984492</v>
      </c>
      <c r="OC17" s="109">
        <v>1886401</v>
      </c>
      <c r="OD17" s="109">
        <v>4422749</v>
      </c>
      <c r="OE17" s="109">
        <v>4065824</v>
      </c>
      <c r="OF17" s="109">
        <v>10768163</v>
      </c>
      <c r="OG17" s="110">
        <v>22127629</v>
      </c>
      <c r="OH17" s="111">
        <v>22127629</v>
      </c>
      <c r="OI17" s="129">
        <v>12136351</v>
      </c>
      <c r="OJ17" s="109">
        <v>16872278</v>
      </c>
      <c r="OK17" s="128">
        <v>29008629</v>
      </c>
      <c r="OL17" s="108">
        <v>0</v>
      </c>
      <c r="OM17" s="109">
        <v>229993167</v>
      </c>
      <c r="ON17" s="109">
        <v>223227668</v>
      </c>
      <c r="OO17" s="109">
        <v>287097836</v>
      </c>
      <c r="OP17" s="109">
        <v>332571103</v>
      </c>
      <c r="OQ17" s="109">
        <v>207284518</v>
      </c>
      <c r="OR17" s="110">
        <v>1280174292</v>
      </c>
      <c r="OS17" s="130">
        <v>1309182921</v>
      </c>
    </row>
    <row r="18" spans="2:409" ht="21" customHeight="1" x14ac:dyDescent="0.2">
      <c r="B18" s="472" t="s">
        <v>12</v>
      </c>
      <c r="C18" s="100">
        <v>16227434</v>
      </c>
      <c r="D18" s="104">
        <v>33959262</v>
      </c>
      <c r="E18" s="103">
        <v>50186696</v>
      </c>
      <c r="F18" s="99">
        <v>0</v>
      </c>
      <c r="G18" s="104">
        <v>133759854</v>
      </c>
      <c r="H18" s="157">
        <v>157393083</v>
      </c>
      <c r="I18" s="157">
        <v>152691464</v>
      </c>
      <c r="J18" s="157">
        <v>160708937</v>
      </c>
      <c r="K18" s="157">
        <v>112218824</v>
      </c>
      <c r="L18" s="102">
        <v>716772162</v>
      </c>
      <c r="M18" s="106">
        <v>766958858</v>
      </c>
      <c r="N18" s="100">
        <v>3850680</v>
      </c>
      <c r="O18" s="104">
        <v>10574312</v>
      </c>
      <c r="P18" s="103">
        <v>14424992</v>
      </c>
      <c r="Q18" s="100">
        <v>0</v>
      </c>
      <c r="R18" s="104">
        <v>36811791</v>
      </c>
      <c r="S18" s="104">
        <v>49966335</v>
      </c>
      <c r="T18" s="104">
        <v>50399017</v>
      </c>
      <c r="U18" s="104">
        <v>59518003</v>
      </c>
      <c r="V18" s="104">
        <v>55526142</v>
      </c>
      <c r="W18" s="103">
        <v>252221288</v>
      </c>
      <c r="X18" s="106">
        <v>266646280</v>
      </c>
      <c r="Y18" s="100">
        <v>0</v>
      </c>
      <c r="Z18" s="104">
        <v>0</v>
      </c>
      <c r="AA18" s="103">
        <v>0</v>
      </c>
      <c r="AB18" s="100">
        <v>0</v>
      </c>
      <c r="AC18" s="104">
        <v>20650211</v>
      </c>
      <c r="AD18" s="104">
        <v>26928689</v>
      </c>
      <c r="AE18" s="104">
        <v>32498157</v>
      </c>
      <c r="AF18" s="104">
        <v>38272385</v>
      </c>
      <c r="AG18" s="104">
        <v>34825451</v>
      </c>
      <c r="AH18" s="103">
        <v>153174893</v>
      </c>
      <c r="AI18" s="106">
        <v>153174893</v>
      </c>
      <c r="AJ18" s="100">
        <v>0</v>
      </c>
      <c r="AK18" s="104">
        <v>190842</v>
      </c>
      <c r="AL18" s="103">
        <v>190842</v>
      </c>
      <c r="AM18" s="100">
        <v>0</v>
      </c>
      <c r="AN18" s="104">
        <v>134174</v>
      </c>
      <c r="AO18" s="104">
        <v>900614</v>
      </c>
      <c r="AP18" s="104">
        <v>1337830</v>
      </c>
      <c r="AQ18" s="104">
        <v>3619912</v>
      </c>
      <c r="AR18" s="104">
        <v>5435693</v>
      </c>
      <c r="AS18" s="103">
        <v>11428223</v>
      </c>
      <c r="AT18" s="106">
        <v>11619065</v>
      </c>
      <c r="AU18" s="100">
        <v>2803247</v>
      </c>
      <c r="AV18" s="104">
        <v>8431152</v>
      </c>
      <c r="AW18" s="103">
        <v>11234399</v>
      </c>
      <c r="AX18" s="100">
        <v>0</v>
      </c>
      <c r="AY18" s="104">
        <v>11249007</v>
      </c>
      <c r="AZ18" s="104">
        <v>15247521</v>
      </c>
      <c r="BA18" s="104">
        <v>10182723</v>
      </c>
      <c r="BB18" s="104">
        <v>10544376</v>
      </c>
      <c r="BC18" s="104">
        <v>10345505</v>
      </c>
      <c r="BD18" s="103">
        <v>57569132</v>
      </c>
      <c r="BE18" s="106">
        <v>68803531</v>
      </c>
      <c r="BF18" s="100">
        <v>159198</v>
      </c>
      <c r="BG18" s="104">
        <v>720126</v>
      </c>
      <c r="BH18" s="102">
        <v>879324</v>
      </c>
      <c r="BI18" s="101">
        <v>0</v>
      </c>
      <c r="BJ18" s="104">
        <v>518513</v>
      </c>
      <c r="BK18" s="104">
        <v>1508818</v>
      </c>
      <c r="BL18" s="104">
        <v>1007623</v>
      </c>
      <c r="BM18" s="104">
        <v>894763</v>
      </c>
      <c r="BN18" s="104">
        <v>567245</v>
      </c>
      <c r="BO18" s="103">
        <v>4496962</v>
      </c>
      <c r="BP18" s="106">
        <v>5376286</v>
      </c>
      <c r="BQ18" s="100">
        <v>888235</v>
      </c>
      <c r="BR18" s="104">
        <v>1232192</v>
      </c>
      <c r="BS18" s="103">
        <v>2120427</v>
      </c>
      <c r="BT18" s="100">
        <v>0</v>
      </c>
      <c r="BU18" s="104">
        <v>4259886</v>
      </c>
      <c r="BV18" s="104">
        <v>5380693</v>
      </c>
      <c r="BW18" s="104">
        <v>5372684</v>
      </c>
      <c r="BX18" s="104">
        <v>6186567</v>
      </c>
      <c r="BY18" s="104">
        <v>4352248</v>
      </c>
      <c r="BZ18" s="103">
        <v>25552078</v>
      </c>
      <c r="CA18" s="106">
        <v>27672505</v>
      </c>
      <c r="CB18" s="100">
        <v>2629523</v>
      </c>
      <c r="CC18" s="104">
        <v>5521693</v>
      </c>
      <c r="CD18" s="103">
        <v>8151216</v>
      </c>
      <c r="CE18" s="100">
        <v>0</v>
      </c>
      <c r="CF18" s="104">
        <v>43040077</v>
      </c>
      <c r="CG18" s="104">
        <v>45173935</v>
      </c>
      <c r="CH18" s="104">
        <v>39902074</v>
      </c>
      <c r="CI18" s="104">
        <v>30774791</v>
      </c>
      <c r="CJ18" s="104">
        <v>15937332</v>
      </c>
      <c r="CK18" s="103">
        <v>174828209</v>
      </c>
      <c r="CL18" s="106">
        <v>182979425</v>
      </c>
      <c r="CM18" s="100">
        <v>0</v>
      </c>
      <c r="CN18" s="104">
        <v>0</v>
      </c>
      <c r="CO18" s="103">
        <v>0</v>
      </c>
      <c r="CP18" s="101">
        <v>0</v>
      </c>
      <c r="CQ18" s="104">
        <v>36407853</v>
      </c>
      <c r="CR18" s="104">
        <v>33883664</v>
      </c>
      <c r="CS18" s="104">
        <v>29269692</v>
      </c>
      <c r="CT18" s="104">
        <v>24140604</v>
      </c>
      <c r="CU18" s="104">
        <v>13450590</v>
      </c>
      <c r="CV18" s="103">
        <v>137152403</v>
      </c>
      <c r="CW18" s="106">
        <v>137152403</v>
      </c>
      <c r="CX18" s="100">
        <v>2629523</v>
      </c>
      <c r="CY18" s="104">
        <v>5521693</v>
      </c>
      <c r="CZ18" s="103">
        <v>8151216</v>
      </c>
      <c r="DA18" s="100">
        <v>0</v>
      </c>
      <c r="DB18" s="104">
        <v>6632224</v>
      </c>
      <c r="DC18" s="104">
        <v>11290271</v>
      </c>
      <c r="DD18" s="104">
        <v>10632382</v>
      </c>
      <c r="DE18" s="104">
        <v>6634187</v>
      </c>
      <c r="DF18" s="104">
        <v>2486742</v>
      </c>
      <c r="DG18" s="103">
        <v>37675806</v>
      </c>
      <c r="DH18" s="106">
        <v>45827022</v>
      </c>
      <c r="DI18" s="100">
        <v>92175</v>
      </c>
      <c r="DJ18" s="104">
        <v>642047</v>
      </c>
      <c r="DK18" s="102">
        <v>734222</v>
      </c>
      <c r="DL18" s="101">
        <v>0</v>
      </c>
      <c r="DM18" s="104">
        <v>5876781</v>
      </c>
      <c r="DN18" s="104">
        <v>8212019</v>
      </c>
      <c r="DO18" s="104">
        <v>12001621</v>
      </c>
      <c r="DP18" s="104">
        <v>12731667</v>
      </c>
      <c r="DQ18" s="104">
        <v>7393221</v>
      </c>
      <c r="DR18" s="103">
        <v>46215309</v>
      </c>
      <c r="DS18" s="106">
        <v>46949531</v>
      </c>
      <c r="DT18" s="100">
        <v>92175</v>
      </c>
      <c r="DU18" s="104">
        <v>642047</v>
      </c>
      <c r="DV18" s="103">
        <v>734222</v>
      </c>
      <c r="DW18" s="100">
        <v>0</v>
      </c>
      <c r="DX18" s="104">
        <v>5442348</v>
      </c>
      <c r="DY18" s="104">
        <v>7820710</v>
      </c>
      <c r="DZ18" s="104">
        <v>10896975</v>
      </c>
      <c r="EA18" s="104">
        <v>12464711</v>
      </c>
      <c r="EB18" s="104">
        <v>7393221</v>
      </c>
      <c r="EC18" s="103">
        <v>44017965</v>
      </c>
      <c r="ED18" s="106">
        <v>44752187</v>
      </c>
      <c r="EE18" s="100">
        <v>0</v>
      </c>
      <c r="EF18" s="102">
        <v>0</v>
      </c>
      <c r="EG18" s="103">
        <v>0</v>
      </c>
      <c r="EH18" s="100">
        <v>0</v>
      </c>
      <c r="EI18" s="104">
        <v>434433</v>
      </c>
      <c r="EJ18" s="104">
        <v>391309</v>
      </c>
      <c r="EK18" s="104">
        <v>1104646</v>
      </c>
      <c r="EL18" s="104">
        <v>266956</v>
      </c>
      <c r="EM18" s="104">
        <v>0</v>
      </c>
      <c r="EN18" s="102">
        <v>2197344</v>
      </c>
      <c r="EO18" s="106">
        <v>2197344</v>
      </c>
      <c r="EP18" s="100">
        <v>0</v>
      </c>
      <c r="EQ18" s="104">
        <v>0</v>
      </c>
      <c r="ER18" s="102">
        <v>0</v>
      </c>
      <c r="ES18" s="101">
        <v>0</v>
      </c>
      <c r="ET18" s="104">
        <v>0</v>
      </c>
      <c r="EU18" s="104">
        <v>0</v>
      </c>
      <c r="EV18" s="104">
        <v>0</v>
      </c>
      <c r="EW18" s="104">
        <v>0</v>
      </c>
      <c r="EX18" s="104">
        <v>0</v>
      </c>
      <c r="EY18" s="103">
        <v>0</v>
      </c>
      <c r="EZ18" s="106">
        <v>0</v>
      </c>
      <c r="FA18" s="100">
        <v>0</v>
      </c>
      <c r="FB18" s="104">
        <v>0</v>
      </c>
      <c r="FC18" s="102">
        <v>0</v>
      </c>
      <c r="FD18" s="324"/>
      <c r="FE18" s="104">
        <v>0</v>
      </c>
      <c r="FF18" s="104">
        <v>0</v>
      </c>
      <c r="FG18" s="104">
        <v>0</v>
      </c>
      <c r="FH18" s="104">
        <v>0</v>
      </c>
      <c r="FI18" s="104">
        <v>0</v>
      </c>
      <c r="FJ18" s="103">
        <v>0</v>
      </c>
      <c r="FK18" s="106">
        <v>0</v>
      </c>
      <c r="FL18" s="100">
        <v>3908710</v>
      </c>
      <c r="FM18" s="104">
        <v>7379461</v>
      </c>
      <c r="FN18" s="103">
        <v>11288171</v>
      </c>
      <c r="FO18" s="100">
        <v>0</v>
      </c>
      <c r="FP18" s="104">
        <v>5415616</v>
      </c>
      <c r="FQ18" s="104">
        <v>14065778</v>
      </c>
      <c r="FR18" s="104">
        <v>12150581</v>
      </c>
      <c r="FS18" s="104">
        <v>12389404</v>
      </c>
      <c r="FT18" s="104">
        <v>8342322</v>
      </c>
      <c r="FU18" s="103">
        <v>52363701</v>
      </c>
      <c r="FV18" s="106">
        <v>63651872</v>
      </c>
      <c r="FW18" s="105">
        <v>2430342</v>
      </c>
      <c r="FX18" s="104">
        <v>5693569</v>
      </c>
      <c r="FY18" s="102">
        <v>8123911</v>
      </c>
      <c r="FZ18" s="101">
        <v>0</v>
      </c>
      <c r="GA18" s="104">
        <v>3862348</v>
      </c>
      <c r="GB18" s="104">
        <v>12920033</v>
      </c>
      <c r="GC18" s="104">
        <v>11024993</v>
      </c>
      <c r="GD18" s="104">
        <v>12124724</v>
      </c>
      <c r="GE18" s="104">
        <v>8211462</v>
      </c>
      <c r="GF18" s="103">
        <v>48143560</v>
      </c>
      <c r="GG18" s="296">
        <v>56267471</v>
      </c>
      <c r="GH18" s="105">
        <v>298830</v>
      </c>
      <c r="GI18" s="104">
        <v>561734</v>
      </c>
      <c r="GJ18" s="102">
        <v>860564</v>
      </c>
      <c r="GK18" s="101">
        <v>0</v>
      </c>
      <c r="GL18" s="104">
        <v>324544</v>
      </c>
      <c r="GM18" s="104">
        <v>404442</v>
      </c>
      <c r="GN18" s="104">
        <v>225814</v>
      </c>
      <c r="GO18" s="104">
        <v>62110</v>
      </c>
      <c r="GP18" s="104">
        <v>39960</v>
      </c>
      <c r="GQ18" s="103">
        <v>1056870</v>
      </c>
      <c r="GR18" s="106">
        <v>1917434</v>
      </c>
      <c r="GS18" s="100">
        <v>1179538</v>
      </c>
      <c r="GT18" s="104">
        <v>1124158</v>
      </c>
      <c r="GU18" s="103">
        <v>2303696</v>
      </c>
      <c r="GV18" s="100">
        <v>0</v>
      </c>
      <c r="GW18" s="104">
        <v>1228724</v>
      </c>
      <c r="GX18" s="104">
        <v>741303</v>
      </c>
      <c r="GY18" s="104">
        <v>899774</v>
      </c>
      <c r="GZ18" s="104">
        <v>202570</v>
      </c>
      <c r="HA18" s="104">
        <v>90900</v>
      </c>
      <c r="HB18" s="102">
        <v>3163271</v>
      </c>
      <c r="HC18" s="106">
        <v>5466967</v>
      </c>
      <c r="HD18" s="100">
        <v>2538292</v>
      </c>
      <c r="HE18" s="104">
        <v>4613262</v>
      </c>
      <c r="HF18" s="102">
        <v>7151554</v>
      </c>
      <c r="HG18" s="101">
        <v>0</v>
      </c>
      <c r="HH18" s="104">
        <v>20447342</v>
      </c>
      <c r="HI18" s="104">
        <v>21235719</v>
      </c>
      <c r="HJ18" s="104">
        <v>24224047</v>
      </c>
      <c r="HK18" s="104">
        <v>33447680</v>
      </c>
      <c r="HL18" s="104">
        <v>18728331</v>
      </c>
      <c r="HM18" s="103">
        <v>118083119</v>
      </c>
      <c r="HN18" s="99">
        <v>125234673</v>
      </c>
      <c r="HO18" s="105">
        <v>3208054</v>
      </c>
      <c r="HP18" s="104">
        <v>5228487</v>
      </c>
      <c r="HQ18" s="103">
        <v>8436541</v>
      </c>
      <c r="HR18" s="100">
        <v>0</v>
      </c>
      <c r="HS18" s="104">
        <v>22168247</v>
      </c>
      <c r="HT18" s="104">
        <v>18739297</v>
      </c>
      <c r="HU18" s="104">
        <v>14014124</v>
      </c>
      <c r="HV18" s="104">
        <v>11847392</v>
      </c>
      <c r="HW18" s="104">
        <v>6291476</v>
      </c>
      <c r="HX18" s="102">
        <v>73060536</v>
      </c>
      <c r="HY18" s="106">
        <v>81497077</v>
      </c>
      <c r="HZ18" s="137">
        <v>0</v>
      </c>
      <c r="IA18" s="122">
        <v>89109</v>
      </c>
      <c r="IB18" s="137">
        <v>89109</v>
      </c>
      <c r="IC18" s="121">
        <v>0</v>
      </c>
      <c r="ID18" s="122">
        <v>37346846</v>
      </c>
      <c r="IE18" s="123">
        <v>45705683</v>
      </c>
      <c r="IF18" s="124">
        <v>49837628</v>
      </c>
      <c r="IG18" s="122">
        <v>38796166</v>
      </c>
      <c r="IH18" s="124">
        <v>33817835</v>
      </c>
      <c r="II18" s="125">
        <v>205504158</v>
      </c>
      <c r="IJ18" s="137">
        <v>205593267</v>
      </c>
      <c r="IK18" s="219">
        <v>0</v>
      </c>
      <c r="IL18" s="223">
        <v>0</v>
      </c>
      <c r="IM18" s="224">
        <v>0</v>
      </c>
      <c r="IN18" s="324"/>
      <c r="IO18" s="109">
        <v>599569</v>
      </c>
      <c r="IP18" s="109">
        <v>825300</v>
      </c>
      <c r="IQ18" s="109">
        <v>184356</v>
      </c>
      <c r="IR18" s="109">
        <v>628364</v>
      </c>
      <c r="IS18" s="109">
        <v>1806555</v>
      </c>
      <c r="IT18" s="128">
        <v>4044144</v>
      </c>
      <c r="IU18" s="298">
        <v>4044144</v>
      </c>
      <c r="IV18" s="129">
        <v>0</v>
      </c>
      <c r="IW18" s="109">
        <v>0</v>
      </c>
      <c r="IX18" s="110">
        <v>0</v>
      </c>
      <c r="IY18" s="324"/>
      <c r="IZ18" s="109">
        <v>0</v>
      </c>
      <c r="JA18" s="109">
        <v>0</v>
      </c>
      <c r="JB18" s="109">
        <v>0</v>
      </c>
      <c r="JC18" s="109">
        <v>0</v>
      </c>
      <c r="JD18" s="109">
        <v>0</v>
      </c>
      <c r="JE18" s="110">
        <v>0</v>
      </c>
      <c r="JF18" s="111">
        <v>0</v>
      </c>
      <c r="JG18" s="129">
        <v>0</v>
      </c>
      <c r="JH18" s="109">
        <v>0</v>
      </c>
      <c r="JI18" s="128">
        <v>0</v>
      </c>
      <c r="JJ18" s="108">
        <v>0</v>
      </c>
      <c r="JK18" s="109">
        <v>22056487</v>
      </c>
      <c r="JL18" s="109">
        <v>17082347</v>
      </c>
      <c r="JM18" s="109">
        <v>12403217</v>
      </c>
      <c r="JN18" s="109">
        <v>7914286</v>
      </c>
      <c r="JO18" s="109">
        <v>3653184</v>
      </c>
      <c r="JP18" s="110">
        <v>63109521</v>
      </c>
      <c r="JQ18" s="298">
        <v>63109521</v>
      </c>
      <c r="JR18" s="129">
        <v>0</v>
      </c>
      <c r="JS18" s="109">
        <v>0</v>
      </c>
      <c r="JT18" s="128">
        <v>0</v>
      </c>
      <c r="JU18" s="108">
        <v>0</v>
      </c>
      <c r="JV18" s="109">
        <v>366543</v>
      </c>
      <c r="JW18" s="109">
        <v>202725</v>
      </c>
      <c r="JX18" s="109">
        <v>170064</v>
      </c>
      <c r="JY18" s="109">
        <v>127924</v>
      </c>
      <c r="JZ18" s="109">
        <v>277605</v>
      </c>
      <c r="KA18" s="110">
        <v>1144861</v>
      </c>
      <c r="KB18" s="298">
        <v>1144861</v>
      </c>
      <c r="KC18" s="221">
        <v>0</v>
      </c>
      <c r="KD18" s="217">
        <v>89109</v>
      </c>
      <c r="KE18" s="110">
        <v>89109</v>
      </c>
      <c r="KF18" s="108">
        <v>0</v>
      </c>
      <c r="KG18" s="109">
        <v>3597862</v>
      </c>
      <c r="KH18" s="109">
        <v>7413412</v>
      </c>
      <c r="KI18" s="109">
        <v>12903751</v>
      </c>
      <c r="KJ18" s="109">
        <v>7908174</v>
      </c>
      <c r="KK18" s="109">
        <v>10503460</v>
      </c>
      <c r="KL18" s="110">
        <v>42326659</v>
      </c>
      <c r="KM18" s="130">
        <v>42415768</v>
      </c>
      <c r="KN18" s="219">
        <v>0</v>
      </c>
      <c r="KO18" s="223">
        <v>0</v>
      </c>
      <c r="KP18" s="224">
        <v>0</v>
      </c>
      <c r="KQ18" s="127"/>
      <c r="KR18" s="109">
        <v>9895660</v>
      </c>
      <c r="KS18" s="109">
        <v>14999277</v>
      </c>
      <c r="KT18" s="109">
        <v>12782733</v>
      </c>
      <c r="KU18" s="109">
        <v>9507974</v>
      </c>
      <c r="KV18" s="109">
        <v>10362304</v>
      </c>
      <c r="KW18" s="110">
        <v>57547948</v>
      </c>
      <c r="KX18" s="298">
        <v>57547948</v>
      </c>
      <c r="KY18" s="129">
        <v>0</v>
      </c>
      <c r="KZ18" s="109">
        <v>0</v>
      </c>
      <c r="LA18" s="110">
        <v>0</v>
      </c>
      <c r="LB18" s="132"/>
      <c r="LC18" s="109">
        <v>0</v>
      </c>
      <c r="LD18" s="109">
        <v>1153232</v>
      </c>
      <c r="LE18" s="109">
        <v>1891612</v>
      </c>
      <c r="LF18" s="109">
        <v>2086456</v>
      </c>
      <c r="LG18" s="109">
        <v>905961</v>
      </c>
      <c r="LH18" s="110">
        <v>6037261</v>
      </c>
      <c r="LI18" s="111">
        <v>6037261</v>
      </c>
      <c r="LJ18" s="129">
        <v>0</v>
      </c>
      <c r="LK18" s="109">
        <v>0</v>
      </c>
      <c r="LL18" s="110">
        <v>0</v>
      </c>
      <c r="LM18" s="132"/>
      <c r="LN18" s="109">
        <v>0</v>
      </c>
      <c r="LO18" s="109">
        <v>0</v>
      </c>
      <c r="LP18" s="109">
        <v>2734847</v>
      </c>
      <c r="LQ18" s="109">
        <v>3684117</v>
      </c>
      <c r="LR18" s="109">
        <v>2291688</v>
      </c>
      <c r="LS18" s="110">
        <v>8710652</v>
      </c>
      <c r="LT18" s="298">
        <v>8710652</v>
      </c>
      <c r="LU18" s="129">
        <v>0</v>
      </c>
      <c r="LV18" s="109">
        <v>0</v>
      </c>
      <c r="LW18" s="110">
        <v>0</v>
      </c>
      <c r="LX18" s="132"/>
      <c r="LY18" s="109">
        <v>830725</v>
      </c>
      <c r="LZ18" s="109">
        <v>4029390</v>
      </c>
      <c r="MA18" s="109">
        <v>6767048</v>
      </c>
      <c r="MB18" s="109">
        <v>6938871</v>
      </c>
      <c r="MC18" s="109">
        <v>4017078</v>
      </c>
      <c r="MD18" s="110">
        <v>22583112</v>
      </c>
      <c r="ME18" s="111">
        <v>22583112</v>
      </c>
      <c r="MF18" s="129">
        <v>0</v>
      </c>
      <c r="MG18" s="109">
        <v>0</v>
      </c>
      <c r="MH18" s="110">
        <v>0</v>
      </c>
      <c r="MI18" s="132"/>
      <c r="MJ18" s="109">
        <v>12448463</v>
      </c>
      <c r="MK18" s="109">
        <v>28241978</v>
      </c>
      <c r="ML18" s="109">
        <v>98412961</v>
      </c>
      <c r="MM18" s="109">
        <v>146639510</v>
      </c>
      <c r="MN18" s="109">
        <v>97398512</v>
      </c>
      <c r="MO18" s="110">
        <v>383141424</v>
      </c>
      <c r="MP18" s="130">
        <v>383141424</v>
      </c>
      <c r="MQ18" s="129">
        <v>0</v>
      </c>
      <c r="MR18" s="109">
        <v>0</v>
      </c>
      <c r="MS18" s="110">
        <v>0</v>
      </c>
      <c r="MT18" s="132"/>
      <c r="MU18" s="109">
        <v>625494</v>
      </c>
      <c r="MV18" s="109">
        <v>5265675</v>
      </c>
      <c r="MW18" s="109">
        <v>53145149</v>
      </c>
      <c r="MX18" s="109">
        <v>89866679</v>
      </c>
      <c r="MY18" s="109">
        <v>65539988</v>
      </c>
      <c r="MZ18" s="110">
        <v>214442985</v>
      </c>
      <c r="NA18" s="130">
        <v>214442985</v>
      </c>
      <c r="NB18" s="129">
        <v>0</v>
      </c>
      <c r="NC18" s="109">
        <v>0</v>
      </c>
      <c r="ND18" s="110">
        <v>0</v>
      </c>
      <c r="NE18" s="132"/>
      <c r="NF18" s="109">
        <v>11822969</v>
      </c>
      <c r="NG18" s="109">
        <v>22677611</v>
      </c>
      <c r="NH18" s="109">
        <v>44556903</v>
      </c>
      <c r="NI18" s="109">
        <v>51464444</v>
      </c>
      <c r="NJ18" s="109">
        <v>26024430</v>
      </c>
      <c r="NK18" s="110">
        <v>156546357</v>
      </c>
      <c r="NL18" s="298">
        <v>156546357</v>
      </c>
      <c r="NM18" s="129">
        <v>0</v>
      </c>
      <c r="NN18" s="109">
        <v>0</v>
      </c>
      <c r="NO18" s="110">
        <v>0</v>
      </c>
      <c r="NP18" s="132"/>
      <c r="NQ18" s="109">
        <v>0</v>
      </c>
      <c r="NR18" s="109">
        <v>0</v>
      </c>
      <c r="NS18" s="109">
        <v>0</v>
      </c>
      <c r="NT18" s="109">
        <v>0</v>
      </c>
      <c r="NU18" s="109">
        <v>797483</v>
      </c>
      <c r="NV18" s="110">
        <v>797483</v>
      </c>
      <c r="NW18" s="111">
        <v>797483</v>
      </c>
      <c r="NX18" s="129">
        <v>0</v>
      </c>
      <c r="NY18" s="109">
        <v>0</v>
      </c>
      <c r="NZ18" s="110">
        <v>0</v>
      </c>
      <c r="OA18" s="132"/>
      <c r="OB18" s="109">
        <v>0</v>
      </c>
      <c r="OC18" s="109">
        <v>298692</v>
      </c>
      <c r="OD18" s="109">
        <v>710909</v>
      </c>
      <c r="OE18" s="109">
        <v>5308387</v>
      </c>
      <c r="OF18" s="109">
        <v>5036611</v>
      </c>
      <c r="OG18" s="110">
        <v>11354599</v>
      </c>
      <c r="OH18" s="111">
        <v>11354599</v>
      </c>
      <c r="OI18" s="129">
        <v>16227434</v>
      </c>
      <c r="OJ18" s="109">
        <v>34048371</v>
      </c>
      <c r="OK18" s="128">
        <v>50275805</v>
      </c>
      <c r="OL18" s="108">
        <v>0</v>
      </c>
      <c r="OM18" s="109">
        <v>183555163</v>
      </c>
      <c r="ON18" s="109">
        <v>231340744</v>
      </c>
      <c r="OO18" s="109">
        <v>300942053</v>
      </c>
      <c r="OP18" s="109">
        <v>346144613</v>
      </c>
      <c r="OQ18" s="109">
        <v>243435171</v>
      </c>
      <c r="OR18" s="110">
        <v>1305417744</v>
      </c>
      <c r="OS18" s="130">
        <v>1355693549</v>
      </c>
    </row>
    <row r="19" spans="2:409" ht="21" customHeight="1" x14ac:dyDescent="0.2">
      <c r="B19" s="472" t="s">
        <v>13</v>
      </c>
      <c r="C19" s="100">
        <v>3628903</v>
      </c>
      <c r="D19" s="104">
        <v>5613752</v>
      </c>
      <c r="E19" s="103">
        <v>9242655</v>
      </c>
      <c r="F19" s="100">
        <v>0</v>
      </c>
      <c r="G19" s="157">
        <v>48571007</v>
      </c>
      <c r="H19" s="104">
        <v>69752867</v>
      </c>
      <c r="I19" s="104">
        <v>58074183</v>
      </c>
      <c r="J19" s="104">
        <v>62934944</v>
      </c>
      <c r="K19" s="104">
        <v>55022383</v>
      </c>
      <c r="L19" s="102">
        <v>294355384</v>
      </c>
      <c r="M19" s="106">
        <v>303598039</v>
      </c>
      <c r="N19" s="100">
        <v>688505</v>
      </c>
      <c r="O19" s="104">
        <v>1304541</v>
      </c>
      <c r="P19" s="103">
        <v>1993046</v>
      </c>
      <c r="Q19" s="100">
        <v>0</v>
      </c>
      <c r="R19" s="104">
        <v>14462253</v>
      </c>
      <c r="S19" s="104">
        <v>22731826</v>
      </c>
      <c r="T19" s="104">
        <v>18475527</v>
      </c>
      <c r="U19" s="104">
        <v>22371153</v>
      </c>
      <c r="V19" s="104">
        <v>29045733</v>
      </c>
      <c r="W19" s="103">
        <v>107086492</v>
      </c>
      <c r="X19" s="106">
        <v>109079538</v>
      </c>
      <c r="Y19" s="100">
        <v>0</v>
      </c>
      <c r="Z19" s="104">
        <v>97056</v>
      </c>
      <c r="AA19" s="103">
        <v>97056</v>
      </c>
      <c r="AB19" s="100">
        <v>0</v>
      </c>
      <c r="AC19" s="104">
        <v>6646750</v>
      </c>
      <c r="AD19" s="104">
        <v>11366325</v>
      </c>
      <c r="AE19" s="104">
        <v>10183410</v>
      </c>
      <c r="AF19" s="104">
        <v>13773386</v>
      </c>
      <c r="AG19" s="104">
        <v>19369472</v>
      </c>
      <c r="AH19" s="103">
        <v>61339343</v>
      </c>
      <c r="AI19" s="106">
        <v>61436399</v>
      </c>
      <c r="AJ19" s="100">
        <v>0</v>
      </c>
      <c r="AK19" s="104">
        <v>0</v>
      </c>
      <c r="AL19" s="103">
        <v>0</v>
      </c>
      <c r="AM19" s="100">
        <v>0</v>
      </c>
      <c r="AN19" s="104">
        <v>26281</v>
      </c>
      <c r="AO19" s="104">
        <v>104788</v>
      </c>
      <c r="AP19" s="104">
        <v>226126</v>
      </c>
      <c r="AQ19" s="104">
        <v>914377</v>
      </c>
      <c r="AR19" s="104">
        <v>2211626</v>
      </c>
      <c r="AS19" s="103">
        <v>3483198</v>
      </c>
      <c r="AT19" s="106">
        <v>3483198</v>
      </c>
      <c r="AU19" s="100">
        <v>180812</v>
      </c>
      <c r="AV19" s="104">
        <v>818675</v>
      </c>
      <c r="AW19" s="103">
        <v>999487</v>
      </c>
      <c r="AX19" s="100">
        <v>0</v>
      </c>
      <c r="AY19" s="104">
        <v>4524238</v>
      </c>
      <c r="AZ19" s="104">
        <v>7261942</v>
      </c>
      <c r="BA19" s="104">
        <v>4861054</v>
      </c>
      <c r="BB19" s="104">
        <v>4151397</v>
      </c>
      <c r="BC19" s="104">
        <v>4597996</v>
      </c>
      <c r="BD19" s="103">
        <v>25396627</v>
      </c>
      <c r="BE19" s="106">
        <v>26396114</v>
      </c>
      <c r="BF19" s="100">
        <v>42159</v>
      </c>
      <c r="BG19" s="104">
        <v>144204</v>
      </c>
      <c r="BH19" s="102">
        <v>186363</v>
      </c>
      <c r="BI19" s="101">
        <v>0</v>
      </c>
      <c r="BJ19" s="104">
        <v>607837</v>
      </c>
      <c r="BK19" s="104">
        <v>705901</v>
      </c>
      <c r="BL19" s="104">
        <v>341864</v>
      </c>
      <c r="BM19" s="104">
        <v>426749</v>
      </c>
      <c r="BN19" s="104">
        <v>219765</v>
      </c>
      <c r="BO19" s="103">
        <v>2302116</v>
      </c>
      <c r="BP19" s="106">
        <v>2488479</v>
      </c>
      <c r="BQ19" s="100">
        <v>465534</v>
      </c>
      <c r="BR19" s="104">
        <v>244606</v>
      </c>
      <c r="BS19" s="103">
        <v>710140</v>
      </c>
      <c r="BT19" s="100">
        <v>0</v>
      </c>
      <c r="BU19" s="104">
        <v>2657147</v>
      </c>
      <c r="BV19" s="104">
        <v>3292870</v>
      </c>
      <c r="BW19" s="104">
        <v>2863073</v>
      </c>
      <c r="BX19" s="104">
        <v>3105244</v>
      </c>
      <c r="BY19" s="104">
        <v>2646874</v>
      </c>
      <c r="BZ19" s="103">
        <v>14565208</v>
      </c>
      <c r="CA19" s="106">
        <v>15275348</v>
      </c>
      <c r="CB19" s="100">
        <v>199809</v>
      </c>
      <c r="CC19" s="104">
        <v>873223</v>
      </c>
      <c r="CD19" s="103">
        <v>1073032</v>
      </c>
      <c r="CE19" s="100">
        <v>0</v>
      </c>
      <c r="CF19" s="104">
        <v>9852908</v>
      </c>
      <c r="CG19" s="104">
        <v>14267934</v>
      </c>
      <c r="CH19" s="104">
        <v>11844380</v>
      </c>
      <c r="CI19" s="104">
        <v>9642528</v>
      </c>
      <c r="CJ19" s="104">
        <v>5668716</v>
      </c>
      <c r="CK19" s="103">
        <v>51276466</v>
      </c>
      <c r="CL19" s="106">
        <v>52349498</v>
      </c>
      <c r="CM19" s="100">
        <v>0</v>
      </c>
      <c r="CN19" s="104">
        <v>0</v>
      </c>
      <c r="CO19" s="103">
        <v>0</v>
      </c>
      <c r="CP19" s="101">
        <v>0</v>
      </c>
      <c r="CQ19" s="104">
        <v>8608225</v>
      </c>
      <c r="CR19" s="104">
        <v>12504539</v>
      </c>
      <c r="CS19" s="104">
        <v>9698406</v>
      </c>
      <c r="CT19" s="104">
        <v>7238565</v>
      </c>
      <c r="CU19" s="104">
        <v>4124317</v>
      </c>
      <c r="CV19" s="103">
        <v>42174052</v>
      </c>
      <c r="CW19" s="106">
        <v>42174052</v>
      </c>
      <c r="CX19" s="100">
        <v>199809</v>
      </c>
      <c r="CY19" s="104">
        <v>873223</v>
      </c>
      <c r="CZ19" s="103">
        <v>1073032</v>
      </c>
      <c r="DA19" s="100">
        <v>0</v>
      </c>
      <c r="DB19" s="104">
        <v>1244683</v>
      </c>
      <c r="DC19" s="104">
        <v>1763395</v>
      </c>
      <c r="DD19" s="104">
        <v>2145974</v>
      </c>
      <c r="DE19" s="104">
        <v>2403963</v>
      </c>
      <c r="DF19" s="104">
        <v>1544399</v>
      </c>
      <c r="DG19" s="103">
        <v>9102414</v>
      </c>
      <c r="DH19" s="106">
        <v>10175446</v>
      </c>
      <c r="DI19" s="100">
        <v>0</v>
      </c>
      <c r="DJ19" s="104">
        <v>0</v>
      </c>
      <c r="DK19" s="102">
        <v>0</v>
      </c>
      <c r="DL19" s="101">
        <v>0</v>
      </c>
      <c r="DM19" s="104">
        <v>985400</v>
      </c>
      <c r="DN19" s="104">
        <v>1986350</v>
      </c>
      <c r="DO19" s="104">
        <v>5667891</v>
      </c>
      <c r="DP19" s="104">
        <v>6736050</v>
      </c>
      <c r="DQ19" s="104">
        <v>2543611</v>
      </c>
      <c r="DR19" s="103">
        <v>17919302</v>
      </c>
      <c r="DS19" s="106">
        <v>17919302</v>
      </c>
      <c r="DT19" s="100">
        <v>0</v>
      </c>
      <c r="DU19" s="104">
        <v>0</v>
      </c>
      <c r="DV19" s="103">
        <v>0</v>
      </c>
      <c r="DW19" s="100">
        <v>0</v>
      </c>
      <c r="DX19" s="104">
        <v>869466</v>
      </c>
      <c r="DY19" s="104">
        <v>1890752</v>
      </c>
      <c r="DZ19" s="104">
        <v>5229947</v>
      </c>
      <c r="EA19" s="104">
        <v>5939125</v>
      </c>
      <c r="EB19" s="104">
        <v>2464948</v>
      </c>
      <c r="EC19" s="103">
        <v>16394238</v>
      </c>
      <c r="ED19" s="106">
        <v>16394238</v>
      </c>
      <c r="EE19" s="100">
        <v>0</v>
      </c>
      <c r="EF19" s="102">
        <v>0</v>
      </c>
      <c r="EG19" s="103">
        <v>0</v>
      </c>
      <c r="EH19" s="100">
        <v>0</v>
      </c>
      <c r="EI19" s="104">
        <v>115934</v>
      </c>
      <c r="EJ19" s="104">
        <v>95598</v>
      </c>
      <c r="EK19" s="104">
        <v>437944</v>
      </c>
      <c r="EL19" s="104">
        <v>796925</v>
      </c>
      <c r="EM19" s="104">
        <v>78663</v>
      </c>
      <c r="EN19" s="102">
        <v>1525064</v>
      </c>
      <c r="EO19" s="106">
        <v>1525064</v>
      </c>
      <c r="EP19" s="100">
        <v>0</v>
      </c>
      <c r="EQ19" s="104">
        <v>0</v>
      </c>
      <c r="ER19" s="102">
        <v>0</v>
      </c>
      <c r="ES19" s="101">
        <v>0</v>
      </c>
      <c r="ET19" s="104">
        <v>0</v>
      </c>
      <c r="EU19" s="104">
        <v>0</v>
      </c>
      <c r="EV19" s="104">
        <v>0</v>
      </c>
      <c r="EW19" s="104">
        <v>0</v>
      </c>
      <c r="EX19" s="104">
        <v>0</v>
      </c>
      <c r="EY19" s="103">
        <v>0</v>
      </c>
      <c r="EZ19" s="106">
        <v>0</v>
      </c>
      <c r="FA19" s="100">
        <v>0</v>
      </c>
      <c r="FB19" s="104">
        <v>0</v>
      </c>
      <c r="FC19" s="102">
        <v>0</v>
      </c>
      <c r="FD19" s="324"/>
      <c r="FE19" s="104">
        <v>0</v>
      </c>
      <c r="FF19" s="104">
        <v>0</v>
      </c>
      <c r="FG19" s="104">
        <v>0</v>
      </c>
      <c r="FH19" s="104">
        <v>0</v>
      </c>
      <c r="FI19" s="104">
        <v>0</v>
      </c>
      <c r="FJ19" s="103">
        <v>0</v>
      </c>
      <c r="FK19" s="106">
        <v>0</v>
      </c>
      <c r="FL19" s="100">
        <v>1057270</v>
      </c>
      <c r="FM19" s="104">
        <v>1598806</v>
      </c>
      <c r="FN19" s="103">
        <v>2656076</v>
      </c>
      <c r="FO19" s="100">
        <v>0</v>
      </c>
      <c r="FP19" s="104">
        <v>2249028</v>
      </c>
      <c r="FQ19" s="104">
        <v>5979587</v>
      </c>
      <c r="FR19" s="104">
        <v>4209797</v>
      </c>
      <c r="FS19" s="104">
        <v>4122657</v>
      </c>
      <c r="FT19" s="104">
        <v>3291449</v>
      </c>
      <c r="FU19" s="103">
        <v>19852518</v>
      </c>
      <c r="FV19" s="106">
        <v>22508594</v>
      </c>
      <c r="FW19" s="105">
        <v>386270</v>
      </c>
      <c r="FX19" s="104">
        <v>1017879</v>
      </c>
      <c r="FY19" s="102">
        <v>1404149</v>
      </c>
      <c r="FZ19" s="101">
        <v>0</v>
      </c>
      <c r="GA19" s="104">
        <v>1848933</v>
      </c>
      <c r="GB19" s="104">
        <v>4911459</v>
      </c>
      <c r="GC19" s="104">
        <v>3937268</v>
      </c>
      <c r="GD19" s="104">
        <v>3936822</v>
      </c>
      <c r="GE19" s="104">
        <v>3080408</v>
      </c>
      <c r="GF19" s="103">
        <v>17714890</v>
      </c>
      <c r="GG19" s="296">
        <v>19119039</v>
      </c>
      <c r="GH19" s="105">
        <v>0</v>
      </c>
      <c r="GI19" s="104">
        <v>12127</v>
      </c>
      <c r="GJ19" s="102">
        <v>12127</v>
      </c>
      <c r="GK19" s="101">
        <v>0</v>
      </c>
      <c r="GL19" s="104">
        <v>105183</v>
      </c>
      <c r="GM19" s="104">
        <v>144548</v>
      </c>
      <c r="GN19" s="104">
        <v>123525</v>
      </c>
      <c r="GO19" s="104">
        <v>97546</v>
      </c>
      <c r="GP19" s="104">
        <v>31041</v>
      </c>
      <c r="GQ19" s="103">
        <v>501843</v>
      </c>
      <c r="GR19" s="106">
        <v>513970</v>
      </c>
      <c r="GS19" s="100">
        <v>671000</v>
      </c>
      <c r="GT19" s="104">
        <v>568800</v>
      </c>
      <c r="GU19" s="103">
        <v>1239800</v>
      </c>
      <c r="GV19" s="100">
        <v>0</v>
      </c>
      <c r="GW19" s="104">
        <v>294912</v>
      </c>
      <c r="GX19" s="104">
        <v>923580</v>
      </c>
      <c r="GY19" s="104">
        <v>149004</v>
      </c>
      <c r="GZ19" s="104">
        <v>88289</v>
      </c>
      <c r="HA19" s="104">
        <v>180000</v>
      </c>
      <c r="HB19" s="102">
        <v>1635785</v>
      </c>
      <c r="HC19" s="106">
        <v>2875585</v>
      </c>
      <c r="HD19" s="100">
        <v>1234898</v>
      </c>
      <c r="HE19" s="104">
        <v>882878</v>
      </c>
      <c r="HF19" s="102">
        <v>2117776</v>
      </c>
      <c r="HG19" s="101">
        <v>0</v>
      </c>
      <c r="HH19" s="104">
        <v>12676734</v>
      </c>
      <c r="HI19" s="104">
        <v>16576429</v>
      </c>
      <c r="HJ19" s="104">
        <v>12251471</v>
      </c>
      <c r="HK19" s="104">
        <v>15746131</v>
      </c>
      <c r="HL19" s="104">
        <v>11404770</v>
      </c>
      <c r="HM19" s="103">
        <v>68655535</v>
      </c>
      <c r="HN19" s="99">
        <v>70773311</v>
      </c>
      <c r="HO19" s="105">
        <v>448421</v>
      </c>
      <c r="HP19" s="104">
        <v>954304</v>
      </c>
      <c r="HQ19" s="103">
        <v>1402725</v>
      </c>
      <c r="HR19" s="100">
        <v>0</v>
      </c>
      <c r="HS19" s="104">
        <v>8344684</v>
      </c>
      <c r="HT19" s="104">
        <v>8210741</v>
      </c>
      <c r="HU19" s="104">
        <v>5625117</v>
      </c>
      <c r="HV19" s="104">
        <v>4316425</v>
      </c>
      <c r="HW19" s="104">
        <v>3068104</v>
      </c>
      <c r="HX19" s="102">
        <v>29565071</v>
      </c>
      <c r="HY19" s="106">
        <v>30967796</v>
      </c>
      <c r="HZ19" s="118">
        <v>103844</v>
      </c>
      <c r="IA19" s="119">
        <v>252242</v>
      </c>
      <c r="IB19" s="120">
        <v>356086</v>
      </c>
      <c r="IC19" s="133">
        <v>0</v>
      </c>
      <c r="ID19" s="119">
        <v>12464341</v>
      </c>
      <c r="IE19" s="134">
        <v>16631765</v>
      </c>
      <c r="IF19" s="120">
        <v>19314650</v>
      </c>
      <c r="IG19" s="119">
        <v>9758131</v>
      </c>
      <c r="IH19" s="120">
        <v>5916645</v>
      </c>
      <c r="II19" s="135">
        <v>64085532</v>
      </c>
      <c r="IJ19" s="126">
        <v>64441618</v>
      </c>
      <c r="IK19" s="219">
        <v>0</v>
      </c>
      <c r="IL19" s="223">
        <v>0</v>
      </c>
      <c r="IM19" s="224">
        <v>0</v>
      </c>
      <c r="IN19" s="324"/>
      <c r="IO19" s="109">
        <v>80834</v>
      </c>
      <c r="IP19" s="109">
        <v>139182</v>
      </c>
      <c r="IQ19" s="109">
        <v>170075</v>
      </c>
      <c r="IR19" s="109">
        <v>51628</v>
      </c>
      <c r="IS19" s="109">
        <v>639439</v>
      </c>
      <c r="IT19" s="128">
        <v>1081158</v>
      </c>
      <c r="IU19" s="298">
        <v>1081158</v>
      </c>
      <c r="IV19" s="129">
        <v>0</v>
      </c>
      <c r="IW19" s="109">
        <v>0</v>
      </c>
      <c r="IX19" s="110">
        <v>0</v>
      </c>
      <c r="IY19" s="324"/>
      <c r="IZ19" s="109">
        <v>0</v>
      </c>
      <c r="JA19" s="109">
        <v>0</v>
      </c>
      <c r="JB19" s="109">
        <v>0</v>
      </c>
      <c r="JC19" s="109">
        <v>0</v>
      </c>
      <c r="JD19" s="109">
        <v>0</v>
      </c>
      <c r="JE19" s="110">
        <v>0</v>
      </c>
      <c r="JF19" s="111">
        <v>0</v>
      </c>
      <c r="JG19" s="129">
        <v>0</v>
      </c>
      <c r="JH19" s="109">
        <v>0</v>
      </c>
      <c r="JI19" s="128">
        <v>0</v>
      </c>
      <c r="JJ19" s="108">
        <v>0</v>
      </c>
      <c r="JK19" s="109">
        <v>6859498</v>
      </c>
      <c r="JL19" s="109">
        <v>8797618</v>
      </c>
      <c r="JM19" s="109">
        <v>7734198</v>
      </c>
      <c r="JN19" s="109">
        <v>3242292</v>
      </c>
      <c r="JO19" s="109">
        <v>1618271</v>
      </c>
      <c r="JP19" s="110">
        <v>28251877</v>
      </c>
      <c r="JQ19" s="298">
        <v>28251877</v>
      </c>
      <c r="JR19" s="129">
        <v>0</v>
      </c>
      <c r="JS19" s="109">
        <v>0</v>
      </c>
      <c r="JT19" s="128">
        <v>0</v>
      </c>
      <c r="JU19" s="108">
        <v>0</v>
      </c>
      <c r="JV19" s="109">
        <v>433046</v>
      </c>
      <c r="JW19" s="109">
        <v>766815</v>
      </c>
      <c r="JX19" s="109">
        <v>1199854</v>
      </c>
      <c r="JY19" s="109">
        <v>536322</v>
      </c>
      <c r="JZ19" s="109">
        <v>924005</v>
      </c>
      <c r="KA19" s="110">
        <v>3860042</v>
      </c>
      <c r="KB19" s="298">
        <v>3860042</v>
      </c>
      <c r="KC19" s="221">
        <v>103844</v>
      </c>
      <c r="KD19" s="217">
        <v>252242</v>
      </c>
      <c r="KE19" s="110">
        <v>356086</v>
      </c>
      <c r="KF19" s="108">
        <v>0</v>
      </c>
      <c r="KG19" s="109">
        <v>1543508</v>
      </c>
      <c r="KH19" s="109">
        <v>1684654</v>
      </c>
      <c r="KI19" s="109">
        <v>3052285</v>
      </c>
      <c r="KJ19" s="109">
        <v>265773</v>
      </c>
      <c r="KK19" s="109">
        <v>0</v>
      </c>
      <c r="KL19" s="110">
        <v>6546220</v>
      </c>
      <c r="KM19" s="130">
        <v>6902306</v>
      </c>
      <c r="KN19" s="219">
        <v>0</v>
      </c>
      <c r="KO19" s="223">
        <v>0</v>
      </c>
      <c r="KP19" s="224">
        <v>0</v>
      </c>
      <c r="KQ19" s="127"/>
      <c r="KR19" s="109">
        <v>3211397</v>
      </c>
      <c r="KS19" s="109">
        <v>4840684</v>
      </c>
      <c r="KT19" s="109">
        <v>6933999</v>
      </c>
      <c r="KU19" s="109">
        <v>4734936</v>
      </c>
      <c r="KV19" s="109">
        <v>2199068</v>
      </c>
      <c r="KW19" s="110">
        <v>21920084</v>
      </c>
      <c r="KX19" s="298">
        <v>21920084</v>
      </c>
      <c r="KY19" s="129">
        <v>0</v>
      </c>
      <c r="KZ19" s="109">
        <v>0</v>
      </c>
      <c r="LA19" s="110">
        <v>0</v>
      </c>
      <c r="LB19" s="132"/>
      <c r="LC19" s="109">
        <v>336058</v>
      </c>
      <c r="LD19" s="109">
        <v>402812</v>
      </c>
      <c r="LE19" s="109">
        <v>224239</v>
      </c>
      <c r="LF19" s="109">
        <v>927180</v>
      </c>
      <c r="LG19" s="109">
        <v>535862</v>
      </c>
      <c r="LH19" s="110">
        <v>2426151</v>
      </c>
      <c r="LI19" s="111">
        <v>2426151</v>
      </c>
      <c r="LJ19" s="129">
        <v>0</v>
      </c>
      <c r="LK19" s="109">
        <v>0</v>
      </c>
      <c r="LL19" s="110">
        <v>0</v>
      </c>
      <c r="LM19" s="132"/>
      <c r="LN19" s="109">
        <v>0</v>
      </c>
      <c r="LO19" s="109">
        <v>0</v>
      </c>
      <c r="LP19" s="109">
        <v>0</v>
      </c>
      <c r="LQ19" s="109">
        <v>0</v>
      </c>
      <c r="LR19" s="109">
        <v>0</v>
      </c>
      <c r="LS19" s="110">
        <v>0</v>
      </c>
      <c r="LT19" s="298">
        <v>0</v>
      </c>
      <c r="LU19" s="129">
        <v>0</v>
      </c>
      <c r="LV19" s="109">
        <v>0</v>
      </c>
      <c r="LW19" s="110">
        <v>0</v>
      </c>
      <c r="LX19" s="132"/>
      <c r="LY19" s="109">
        <v>0</v>
      </c>
      <c r="LZ19" s="109">
        <v>0</v>
      </c>
      <c r="MA19" s="109">
        <v>0</v>
      </c>
      <c r="MB19" s="109">
        <v>0</v>
      </c>
      <c r="MC19" s="109">
        <v>0</v>
      </c>
      <c r="MD19" s="110">
        <v>0</v>
      </c>
      <c r="ME19" s="111">
        <v>0</v>
      </c>
      <c r="MF19" s="129">
        <v>0</v>
      </c>
      <c r="MG19" s="109">
        <v>0</v>
      </c>
      <c r="MH19" s="110">
        <v>0</v>
      </c>
      <c r="MI19" s="132"/>
      <c r="MJ19" s="109">
        <v>1982089</v>
      </c>
      <c r="MK19" s="109">
        <v>8203248</v>
      </c>
      <c r="ML19" s="109">
        <v>26889526</v>
      </c>
      <c r="MM19" s="109">
        <v>54708565</v>
      </c>
      <c r="MN19" s="109">
        <v>48002567</v>
      </c>
      <c r="MO19" s="110">
        <v>139785995</v>
      </c>
      <c r="MP19" s="130">
        <v>139785995</v>
      </c>
      <c r="MQ19" s="129">
        <v>0</v>
      </c>
      <c r="MR19" s="109">
        <v>0</v>
      </c>
      <c r="MS19" s="110">
        <v>0</v>
      </c>
      <c r="MT19" s="132"/>
      <c r="MU19" s="109">
        <v>237767</v>
      </c>
      <c r="MV19" s="109">
        <v>750422</v>
      </c>
      <c r="MW19" s="109">
        <v>13976698</v>
      </c>
      <c r="MX19" s="109">
        <v>42299560</v>
      </c>
      <c r="MY19" s="109">
        <v>36593076</v>
      </c>
      <c r="MZ19" s="110">
        <v>93857523</v>
      </c>
      <c r="NA19" s="130">
        <v>93857523</v>
      </c>
      <c r="NB19" s="129">
        <v>0</v>
      </c>
      <c r="NC19" s="109">
        <v>0</v>
      </c>
      <c r="ND19" s="110">
        <v>0</v>
      </c>
      <c r="NE19" s="132"/>
      <c r="NF19" s="109">
        <v>1744322</v>
      </c>
      <c r="NG19" s="109">
        <v>7452826</v>
      </c>
      <c r="NH19" s="109">
        <v>12912828</v>
      </c>
      <c r="NI19" s="109">
        <v>12409005</v>
      </c>
      <c r="NJ19" s="109">
        <v>10986815</v>
      </c>
      <c r="NK19" s="110">
        <v>45505796</v>
      </c>
      <c r="NL19" s="298">
        <v>45505796</v>
      </c>
      <c r="NM19" s="129">
        <v>0</v>
      </c>
      <c r="NN19" s="109">
        <v>0</v>
      </c>
      <c r="NO19" s="110">
        <v>0</v>
      </c>
      <c r="NP19" s="132"/>
      <c r="NQ19" s="109">
        <v>0</v>
      </c>
      <c r="NR19" s="109">
        <v>0</v>
      </c>
      <c r="NS19" s="109">
        <v>0</v>
      </c>
      <c r="NT19" s="109">
        <v>0</v>
      </c>
      <c r="NU19" s="109">
        <v>0</v>
      </c>
      <c r="NV19" s="110">
        <v>0</v>
      </c>
      <c r="NW19" s="111">
        <v>0</v>
      </c>
      <c r="NX19" s="129">
        <v>0</v>
      </c>
      <c r="NY19" s="109">
        <v>0</v>
      </c>
      <c r="NZ19" s="110">
        <v>0</v>
      </c>
      <c r="OA19" s="132"/>
      <c r="OB19" s="109">
        <v>0</v>
      </c>
      <c r="OC19" s="109">
        <v>0</v>
      </c>
      <c r="OD19" s="109">
        <v>0</v>
      </c>
      <c r="OE19" s="109">
        <v>0</v>
      </c>
      <c r="OF19" s="109">
        <v>422676</v>
      </c>
      <c r="OG19" s="110">
        <v>422676</v>
      </c>
      <c r="OH19" s="111">
        <v>422676</v>
      </c>
      <c r="OI19" s="129">
        <v>3732747</v>
      </c>
      <c r="OJ19" s="109">
        <v>5865994</v>
      </c>
      <c r="OK19" s="128">
        <v>9598741</v>
      </c>
      <c r="OL19" s="108">
        <v>0</v>
      </c>
      <c r="OM19" s="109">
        <v>63017437</v>
      </c>
      <c r="ON19" s="109">
        <v>94587880</v>
      </c>
      <c r="OO19" s="109">
        <v>104278359</v>
      </c>
      <c r="OP19" s="109">
        <v>127401640</v>
      </c>
      <c r="OQ19" s="109">
        <v>108941595</v>
      </c>
      <c r="OR19" s="110">
        <v>498226911</v>
      </c>
      <c r="OS19" s="130">
        <v>507825652</v>
      </c>
    </row>
    <row r="20" spans="2:409" ht="21" customHeight="1" x14ac:dyDescent="0.2">
      <c r="B20" s="472" t="s">
        <v>15</v>
      </c>
      <c r="C20" s="100">
        <v>2393870</v>
      </c>
      <c r="D20" s="104">
        <v>4286636</v>
      </c>
      <c r="E20" s="103">
        <v>6680506</v>
      </c>
      <c r="F20" s="99">
        <v>0</v>
      </c>
      <c r="G20" s="104">
        <v>31942334</v>
      </c>
      <c r="H20" s="104">
        <v>42490399</v>
      </c>
      <c r="I20" s="104">
        <v>40753896</v>
      </c>
      <c r="J20" s="104">
        <v>33750954</v>
      </c>
      <c r="K20" s="104">
        <v>25976769</v>
      </c>
      <c r="L20" s="99">
        <v>174914352</v>
      </c>
      <c r="M20" s="106">
        <v>181594858</v>
      </c>
      <c r="N20" s="100">
        <v>271535</v>
      </c>
      <c r="O20" s="104">
        <v>661081</v>
      </c>
      <c r="P20" s="103">
        <v>932616</v>
      </c>
      <c r="Q20" s="100">
        <v>0</v>
      </c>
      <c r="R20" s="104">
        <v>6985523</v>
      </c>
      <c r="S20" s="104">
        <v>12977886</v>
      </c>
      <c r="T20" s="104">
        <v>11108863</v>
      </c>
      <c r="U20" s="104">
        <v>10769021</v>
      </c>
      <c r="V20" s="104">
        <v>13052093</v>
      </c>
      <c r="W20" s="103">
        <v>54893386</v>
      </c>
      <c r="X20" s="106">
        <v>55826002</v>
      </c>
      <c r="Y20" s="100">
        <v>0</v>
      </c>
      <c r="Z20" s="104">
        <v>0</v>
      </c>
      <c r="AA20" s="103">
        <v>0</v>
      </c>
      <c r="AB20" s="100">
        <v>0</v>
      </c>
      <c r="AC20" s="104">
        <v>3119740</v>
      </c>
      <c r="AD20" s="104">
        <v>7050797</v>
      </c>
      <c r="AE20" s="104">
        <v>6711378</v>
      </c>
      <c r="AF20" s="104">
        <v>6474911</v>
      </c>
      <c r="AG20" s="104">
        <v>7753869</v>
      </c>
      <c r="AH20" s="103">
        <v>31110695</v>
      </c>
      <c r="AI20" s="106">
        <v>31110695</v>
      </c>
      <c r="AJ20" s="100">
        <v>0</v>
      </c>
      <c r="AK20" s="104">
        <v>0</v>
      </c>
      <c r="AL20" s="103">
        <v>0</v>
      </c>
      <c r="AM20" s="100">
        <v>0</v>
      </c>
      <c r="AN20" s="104">
        <v>0</v>
      </c>
      <c r="AO20" s="104">
        <v>135911</v>
      </c>
      <c r="AP20" s="104">
        <v>381421</v>
      </c>
      <c r="AQ20" s="104">
        <v>895422</v>
      </c>
      <c r="AR20" s="104">
        <v>1578523</v>
      </c>
      <c r="AS20" s="103">
        <v>2991277</v>
      </c>
      <c r="AT20" s="106">
        <v>2991277</v>
      </c>
      <c r="AU20" s="100">
        <v>126995</v>
      </c>
      <c r="AV20" s="104">
        <v>475381</v>
      </c>
      <c r="AW20" s="103">
        <v>602376</v>
      </c>
      <c r="AX20" s="100">
        <v>0</v>
      </c>
      <c r="AY20" s="104">
        <v>2081175</v>
      </c>
      <c r="AZ20" s="104">
        <v>3647708</v>
      </c>
      <c r="BA20" s="104">
        <v>2243869</v>
      </c>
      <c r="BB20" s="104">
        <v>1711698</v>
      </c>
      <c r="BC20" s="104">
        <v>2302000</v>
      </c>
      <c r="BD20" s="103">
        <v>11986450</v>
      </c>
      <c r="BE20" s="106">
        <v>12588826</v>
      </c>
      <c r="BF20" s="100">
        <v>0</v>
      </c>
      <c r="BG20" s="104">
        <v>49530</v>
      </c>
      <c r="BH20" s="102">
        <v>49530</v>
      </c>
      <c r="BI20" s="101">
        <v>0</v>
      </c>
      <c r="BJ20" s="104">
        <v>260852</v>
      </c>
      <c r="BK20" s="104">
        <v>482301</v>
      </c>
      <c r="BL20" s="104">
        <v>125126</v>
      </c>
      <c r="BM20" s="104">
        <v>137012</v>
      </c>
      <c r="BN20" s="104">
        <v>252525</v>
      </c>
      <c r="BO20" s="103">
        <v>1257816</v>
      </c>
      <c r="BP20" s="106">
        <v>1307346</v>
      </c>
      <c r="BQ20" s="100">
        <v>144540</v>
      </c>
      <c r="BR20" s="104">
        <v>136170</v>
      </c>
      <c r="BS20" s="103">
        <v>280710</v>
      </c>
      <c r="BT20" s="100">
        <v>0</v>
      </c>
      <c r="BU20" s="104">
        <v>1523756</v>
      </c>
      <c r="BV20" s="104">
        <v>1661169</v>
      </c>
      <c r="BW20" s="104">
        <v>1647069</v>
      </c>
      <c r="BX20" s="104">
        <v>1549978</v>
      </c>
      <c r="BY20" s="104">
        <v>1165176</v>
      </c>
      <c r="BZ20" s="103">
        <v>7547148</v>
      </c>
      <c r="CA20" s="106">
        <v>7827858</v>
      </c>
      <c r="CB20" s="100">
        <v>24292</v>
      </c>
      <c r="CC20" s="104">
        <v>220686</v>
      </c>
      <c r="CD20" s="103">
        <v>244978</v>
      </c>
      <c r="CE20" s="100">
        <v>0</v>
      </c>
      <c r="CF20" s="104">
        <v>7048088</v>
      </c>
      <c r="CG20" s="104">
        <v>9508183</v>
      </c>
      <c r="CH20" s="104">
        <v>7790433</v>
      </c>
      <c r="CI20" s="104">
        <v>3528932</v>
      </c>
      <c r="CJ20" s="104">
        <v>2234367</v>
      </c>
      <c r="CK20" s="103">
        <v>30110003</v>
      </c>
      <c r="CL20" s="106">
        <v>30354981</v>
      </c>
      <c r="CM20" s="100">
        <v>0</v>
      </c>
      <c r="CN20" s="104">
        <v>0</v>
      </c>
      <c r="CO20" s="103">
        <v>0</v>
      </c>
      <c r="CP20" s="101">
        <v>0</v>
      </c>
      <c r="CQ20" s="104">
        <v>5266116</v>
      </c>
      <c r="CR20" s="104">
        <v>7198488</v>
      </c>
      <c r="CS20" s="104">
        <v>5585822</v>
      </c>
      <c r="CT20" s="104">
        <v>2268447</v>
      </c>
      <c r="CU20" s="104">
        <v>1350663</v>
      </c>
      <c r="CV20" s="103">
        <v>21669536</v>
      </c>
      <c r="CW20" s="106">
        <v>21669536</v>
      </c>
      <c r="CX20" s="100">
        <v>24292</v>
      </c>
      <c r="CY20" s="104">
        <v>220686</v>
      </c>
      <c r="CZ20" s="103">
        <v>244978</v>
      </c>
      <c r="DA20" s="100">
        <v>0</v>
      </c>
      <c r="DB20" s="104">
        <v>1781972</v>
      </c>
      <c r="DC20" s="104">
        <v>2309695</v>
      </c>
      <c r="DD20" s="104">
        <v>2204611</v>
      </c>
      <c r="DE20" s="104">
        <v>1260485</v>
      </c>
      <c r="DF20" s="104">
        <v>883704</v>
      </c>
      <c r="DG20" s="103">
        <v>8440467</v>
      </c>
      <c r="DH20" s="106">
        <v>8685445</v>
      </c>
      <c r="DI20" s="100">
        <v>0</v>
      </c>
      <c r="DJ20" s="104">
        <v>13619</v>
      </c>
      <c r="DK20" s="102">
        <v>13619</v>
      </c>
      <c r="DL20" s="101">
        <v>0</v>
      </c>
      <c r="DM20" s="104">
        <v>331023</v>
      </c>
      <c r="DN20" s="104">
        <v>2317464</v>
      </c>
      <c r="DO20" s="104">
        <v>6982251</v>
      </c>
      <c r="DP20" s="104">
        <v>7277334</v>
      </c>
      <c r="DQ20" s="104">
        <v>2794182</v>
      </c>
      <c r="DR20" s="103">
        <v>19702254</v>
      </c>
      <c r="DS20" s="106">
        <v>19715873</v>
      </c>
      <c r="DT20" s="100">
        <v>0</v>
      </c>
      <c r="DU20" s="104">
        <v>13619</v>
      </c>
      <c r="DV20" s="103">
        <v>13619</v>
      </c>
      <c r="DW20" s="100">
        <v>0</v>
      </c>
      <c r="DX20" s="104">
        <v>331023</v>
      </c>
      <c r="DY20" s="104">
        <v>2092104</v>
      </c>
      <c r="DZ20" s="104">
        <v>6833673</v>
      </c>
      <c r="EA20" s="104">
        <v>6676391</v>
      </c>
      <c r="EB20" s="104">
        <v>2794182</v>
      </c>
      <c r="EC20" s="103">
        <v>18727373</v>
      </c>
      <c r="ED20" s="106">
        <v>18740992</v>
      </c>
      <c r="EE20" s="100">
        <v>0</v>
      </c>
      <c r="EF20" s="102">
        <v>0</v>
      </c>
      <c r="EG20" s="103">
        <v>0</v>
      </c>
      <c r="EH20" s="100">
        <v>0</v>
      </c>
      <c r="EI20" s="104">
        <v>0</v>
      </c>
      <c r="EJ20" s="104">
        <v>225360</v>
      </c>
      <c r="EK20" s="104">
        <v>148578</v>
      </c>
      <c r="EL20" s="104">
        <v>600943</v>
      </c>
      <c r="EM20" s="104">
        <v>0</v>
      </c>
      <c r="EN20" s="102">
        <v>974881</v>
      </c>
      <c r="EO20" s="106">
        <v>974881</v>
      </c>
      <c r="EP20" s="100">
        <v>0</v>
      </c>
      <c r="EQ20" s="104">
        <v>0</v>
      </c>
      <c r="ER20" s="102">
        <v>0</v>
      </c>
      <c r="ES20" s="101">
        <v>0</v>
      </c>
      <c r="ET20" s="104">
        <v>0</v>
      </c>
      <c r="EU20" s="104">
        <v>0</v>
      </c>
      <c r="EV20" s="104">
        <v>0</v>
      </c>
      <c r="EW20" s="104">
        <v>0</v>
      </c>
      <c r="EX20" s="104">
        <v>0</v>
      </c>
      <c r="EY20" s="103">
        <v>0</v>
      </c>
      <c r="EZ20" s="106">
        <v>0</v>
      </c>
      <c r="FA20" s="100">
        <v>0</v>
      </c>
      <c r="FB20" s="104">
        <v>0</v>
      </c>
      <c r="FC20" s="102">
        <v>0</v>
      </c>
      <c r="FD20" s="324"/>
      <c r="FE20" s="104">
        <v>0</v>
      </c>
      <c r="FF20" s="104">
        <v>0</v>
      </c>
      <c r="FG20" s="104">
        <v>0</v>
      </c>
      <c r="FH20" s="104">
        <v>0</v>
      </c>
      <c r="FI20" s="104">
        <v>0</v>
      </c>
      <c r="FJ20" s="103">
        <v>0</v>
      </c>
      <c r="FK20" s="106">
        <v>0</v>
      </c>
      <c r="FL20" s="100">
        <v>668546</v>
      </c>
      <c r="FM20" s="104">
        <v>1444039</v>
      </c>
      <c r="FN20" s="103">
        <v>2112585</v>
      </c>
      <c r="FO20" s="100">
        <v>0</v>
      </c>
      <c r="FP20" s="104">
        <v>2006703</v>
      </c>
      <c r="FQ20" s="104">
        <v>4565609</v>
      </c>
      <c r="FR20" s="104">
        <v>3112086</v>
      </c>
      <c r="FS20" s="104">
        <v>2207347</v>
      </c>
      <c r="FT20" s="104">
        <v>1693094</v>
      </c>
      <c r="FU20" s="103">
        <v>13584839</v>
      </c>
      <c r="FV20" s="106">
        <v>15697424</v>
      </c>
      <c r="FW20" s="105">
        <v>339236</v>
      </c>
      <c r="FX20" s="104">
        <v>846889</v>
      </c>
      <c r="FY20" s="102">
        <v>1186125</v>
      </c>
      <c r="FZ20" s="101">
        <v>0</v>
      </c>
      <c r="GA20" s="104">
        <v>1477053</v>
      </c>
      <c r="GB20" s="104">
        <v>4150349</v>
      </c>
      <c r="GC20" s="104">
        <v>2900548</v>
      </c>
      <c r="GD20" s="104">
        <v>2139631</v>
      </c>
      <c r="GE20" s="104">
        <v>1669730</v>
      </c>
      <c r="GF20" s="103">
        <v>12337311</v>
      </c>
      <c r="GG20" s="296">
        <v>13523436</v>
      </c>
      <c r="GH20" s="105">
        <v>0</v>
      </c>
      <c r="GI20" s="104">
        <v>115650</v>
      </c>
      <c r="GJ20" s="102">
        <v>115650</v>
      </c>
      <c r="GK20" s="101">
        <v>0</v>
      </c>
      <c r="GL20" s="104">
        <v>63720</v>
      </c>
      <c r="GM20" s="104">
        <v>39960</v>
      </c>
      <c r="GN20" s="104">
        <v>133328</v>
      </c>
      <c r="GO20" s="104">
        <v>67716</v>
      </c>
      <c r="GP20" s="104">
        <v>23364</v>
      </c>
      <c r="GQ20" s="103">
        <v>328088</v>
      </c>
      <c r="GR20" s="106">
        <v>443738</v>
      </c>
      <c r="GS20" s="100">
        <v>329310</v>
      </c>
      <c r="GT20" s="104">
        <v>481500</v>
      </c>
      <c r="GU20" s="103">
        <v>810810</v>
      </c>
      <c r="GV20" s="100">
        <v>0</v>
      </c>
      <c r="GW20" s="104">
        <v>465930</v>
      </c>
      <c r="GX20" s="104">
        <v>375300</v>
      </c>
      <c r="GY20" s="104">
        <v>78210</v>
      </c>
      <c r="GZ20" s="104">
        <v>0</v>
      </c>
      <c r="HA20" s="104">
        <v>0</v>
      </c>
      <c r="HB20" s="102">
        <v>919440</v>
      </c>
      <c r="HC20" s="106">
        <v>1730250</v>
      </c>
      <c r="HD20" s="100">
        <v>1053390</v>
      </c>
      <c r="HE20" s="104">
        <v>1154182</v>
      </c>
      <c r="HF20" s="102">
        <v>2207572</v>
      </c>
      <c r="HG20" s="101">
        <v>0</v>
      </c>
      <c r="HH20" s="104">
        <v>9433149</v>
      </c>
      <c r="HI20" s="104">
        <v>6109326</v>
      </c>
      <c r="HJ20" s="104">
        <v>7569082</v>
      </c>
      <c r="HK20" s="104">
        <v>7471373</v>
      </c>
      <c r="HL20" s="104">
        <v>4534209</v>
      </c>
      <c r="HM20" s="103">
        <v>35117139</v>
      </c>
      <c r="HN20" s="99">
        <v>37324711</v>
      </c>
      <c r="HO20" s="105">
        <v>376107</v>
      </c>
      <c r="HP20" s="104">
        <v>793029</v>
      </c>
      <c r="HQ20" s="103">
        <v>1169136</v>
      </c>
      <c r="HR20" s="100">
        <v>0</v>
      </c>
      <c r="HS20" s="104">
        <v>6137848</v>
      </c>
      <c r="HT20" s="104">
        <v>7011931</v>
      </c>
      <c r="HU20" s="104">
        <v>4191181</v>
      </c>
      <c r="HV20" s="104">
        <v>2496947</v>
      </c>
      <c r="HW20" s="104">
        <v>1668824</v>
      </c>
      <c r="HX20" s="102">
        <v>21506731</v>
      </c>
      <c r="HY20" s="106">
        <v>22675867</v>
      </c>
      <c r="HZ20" s="137">
        <v>139833</v>
      </c>
      <c r="IA20" s="122">
        <v>2077304</v>
      </c>
      <c r="IB20" s="137">
        <v>2217137</v>
      </c>
      <c r="IC20" s="121">
        <v>0</v>
      </c>
      <c r="ID20" s="122">
        <v>20624862</v>
      </c>
      <c r="IE20" s="123">
        <v>25036331</v>
      </c>
      <c r="IF20" s="124">
        <v>24576710</v>
      </c>
      <c r="IG20" s="122">
        <v>18375954</v>
      </c>
      <c r="IH20" s="124">
        <v>10593999</v>
      </c>
      <c r="II20" s="125">
        <v>99207856</v>
      </c>
      <c r="IJ20" s="137">
        <v>101424993</v>
      </c>
      <c r="IK20" s="219">
        <v>0</v>
      </c>
      <c r="IL20" s="223">
        <v>0</v>
      </c>
      <c r="IM20" s="224">
        <v>0</v>
      </c>
      <c r="IN20" s="324"/>
      <c r="IO20" s="109">
        <v>169561</v>
      </c>
      <c r="IP20" s="109">
        <v>168100</v>
      </c>
      <c r="IQ20" s="109">
        <v>534514</v>
      </c>
      <c r="IR20" s="109">
        <v>1432072</v>
      </c>
      <c r="IS20" s="109">
        <v>1508634</v>
      </c>
      <c r="IT20" s="128">
        <v>3812881</v>
      </c>
      <c r="IU20" s="298">
        <v>3812881</v>
      </c>
      <c r="IV20" s="129">
        <v>0</v>
      </c>
      <c r="IW20" s="109">
        <v>0</v>
      </c>
      <c r="IX20" s="110">
        <v>0</v>
      </c>
      <c r="IY20" s="324"/>
      <c r="IZ20" s="109">
        <v>0</v>
      </c>
      <c r="JA20" s="109">
        <v>0</v>
      </c>
      <c r="JB20" s="109">
        <v>0</v>
      </c>
      <c r="JC20" s="109">
        <v>0</v>
      </c>
      <c r="JD20" s="109">
        <v>0</v>
      </c>
      <c r="JE20" s="110">
        <v>0</v>
      </c>
      <c r="JF20" s="111">
        <v>0</v>
      </c>
      <c r="JG20" s="129">
        <v>0</v>
      </c>
      <c r="JH20" s="109">
        <v>0</v>
      </c>
      <c r="JI20" s="128">
        <v>0</v>
      </c>
      <c r="JJ20" s="108">
        <v>0</v>
      </c>
      <c r="JK20" s="109">
        <v>7990867</v>
      </c>
      <c r="JL20" s="109">
        <v>10329822</v>
      </c>
      <c r="JM20" s="109">
        <v>7087145</v>
      </c>
      <c r="JN20" s="109">
        <v>2772880</v>
      </c>
      <c r="JO20" s="109">
        <v>1541341</v>
      </c>
      <c r="JP20" s="110">
        <v>29722055</v>
      </c>
      <c r="JQ20" s="298">
        <v>29722055</v>
      </c>
      <c r="JR20" s="129">
        <v>0</v>
      </c>
      <c r="JS20" s="109">
        <v>0</v>
      </c>
      <c r="JT20" s="128">
        <v>0</v>
      </c>
      <c r="JU20" s="108">
        <v>0</v>
      </c>
      <c r="JV20" s="109">
        <v>185075</v>
      </c>
      <c r="JW20" s="109">
        <v>305346</v>
      </c>
      <c r="JX20" s="109">
        <v>612304</v>
      </c>
      <c r="JY20" s="109">
        <v>100737</v>
      </c>
      <c r="JZ20" s="109">
        <v>293133</v>
      </c>
      <c r="KA20" s="110">
        <v>1496595</v>
      </c>
      <c r="KB20" s="298">
        <v>1496595</v>
      </c>
      <c r="KC20" s="221">
        <v>139833</v>
      </c>
      <c r="KD20" s="217">
        <v>1077512</v>
      </c>
      <c r="KE20" s="110">
        <v>1217345</v>
      </c>
      <c r="KF20" s="108">
        <v>0</v>
      </c>
      <c r="KG20" s="109">
        <v>1742908</v>
      </c>
      <c r="KH20" s="109">
        <v>1860558</v>
      </c>
      <c r="KI20" s="109">
        <v>1732426</v>
      </c>
      <c r="KJ20" s="109">
        <v>2100303</v>
      </c>
      <c r="KK20" s="109">
        <v>960840</v>
      </c>
      <c r="KL20" s="110">
        <v>8397035</v>
      </c>
      <c r="KM20" s="130">
        <v>9614380</v>
      </c>
      <c r="KN20" s="219">
        <v>0</v>
      </c>
      <c r="KO20" s="223">
        <v>999792</v>
      </c>
      <c r="KP20" s="224">
        <v>999792</v>
      </c>
      <c r="KQ20" s="127"/>
      <c r="KR20" s="109">
        <v>9079359</v>
      </c>
      <c r="KS20" s="109">
        <v>10996811</v>
      </c>
      <c r="KT20" s="109">
        <v>11423527</v>
      </c>
      <c r="KU20" s="109">
        <v>7781490</v>
      </c>
      <c r="KV20" s="109">
        <v>4668919</v>
      </c>
      <c r="KW20" s="110">
        <v>43950106</v>
      </c>
      <c r="KX20" s="298">
        <v>44949898</v>
      </c>
      <c r="KY20" s="129">
        <v>0</v>
      </c>
      <c r="KZ20" s="109">
        <v>0</v>
      </c>
      <c r="LA20" s="110">
        <v>0</v>
      </c>
      <c r="LB20" s="132"/>
      <c r="LC20" s="109">
        <v>0</v>
      </c>
      <c r="LD20" s="109">
        <v>0</v>
      </c>
      <c r="LE20" s="109">
        <v>0</v>
      </c>
      <c r="LF20" s="109">
        <v>0</v>
      </c>
      <c r="LG20" s="109">
        <v>0</v>
      </c>
      <c r="LH20" s="110">
        <v>0</v>
      </c>
      <c r="LI20" s="111">
        <v>0</v>
      </c>
      <c r="LJ20" s="129">
        <v>0</v>
      </c>
      <c r="LK20" s="109">
        <v>0</v>
      </c>
      <c r="LL20" s="110">
        <v>0</v>
      </c>
      <c r="LM20" s="132"/>
      <c r="LN20" s="109">
        <v>0</v>
      </c>
      <c r="LO20" s="109">
        <v>0</v>
      </c>
      <c r="LP20" s="109">
        <v>1830319</v>
      </c>
      <c r="LQ20" s="109">
        <v>4188472</v>
      </c>
      <c r="LR20" s="109">
        <v>1277823</v>
      </c>
      <c r="LS20" s="110">
        <v>7296614</v>
      </c>
      <c r="LT20" s="298">
        <v>7296614</v>
      </c>
      <c r="LU20" s="129">
        <v>0</v>
      </c>
      <c r="LV20" s="109">
        <v>0</v>
      </c>
      <c r="LW20" s="110">
        <v>0</v>
      </c>
      <c r="LX20" s="132"/>
      <c r="LY20" s="109">
        <v>1457092</v>
      </c>
      <c r="LZ20" s="109">
        <v>1375694</v>
      </c>
      <c r="MA20" s="109">
        <v>1356475</v>
      </c>
      <c r="MB20" s="109">
        <v>0</v>
      </c>
      <c r="MC20" s="109">
        <v>343309</v>
      </c>
      <c r="MD20" s="110">
        <v>4532570</v>
      </c>
      <c r="ME20" s="111">
        <v>4532570</v>
      </c>
      <c r="MF20" s="129">
        <v>0</v>
      </c>
      <c r="MG20" s="109">
        <v>0</v>
      </c>
      <c r="MH20" s="110">
        <v>0</v>
      </c>
      <c r="MI20" s="132"/>
      <c r="MJ20" s="109">
        <v>4017688</v>
      </c>
      <c r="MK20" s="109">
        <v>10558797</v>
      </c>
      <c r="ML20" s="109">
        <v>35571972</v>
      </c>
      <c r="MM20" s="109">
        <v>62416195</v>
      </c>
      <c r="MN20" s="109">
        <v>36163473</v>
      </c>
      <c r="MO20" s="110">
        <v>148728125</v>
      </c>
      <c r="MP20" s="130">
        <v>148728125</v>
      </c>
      <c r="MQ20" s="129">
        <v>0</v>
      </c>
      <c r="MR20" s="109">
        <v>0</v>
      </c>
      <c r="MS20" s="110">
        <v>0</v>
      </c>
      <c r="MT20" s="132"/>
      <c r="MU20" s="109">
        <v>210634</v>
      </c>
      <c r="MV20" s="109">
        <v>0</v>
      </c>
      <c r="MW20" s="109">
        <v>23095161</v>
      </c>
      <c r="MX20" s="109">
        <v>41879508</v>
      </c>
      <c r="MY20" s="109">
        <v>26199172</v>
      </c>
      <c r="MZ20" s="110">
        <v>91384475</v>
      </c>
      <c r="NA20" s="130">
        <v>91384475</v>
      </c>
      <c r="NB20" s="129">
        <v>0</v>
      </c>
      <c r="NC20" s="109">
        <v>0</v>
      </c>
      <c r="ND20" s="110">
        <v>0</v>
      </c>
      <c r="NE20" s="132"/>
      <c r="NF20" s="109">
        <v>3807054</v>
      </c>
      <c r="NG20" s="109">
        <v>10558797</v>
      </c>
      <c r="NH20" s="109">
        <v>12476811</v>
      </c>
      <c r="NI20" s="109">
        <v>20536687</v>
      </c>
      <c r="NJ20" s="109">
        <v>9964301</v>
      </c>
      <c r="NK20" s="110">
        <v>57343650</v>
      </c>
      <c r="NL20" s="298">
        <v>57343650</v>
      </c>
      <c r="NM20" s="129">
        <v>0</v>
      </c>
      <c r="NN20" s="109">
        <v>0</v>
      </c>
      <c r="NO20" s="110">
        <v>0</v>
      </c>
      <c r="NP20" s="132"/>
      <c r="NQ20" s="109">
        <v>0</v>
      </c>
      <c r="NR20" s="109">
        <v>0</v>
      </c>
      <c r="NS20" s="109">
        <v>0</v>
      </c>
      <c r="NT20" s="109">
        <v>0</v>
      </c>
      <c r="NU20" s="109">
        <v>0</v>
      </c>
      <c r="NV20" s="110">
        <v>0</v>
      </c>
      <c r="NW20" s="111">
        <v>0</v>
      </c>
      <c r="NX20" s="129">
        <v>0</v>
      </c>
      <c r="NY20" s="109">
        <v>0</v>
      </c>
      <c r="NZ20" s="110">
        <v>0</v>
      </c>
      <c r="OA20" s="132"/>
      <c r="OB20" s="109">
        <v>0</v>
      </c>
      <c r="OC20" s="109">
        <v>0</v>
      </c>
      <c r="OD20" s="109">
        <v>0</v>
      </c>
      <c r="OE20" s="109">
        <v>0</v>
      </c>
      <c r="OF20" s="109">
        <v>0</v>
      </c>
      <c r="OG20" s="110">
        <v>0</v>
      </c>
      <c r="OH20" s="111">
        <v>0</v>
      </c>
      <c r="OI20" s="129">
        <v>2533703</v>
      </c>
      <c r="OJ20" s="109">
        <v>6363940</v>
      </c>
      <c r="OK20" s="128">
        <v>8897643</v>
      </c>
      <c r="OL20" s="108">
        <v>0</v>
      </c>
      <c r="OM20" s="109">
        <v>56584884</v>
      </c>
      <c r="ON20" s="109">
        <v>78085527</v>
      </c>
      <c r="OO20" s="109">
        <v>100902578</v>
      </c>
      <c r="OP20" s="109">
        <v>114543103</v>
      </c>
      <c r="OQ20" s="109">
        <v>72734241</v>
      </c>
      <c r="OR20" s="110">
        <v>422850333</v>
      </c>
      <c r="OS20" s="130">
        <v>431747976</v>
      </c>
    </row>
    <row r="21" spans="2:409" ht="21" customHeight="1" x14ac:dyDescent="0.2">
      <c r="B21" s="472" t="s">
        <v>16</v>
      </c>
      <c r="C21" s="100">
        <v>6173535</v>
      </c>
      <c r="D21" s="104">
        <v>14088856</v>
      </c>
      <c r="E21" s="103">
        <v>20262391</v>
      </c>
      <c r="F21" s="99">
        <v>0</v>
      </c>
      <c r="G21" s="104">
        <v>80150580</v>
      </c>
      <c r="H21" s="104">
        <v>144361322</v>
      </c>
      <c r="I21" s="104">
        <v>107484523</v>
      </c>
      <c r="J21" s="104">
        <v>105652198</v>
      </c>
      <c r="K21" s="104">
        <v>73334557</v>
      </c>
      <c r="L21" s="99">
        <v>510983180</v>
      </c>
      <c r="M21" s="106">
        <v>531245571</v>
      </c>
      <c r="N21" s="100">
        <v>1138908</v>
      </c>
      <c r="O21" s="104">
        <v>2467166</v>
      </c>
      <c r="P21" s="103">
        <v>3606074</v>
      </c>
      <c r="Q21" s="100">
        <v>0</v>
      </c>
      <c r="R21" s="104">
        <v>17009755</v>
      </c>
      <c r="S21" s="104">
        <v>33483796</v>
      </c>
      <c r="T21" s="104">
        <v>26664734</v>
      </c>
      <c r="U21" s="104">
        <v>29700599</v>
      </c>
      <c r="V21" s="104">
        <v>26936151</v>
      </c>
      <c r="W21" s="103">
        <v>133795035</v>
      </c>
      <c r="X21" s="106">
        <v>137401109</v>
      </c>
      <c r="Y21" s="100">
        <v>0</v>
      </c>
      <c r="Z21" s="104">
        <v>0</v>
      </c>
      <c r="AA21" s="103">
        <v>0</v>
      </c>
      <c r="AB21" s="100">
        <v>0</v>
      </c>
      <c r="AC21" s="104">
        <v>7153562</v>
      </c>
      <c r="AD21" s="104">
        <v>13650238</v>
      </c>
      <c r="AE21" s="104">
        <v>12912994</v>
      </c>
      <c r="AF21" s="104">
        <v>15487092</v>
      </c>
      <c r="AG21" s="104">
        <v>12734746</v>
      </c>
      <c r="AH21" s="103">
        <v>61938632</v>
      </c>
      <c r="AI21" s="106">
        <v>61938632</v>
      </c>
      <c r="AJ21" s="100">
        <v>0</v>
      </c>
      <c r="AK21" s="104">
        <v>0</v>
      </c>
      <c r="AL21" s="103">
        <v>0</v>
      </c>
      <c r="AM21" s="100">
        <v>0</v>
      </c>
      <c r="AN21" s="104">
        <v>78728</v>
      </c>
      <c r="AO21" s="104">
        <v>495019</v>
      </c>
      <c r="AP21" s="104">
        <v>807517</v>
      </c>
      <c r="AQ21" s="104">
        <v>1294562</v>
      </c>
      <c r="AR21" s="104">
        <v>3317335</v>
      </c>
      <c r="AS21" s="103">
        <v>5993161</v>
      </c>
      <c r="AT21" s="106">
        <v>5993161</v>
      </c>
      <c r="AU21" s="100">
        <v>480994</v>
      </c>
      <c r="AV21" s="104">
        <v>1551356</v>
      </c>
      <c r="AW21" s="103">
        <v>2032350</v>
      </c>
      <c r="AX21" s="100">
        <v>0</v>
      </c>
      <c r="AY21" s="104">
        <v>6588294</v>
      </c>
      <c r="AZ21" s="104">
        <v>13418503</v>
      </c>
      <c r="BA21" s="104">
        <v>8322347</v>
      </c>
      <c r="BB21" s="104">
        <v>8308432</v>
      </c>
      <c r="BC21" s="104">
        <v>7295920</v>
      </c>
      <c r="BD21" s="103">
        <v>43933496</v>
      </c>
      <c r="BE21" s="106">
        <v>45965846</v>
      </c>
      <c r="BF21" s="100">
        <v>98490</v>
      </c>
      <c r="BG21" s="104">
        <v>314858</v>
      </c>
      <c r="BH21" s="102">
        <v>413348</v>
      </c>
      <c r="BI21" s="101">
        <v>0</v>
      </c>
      <c r="BJ21" s="104">
        <v>371029</v>
      </c>
      <c r="BK21" s="104">
        <v>1489045</v>
      </c>
      <c r="BL21" s="104">
        <v>690784</v>
      </c>
      <c r="BM21" s="104">
        <v>349689</v>
      </c>
      <c r="BN21" s="104">
        <v>404175</v>
      </c>
      <c r="BO21" s="103">
        <v>3304722</v>
      </c>
      <c r="BP21" s="106">
        <v>3718070</v>
      </c>
      <c r="BQ21" s="100">
        <v>559424</v>
      </c>
      <c r="BR21" s="104">
        <v>600952</v>
      </c>
      <c r="BS21" s="103">
        <v>1160376</v>
      </c>
      <c r="BT21" s="100">
        <v>0</v>
      </c>
      <c r="BU21" s="104">
        <v>2818142</v>
      </c>
      <c r="BV21" s="104">
        <v>4430991</v>
      </c>
      <c r="BW21" s="104">
        <v>3931092</v>
      </c>
      <c r="BX21" s="104">
        <v>4260824</v>
      </c>
      <c r="BY21" s="104">
        <v>3183975</v>
      </c>
      <c r="BZ21" s="103">
        <v>18625024</v>
      </c>
      <c r="CA21" s="106">
        <v>19785400</v>
      </c>
      <c r="CB21" s="100">
        <v>945676</v>
      </c>
      <c r="CC21" s="104">
        <v>4369333</v>
      </c>
      <c r="CD21" s="103">
        <v>5315009</v>
      </c>
      <c r="CE21" s="100">
        <v>0</v>
      </c>
      <c r="CF21" s="104">
        <v>29616212</v>
      </c>
      <c r="CG21" s="104">
        <v>53179620</v>
      </c>
      <c r="CH21" s="104">
        <v>35914574</v>
      </c>
      <c r="CI21" s="104">
        <v>25135605</v>
      </c>
      <c r="CJ21" s="104">
        <v>14885102</v>
      </c>
      <c r="CK21" s="103">
        <v>158731113</v>
      </c>
      <c r="CL21" s="106">
        <v>164046122</v>
      </c>
      <c r="CM21" s="100">
        <v>0</v>
      </c>
      <c r="CN21" s="104">
        <v>0</v>
      </c>
      <c r="CO21" s="103">
        <v>0</v>
      </c>
      <c r="CP21" s="101">
        <v>0</v>
      </c>
      <c r="CQ21" s="104">
        <v>19722387</v>
      </c>
      <c r="CR21" s="104">
        <v>33994123</v>
      </c>
      <c r="CS21" s="104">
        <v>27156940</v>
      </c>
      <c r="CT21" s="104">
        <v>19330975</v>
      </c>
      <c r="CU21" s="104">
        <v>12846751</v>
      </c>
      <c r="CV21" s="103">
        <v>113051176</v>
      </c>
      <c r="CW21" s="106">
        <v>113051176</v>
      </c>
      <c r="CX21" s="100">
        <v>945676</v>
      </c>
      <c r="CY21" s="104">
        <v>4369333</v>
      </c>
      <c r="CZ21" s="103">
        <v>5315009</v>
      </c>
      <c r="DA21" s="100">
        <v>0</v>
      </c>
      <c r="DB21" s="104">
        <v>9893825</v>
      </c>
      <c r="DC21" s="104">
        <v>19185497</v>
      </c>
      <c r="DD21" s="104">
        <v>8757634</v>
      </c>
      <c r="DE21" s="104">
        <v>5804630</v>
      </c>
      <c r="DF21" s="104">
        <v>2038351</v>
      </c>
      <c r="DG21" s="103">
        <v>45679937</v>
      </c>
      <c r="DH21" s="106">
        <v>50994946</v>
      </c>
      <c r="DI21" s="100">
        <v>24728</v>
      </c>
      <c r="DJ21" s="104">
        <v>99041</v>
      </c>
      <c r="DK21" s="102">
        <v>123769</v>
      </c>
      <c r="DL21" s="101">
        <v>0</v>
      </c>
      <c r="DM21" s="104">
        <v>1793297</v>
      </c>
      <c r="DN21" s="104">
        <v>6122107</v>
      </c>
      <c r="DO21" s="104">
        <v>7900629</v>
      </c>
      <c r="DP21" s="104">
        <v>5988068</v>
      </c>
      <c r="DQ21" s="104">
        <v>2556959</v>
      </c>
      <c r="DR21" s="103">
        <v>24361060</v>
      </c>
      <c r="DS21" s="106">
        <v>24484829</v>
      </c>
      <c r="DT21" s="100">
        <v>24728</v>
      </c>
      <c r="DU21" s="104">
        <v>99041</v>
      </c>
      <c r="DV21" s="103">
        <v>123769</v>
      </c>
      <c r="DW21" s="100">
        <v>0</v>
      </c>
      <c r="DX21" s="104">
        <v>1764215</v>
      </c>
      <c r="DY21" s="104">
        <v>5449290</v>
      </c>
      <c r="DZ21" s="104">
        <v>7230673</v>
      </c>
      <c r="EA21" s="104">
        <v>5514597</v>
      </c>
      <c r="EB21" s="104">
        <v>2375420</v>
      </c>
      <c r="EC21" s="103">
        <v>22334195</v>
      </c>
      <c r="ED21" s="106">
        <v>22457964</v>
      </c>
      <c r="EE21" s="100">
        <v>0</v>
      </c>
      <c r="EF21" s="102">
        <v>0</v>
      </c>
      <c r="EG21" s="103">
        <v>0</v>
      </c>
      <c r="EH21" s="100">
        <v>0</v>
      </c>
      <c r="EI21" s="104">
        <v>29082</v>
      </c>
      <c r="EJ21" s="104">
        <v>672817</v>
      </c>
      <c r="EK21" s="104">
        <v>669956</v>
      </c>
      <c r="EL21" s="104">
        <v>473471</v>
      </c>
      <c r="EM21" s="104">
        <v>181539</v>
      </c>
      <c r="EN21" s="102">
        <v>2026865</v>
      </c>
      <c r="EO21" s="106">
        <v>2026865</v>
      </c>
      <c r="EP21" s="100">
        <v>0</v>
      </c>
      <c r="EQ21" s="104">
        <v>0</v>
      </c>
      <c r="ER21" s="102">
        <v>0</v>
      </c>
      <c r="ES21" s="101">
        <v>0</v>
      </c>
      <c r="ET21" s="104">
        <v>0</v>
      </c>
      <c r="EU21" s="104">
        <v>0</v>
      </c>
      <c r="EV21" s="104">
        <v>0</v>
      </c>
      <c r="EW21" s="104">
        <v>0</v>
      </c>
      <c r="EX21" s="104">
        <v>0</v>
      </c>
      <c r="EY21" s="103">
        <v>0</v>
      </c>
      <c r="EZ21" s="106">
        <v>0</v>
      </c>
      <c r="FA21" s="100">
        <v>0</v>
      </c>
      <c r="FB21" s="104">
        <v>0</v>
      </c>
      <c r="FC21" s="102">
        <v>0</v>
      </c>
      <c r="FD21" s="324"/>
      <c r="FE21" s="104">
        <v>0</v>
      </c>
      <c r="FF21" s="104">
        <v>0</v>
      </c>
      <c r="FG21" s="104">
        <v>0</v>
      </c>
      <c r="FH21" s="104">
        <v>0</v>
      </c>
      <c r="FI21" s="104">
        <v>0</v>
      </c>
      <c r="FJ21" s="103">
        <v>0</v>
      </c>
      <c r="FK21" s="106">
        <v>0</v>
      </c>
      <c r="FL21" s="100">
        <v>1496590</v>
      </c>
      <c r="FM21" s="104">
        <v>2744495</v>
      </c>
      <c r="FN21" s="103">
        <v>4241085</v>
      </c>
      <c r="FO21" s="100">
        <v>0</v>
      </c>
      <c r="FP21" s="104">
        <v>3314003</v>
      </c>
      <c r="FQ21" s="104">
        <v>12770184</v>
      </c>
      <c r="FR21" s="104">
        <v>7764680</v>
      </c>
      <c r="FS21" s="104">
        <v>7580614</v>
      </c>
      <c r="FT21" s="104">
        <v>5459033</v>
      </c>
      <c r="FU21" s="103">
        <v>36888514</v>
      </c>
      <c r="FV21" s="106">
        <v>41129599</v>
      </c>
      <c r="FW21" s="105">
        <v>874794</v>
      </c>
      <c r="FX21" s="104">
        <v>2292178</v>
      </c>
      <c r="FY21" s="102">
        <v>3166972</v>
      </c>
      <c r="FZ21" s="101">
        <v>0</v>
      </c>
      <c r="GA21" s="104">
        <v>2734461</v>
      </c>
      <c r="GB21" s="104">
        <v>11807244</v>
      </c>
      <c r="GC21" s="104">
        <v>7625478</v>
      </c>
      <c r="GD21" s="104">
        <v>7073102</v>
      </c>
      <c r="GE21" s="104">
        <v>5437154</v>
      </c>
      <c r="GF21" s="103">
        <v>34677439</v>
      </c>
      <c r="GG21" s="296">
        <v>37844411</v>
      </c>
      <c r="GH21" s="105">
        <v>61736</v>
      </c>
      <c r="GI21" s="104">
        <v>371729</v>
      </c>
      <c r="GJ21" s="102">
        <v>433465</v>
      </c>
      <c r="GK21" s="101">
        <v>0</v>
      </c>
      <c r="GL21" s="104">
        <v>283676</v>
      </c>
      <c r="GM21" s="104">
        <v>424292</v>
      </c>
      <c r="GN21" s="104">
        <v>76002</v>
      </c>
      <c r="GO21" s="104">
        <v>207240</v>
      </c>
      <c r="GP21" s="104">
        <v>21879</v>
      </c>
      <c r="GQ21" s="103">
        <v>1013089</v>
      </c>
      <c r="GR21" s="106">
        <v>1446554</v>
      </c>
      <c r="GS21" s="100">
        <v>560060</v>
      </c>
      <c r="GT21" s="104">
        <v>80588</v>
      </c>
      <c r="GU21" s="103">
        <v>640648</v>
      </c>
      <c r="GV21" s="100">
        <v>0</v>
      </c>
      <c r="GW21" s="104">
        <v>295866</v>
      </c>
      <c r="GX21" s="104">
        <v>538648</v>
      </c>
      <c r="GY21" s="104">
        <v>63200</v>
      </c>
      <c r="GZ21" s="104">
        <v>300272</v>
      </c>
      <c r="HA21" s="104">
        <v>0</v>
      </c>
      <c r="HB21" s="102">
        <v>1197986</v>
      </c>
      <c r="HC21" s="106">
        <v>1838634</v>
      </c>
      <c r="HD21" s="100">
        <v>1544513</v>
      </c>
      <c r="HE21" s="104">
        <v>2244386</v>
      </c>
      <c r="HF21" s="102">
        <v>3788899</v>
      </c>
      <c r="HG21" s="101">
        <v>0</v>
      </c>
      <c r="HH21" s="104">
        <v>16236746</v>
      </c>
      <c r="HI21" s="104">
        <v>21670331</v>
      </c>
      <c r="HJ21" s="104">
        <v>19066795</v>
      </c>
      <c r="HK21" s="104">
        <v>30276605</v>
      </c>
      <c r="HL21" s="104">
        <v>19368501</v>
      </c>
      <c r="HM21" s="103">
        <v>106618978</v>
      </c>
      <c r="HN21" s="99">
        <v>110407877</v>
      </c>
      <c r="HO21" s="105">
        <v>1023120</v>
      </c>
      <c r="HP21" s="104">
        <v>2164435</v>
      </c>
      <c r="HQ21" s="103">
        <v>3187555</v>
      </c>
      <c r="HR21" s="100">
        <v>0</v>
      </c>
      <c r="HS21" s="104">
        <v>12180567</v>
      </c>
      <c r="HT21" s="104">
        <v>17135284</v>
      </c>
      <c r="HU21" s="104">
        <v>10173111</v>
      </c>
      <c r="HV21" s="104">
        <v>6970707</v>
      </c>
      <c r="HW21" s="104">
        <v>4128811</v>
      </c>
      <c r="HX21" s="102">
        <v>50588480</v>
      </c>
      <c r="HY21" s="106">
        <v>53776035</v>
      </c>
      <c r="HZ21" s="118">
        <v>143125</v>
      </c>
      <c r="IA21" s="119">
        <v>414131</v>
      </c>
      <c r="IB21" s="120">
        <v>557256</v>
      </c>
      <c r="IC21" s="133">
        <v>0</v>
      </c>
      <c r="ID21" s="119">
        <v>15306827</v>
      </c>
      <c r="IE21" s="134">
        <v>29556753</v>
      </c>
      <c r="IF21" s="120">
        <v>35632914</v>
      </c>
      <c r="IG21" s="119">
        <v>24970483</v>
      </c>
      <c r="IH21" s="120">
        <v>21493480</v>
      </c>
      <c r="II21" s="135">
        <v>126960457</v>
      </c>
      <c r="IJ21" s="126">
        <v>127517713</v>
      </c>
      <c r="IK21" s="219">
        <v>0</v>
      </c>
      <c r="IL21" s="223">
        <v>0</v>
      </c>
      <c r="IM21" s="224">
        <v>0</v>
      </c>
      <c r="IN21" s="324"/>
      <c r="IO21" s="109">
        <v>606725</v>
      </c>
      <c r="IP21" s="109">
        <v>1922243</v>
      </c>
      <c r="IQ21" s="109">
        <v>2247195</v>
      </c>
      <c r="IR21" s="109">
        <v>1812604</v>
      </c>
      <c r="IS21" s="109">
        <v>2897135</v>
      </c>
      <c r="IT21" s="128">
        <v>9485902</v>
      </c>
      <c r="IU21" s="298">
        <v>9485902</v>
      </c>
      <c r="IV21" s="129">
        <v>0</v>
      </c>
      <c r="IW21" s="109">
        <v>0</v>
      </c>
      <c r="IX21" s="110">
        <v>0</v>
      </c>
      <c r="IY21" s="324"/>
      <c r="IZ21" s="109">
        <v>0</v>
      </c>
      <c r="JA21" s="109">
        <v>18446</v>
      </c>
      <c r="JB21" s="109">
        <v>59559</v>
      </c>
      <c r="JC21" s="109">
        <v>133192</v>
      </c>
      <c r="JD21" s="109">
        <v>46776</v>
      </c>
      <c r="JE21" s="110">
        <v>257973</v>
      </c>
      <c r="JF21" s="111">
        <v>257973</v>
      </c>
      <c r="JG21" s="129">
        <v>0</v>
      </c>
      <c r="JH21" s="109">
        <v>0</v>
      </c>
      <c r="JI21" s="128">
        <v>0</v>
      </c>
      <c r="JJ21" s="108">
        <v>0</v>
      </c>
      <c r="JK21" s="109">
        <v>7678368</v>
      </c>
      <c r="JL21" s="109">
        <v>10137413</v>
      </c>
      <c r="JM21" s="109">
        <v>8241607</v>
      </c>
      <c r="JN21" s="109">
        <v>4567728</v>
      </c>
      <c r="JO21" s="109">
        <v>2138919</v>
      </c>
      <c r="JP21" s="110">
        <v>32764035</v>
      </c>
      <c r="JQ21" s="298">
        <v>32764035</v>
      </c>
      <c r="JR21" s="129">
        <v>0</v>
      </c>
      <c r="JS21" s="109">
        <v>0</v>
      </c>
      <c r="JT21" s="128">
        <v>0</v>
      </c>
      <c r="JU21" s="108">
        <v>0</v>
      </c>
      <c r="JV21" s="109">
        <v>431474</v>
      </c>
      <c r="JW21" s="109">
        <v>1624313</v>
      </c>
      <c r="JX21" s="109">
        <v>862459</v>
      </c>
      <c r="JY21" s="109">
        <v>1139574</v>
      </c>
      <c r="JZ21" s="109">
        <v>728621</v>
      </c>
      <c r="KA21" s="110">
        <v>4786441</v>
      </c>
      <c r="KB21" s="298">
        <v>4786441</v>
      </c>
      <c r="KC21" s="221">
        <v>143125</v>
      </c>
      <c r="KD21" s="217">
        <v>153461</v>
      </c>
      <c r="KE21" s="110">
        <v>296586</v>
      </c>
      <c r="KF21" s="108">
        <v>0</v>
      </c>
      <c r="KG21" s="109">
        <v>1804262</v>
      </c>
      <c r="KH21" s="109">
        <v>3474395</v>
      </c>
      <c r="KI21" s="109">
        <v>4641312</v>
      </c>
      <c r="KJ21" s="109">
        <v>5212499</v>
      </c>
      <c r="KK21" s="109">
        <v>2015486</v>
      </c>
      <c r="KL21" s="110">
        <v>17147954</v>
      </c>
      <c r="KM21" s="130">
        <v>17444540</v>
      </c>
      <c r="KN21" s="219">
        <v>0</v>
      </c>
      <c r="KO21" s="223">
        <v>260670</v>
      </c>
      <c r="KP21" s="224">
        <v>260670</v>
      </c>
      <c r="KQ21" s="127"/>
      <c r="KR21" s="109">
        <v>4403255</v>
      </c>
      <c r="KS21" s="109">
        <v>10919092</v>
      </c>
      <c r="KT21" s="109">
        <v>16067742</v>
      </c>
      <c r="KU21" s="109">
        <v>8750470</v>
      </c>
      <c r="KV21" s="109">
        <v>9101064</v>
      </c>
      <c r="KW21" s="110">
        <v>49241623</v>
      </c>
      <c r="KX21" s="298">
        <v>49502293</v>
      </c>
      <c r="KY21" s="129">
        <v>0</v>
      </c>
      <c r="KZ21" s="109">
        <v>0</v>
      </c>
      <c r="LA21" s="110">
        <v>0</v>
      </c>
      <c r="LB21" s="132"/>
      <c r="LC21" s="109">
        <v>0</v>
      </c>
      <c r="LD21" s="109">
        <v>0</v>
      </c>
      <c r="LE21" s="109">
        <v>0</v>
      </c>
      <c r="LF21" s="109">
        <v>0</v>
      </c>
      <c r="LG21" s="109">
        <v>0</v>
      </c>
      <c r="LH21" s="110">
        <v>0</v>
      </c>
      <c r="LI21" s="111">
        <v>0</v>
      </c>
      <c r="LJ21" s="129">
        <v>0</v>
      </c>
      <c r="LK21" s="109">
        <v>0</v>
      </c>
      <c r="LL21" s="110">
        <v>0</v>
      </c>
      <c r="LM21" s="132"/>
      <c r="LN21" s="109">
        <v>240890</v>
      </c>
      <c r="LO21" s="109">
        <v>525258</v>
      </c>
      <c r="LP21" s="109">
        <v>1673412</v>
      </c>
      <c r="LQ21" s="109">
        <v>2764272</v>
      </c>
      <c r="LR21" s="109">
        <v>3223943</v>
      </c>
      <c r="LS21" s="110">
        <v>8427775</v>
      </c>
      <c r="LT21" s="298">
        <v>8427775</v>
      </c>
      <c r="LU21" s="129">
        <v>0</v>
      </c>
      <c r="LV21" s="109">
        <v>0</v>
      </c>
      <c r="LW21" s="110">
        <v>0</v>
      </c>
      <c r="LX21" s="132"/>
      <c r="LY21" s="109">
        <v>141853</v>
      </c>
      <c r="LZ21" s="109">
        <v>935593</v>
      </c>
      <c r="MA21" s="109">
        <v>1839628</v>
      </c>
      <c r="MB21" s="109">
        <v>590144</v>
      </c>
      <c r="MC21" s="109">
        <v>1341536</v>
      </c>
      <c r="MD21" s="110">
        <v>4848754</v>
      </c>
      <c r="ME21" s="111">
        <v>4848754</v>
      </c>
      <c r="MF21" s="129">
        <v>0</v>
      </c>
      <c r="MG21" s="109">
        <v>0</v>
      </c>
      <c r="MH21" s="110">
        <v>0</v>
      </c>
      <c r="MI21" s="132"/>
      <c r="MJ21" s="109">
        <v>13099366</v>
      </c>
      <c r="MK21" s="109">
        <v>25672104</v>
      </c>
      <c r="ML21" s="109">
        <v>95295637</v>
      </c>
      <c r="MM21" s="109">
        <v>137991004</v>
      </c>
      <c r="MN21" s="109">
        <v>87300634</v>
      </c>
      <c r="MO21" s="110">
        <v>359358745</v>
      </c>
      <c r="MP21" s="130">
        <v>359358745</v>
      </c>
      <c r="MQ21" s="129">
        <v>0</v>
      </c>
      <c r="MR21" s="109">
        <v>0</v>
      </c>
      <c r="MS21" s="110">
        <v>0</v>
      </c>
      <c r="MT21" s="132"/>
      <c r="MU21" s="109">
        <v>1316310</v>
      </c>
      <c r="MV21" s="109">
        <v>3783124</v>
      </c>
      <c r="MW21" s="109">
        <v>53851241</v>
      </c>
      <c r="MX21" s="109">
        <v>87297092</v>
      </c>
      <c r="MY21" s="109">
        <v>57622412</v>
      </c>
      <c r="MZ21" s="110">
        <v>203870179</v>
      </c>
      <c r="NA21" s="130">
        <v>203870179</v>
      </c>
      <c r="NB21" s="129">
        <v>0</v>
      </c>
      <c r="NC21" s="109">
        <v>0</v>
      </c>
      <c r="ND21" s="110">
        <v>0</v>
      </c>
      <c r="NE21" s="132"/>
      <c r="NF21" s="109">
        <v>11783056</v>
      </c>
      <c r="NG21" s="109">
        <v>21888980</v>
      </c>
      <c r="NH21" s="109">
        <v>41126696</v>
      </c>
      <c r="NI21" s="109">
        <v>45945668</v>
      </c>
      <c r="NJ21" s="109">
        <v>21717650</v>
      </c>
      <c r="NK21" s="110">
        <v>142462050</v>
      </c>
      <c r="NL21" s="298">
        <v>142462050</v>
      </c>
      <c r="NM21" s="129">
        <v>0</v>
      </c>
      <c r="NN21" s="109">
        <v>0</v>
      </c>
      <c r="NO21" s="110">
        <v>0</v>
      </c>
      <c r="NP21" s="132"/>
      <c r="NQ21" s="109">
        <v>0</v>
      </c>
      <c r="NR21" s="109">
        <v>0</v>
      </c>
      <c r="NS21" s="109">
        <v>0</v>
      </c>
      <c r="NT21" s="109">
        <v>0</v>
      </c>
      <c r="NU21" s="109">
        <v>0</v>
      </c>
      <c r="NV21" s="110">
        <v>0</v>
      </c>
      <c r="NW21" s="111">
        <v>0</v>
      </c>
      <c r="NX21" s="129">
        <v>0</v>
      </c>
      <c r="NY21" s="109">
        <v>0</v>
      </c>
      <c r="NZ21" s="110">
        <v>0</v>
      </c>
      <c r="OA21" s="132"/>
      <c r="OB21" s="109">
        <v>0</v>
      </c>
      <c r="OC21" s="109">
        <v>0</v>
      </c>
      <c r="OD21" s="109">
        <v>317700</v>
      </c>
      <c r="OE21" s="109">
        <v>4748244</v>
      </c>
      <c r="OF21" s="109">
        <v>7960572</v>
      </c>
      <c r="OG21" s="110">
        <v>13026516</v>
      </c>
      <c r="OH21" s="111">
        <v>13026516</v>
      </c>
      <c r="OI21" s="129">
        <v>6316660</v>
      </c>
      <c r="OJ21" s="109">
        <v>14502987</v>
      </c>
      <c r="OK21" s="128">
        <v>20819647</v>
      </c>
      <c r="OL21" s="108">
        <v>0</v>
      </c>
      <c r="OM21" s="109">
        <v>108556773</v>
      </c>
      <c r="ON21" s="109">
        <v>199590179</v>
      </c>
      <c r="OO21" s="109">
        <v>238413074</v>
      </c>
      <c r="OP21" s="109">
        <v>268613685</v>
      </c>
      <c r="OQ21" s="109">
        <v>182128671</v>
      </c>
      <c r="OR21" s="110">
        <v>997302382</v>
      </c>
      <c r="OS21" s="130">
        <v>1018122029</v>
      </c>
    </row>
    <row r="22" spans="2:409" ht="21" customHeight="1" x14ac:dyDescent="0.2">
      <c r="B22" s="472" t="s">
        <v>17</v>
      </c>
      <c r="C22" s="100">
        <v>6602278</v>
      </c>
      <c r="D22" s="104">
        <v>17725653</v>
      </c>
      <c r="E22" s="103">
        <v>24327931</v>
      </c>
      <c r="F22" s="99">
        <v>0</v>
      </c>
      <c r="G22" s="104">
        <v>83456731</v>
      </c>
      <c r="H22" s="104">
        <v>173053429</v>
      </c>
      <c r="I22" s="104">
        <v>151477026</v>
      </c>
      <c r="J22" s="104">
        <v>138780143</v>
      </c>
      <c r="K22" s="104">
        <v>101405308</v>
      </c>
      <c r="L22" s="99">
        <v>648172637</v>
      </c>
      <c r="M22" s="106">
        <v>672500568</v>
      </c>
      <c r="N22" s="100">
        <v>1520569</v>
      </c>
      <c r="O22" s="104">
        <v>3870534</v>
      </c>
      <c r="P22" s="103">
        <v>5391103</v>
      </c>
      <c r="Q22" s="100">
        <v>0</v>
      </c>
      <c r="R22" s="104">
        <v>20727168</v>
      </c>
      <c r="S22" s="104">
        <v>47147788</v>
      </c>
      <c r="T22" s="104">
        <v>48284879</v>
      </c>
      <c r="U22" s="104">
        <v>52990523</v>
      </c>
      <c r="V22" s="104">
        <v>49884857</v>
      </c>
      <c r="W22" s="103">
        <v>219035215</v>
      </c>
      <c r="X22" s="106">
        <v>224426318</v>
      </c>
      <c r="Y22" s="100">
        <v>0</v>
      </c>
      <c r="Z22" s="104">
        <v>0</v>
      </c>
      <c r="AA22" s="103">
        <v>0</v>
      </c>
      <c r="AB22" s="100">
        <v>0</v>
      </c>
      <c r="AC22" s="104">
        <v>9047037</v>
      </c>
      <c r="AD22" s="104">
        <v>24078633</v>
      </c>
      <c r="AE22" s="104">
        <v>28991349</v>
      </c>
      <c r="AF22" s="104">
        <v>33622207</v>
      </c>
      <c r="AG22" s="104">
        <v>30799848</v>
      </c>
      <c r="AH22" s="103">
        <v>126539074</v>
      </c>
      <c r="AI22" s="106">
        <v>126539074</v>
      </c>
      <c r="AJ22" s="100">
        <v>0</v>
      </c>
      <c r="AK22" s="104">
        <v>0</v>
      </c>
      <c r="AL22" s="103">
        <v>0</v>
      </c>
      <c r="AM22" s="100">
        <v>0</v>
      </c>
      <c r="AN22" s="104">
        <v>106601</v>
      </c>
      <c r="AO22" s="104">
        <v>331718</v>
      </c>
      <c r="AP22" s="104">
        <v>1100797</v>
      </c>
      <c r="AQ22" s="104">
        <v>2452041</v>
      </c>
      <c r="AR22" s="104">
        <v>5168426</v>
      </c>
      <c r="AS22" s="103">
        <v>9159583</v>
      </c>
      <c r="AT22" s="106">
        <v>9159583</v>
      </c>
      <c r="AU22" s="100">
        <v>849778</v>
      </c>
      <c r="AV22" s="104">
        <v>2740939</v>
      </c>
      <c r="AW22" s="103">
        <v>3590717</v>
      </c>
      <c r="AX22" s="100">
        <v>0</v>
      </c>
      <c r="AY22" s="104">
        <v>7367741</v>
      </c>
      <c r="AZ22" s="104">
        <v>14513379</v>
      </c>
      <c r="BA22" s="104">
        <v>10173826</v>
      </c>
      <c r="BB22" s="104">
        <v>9797269</v>
      </c>
      <c r="BC22" s="104">
        <v>8219821</v>
      </c>
      <c r="BD22" s="103">
        <v>50072036</v>
      </c>
      <c r="BE22" s="106">
        <v>53662753</v>
      </c>
      <c r="BF22" s="100">
        <v>72007</v>
      </c>
      <c r="BG22" s="104">
        <v>358546</v>
      </c>
      <c r="BH22" s="102">
        <v>430553</v>
      </c>
      <c r="BI22" s="101">
        <v>0</v>
      </c>
      <c r="BJ22" s="104">
        <v>377604</v>
      </c>
      <c r="BK22" s="104">
        <v>1512753</v>
      </c>
      <c r="BL22" s="104">
        <v>1319964</v>
      </c>
      <c r="BM22" s="104">
        <v>604066</v>
      </c>
      <c r="BN22" s="104">
        <v>782027</v>
      </c>
      <c r="BO22" s="103">
        <v>4596414</v>
      </c>
      <c r="BP22" s="106">
        <v>5026967</v>
      </c>
      <c r="BQ22" s="100">
        <v>598784</v>
      </c>
      <c r="BR22" s="104">
        <v>771049</v>
      </c>
      <c r="BS22" s="103">
        <v>1369833</v>
      </c>
      <c r="BT22" s="100">
        <v>0</v>
      </c>
      <c r="BU22" s="104">
        <v>3828185</v>
      </c>
      <c r="BV22" s="104">
        <v>6711305</v>
      </c>
      <c r="BW22" s="104">
        <v>6698943</v>
      </c>
      <c r="BX22" s="104">
        <v>6514940</v>
      </c>
      <c r="BY22" s="104">
        <v>4914735</v>
      </c>
      <c r="BZ22" s="103">
        <v>28668108</v>
      </c>
      <c r="CA22" s="106">
        <v>30037941</v>
      </c>
      <c r="CB22" s="100">
        <v>829270</v>
      </c>
      <c r="CC22" s="104">
        <v>3347981</v>
      </c>
      <c r="CD22" s="103">
        <v>4177251</v>
      </c>
      <c r="CE22" s="100">
        <v>0</v>
      </c>
      <c r="CF22" s="104">
        <v>24245880</v>
      </c>
      <c r="CG22" s="104">
        <v>55976619</v>
      </c>
      <c r="CH22" s="104">
        <v>42030837</v>
      </c>
      <c r="CI22" s="104">
        <v>26354499</v>
      </c>
      <c r="CJ22" s="104">
        <v>14280914</v>
      </c>
      <c r="CK22" s="103">
        <v>162888749</v>
      </c>
      <c r="CL22" s="106">
        <v>167066000</v>
      </c>
      <c r="CM22" s="100">
        <v>0</v>
      </c>
      <c r="CN22" s="104">
        <v>0</v>
      </c>
      <c r="CO22" s="103">
        <v>0</v>
      </c>
      <c r="CP22" s="101">
        <v>0</v>
      </c>
      <c r="CQ22" s="104">
        <v>21085204</v>
      </c>
      <c r="CR22" s="104">
        <v>42842902</v>
      </c>
      <c r="CS22" s="104">
        <v>32560473</v>
      </c>
      <c r="CT22" s="104">
        <v>21246842</v>
      </c>
      <c r="CU22" s="104">
        <v>12328756</v>
      </c>
      <c r="CV22" s="103">
        <v>130064177</v>
      </c>
      <c r="CW22" s="106">
        <v>130064177</v>
      </c>
      <c r="CX22" s="100">
        <v>829270</v>
      </c>
      <c r="CY22" s="104">
        <v>3347981</v>
      </c>
      <c r="CZ22" s="103">
        <v>4177251</v>
      </c>
      <c r="DA22" s="100">
        <v>0</v>
      </c>
      <c r="DB22" s="104">
        <v>3160676</v>
      </c>
      <c r="DC22" s="104">
        <v>13133717</v>
      </c>
      <c r="DD22" s="104">
        <v>9470364</v>
      </c>
      <c r="DE22" s="104">
        <v>5107657</v>
      </c>
      <c r="DF22" s="104">
        <v>1952158</v>
      </c>
      <c r="DG22" s="103">
        <v>32824572</v>
      </c>
      <c r="DH22" s="106">
        <v>37001823</v>
      </c>
      <c r="DI22" s="100">
        <v>21039</v>
      </c>
      <c r="DJ22" s="104">
        <v>208901</v>
      </c>
      <c r="DK22" s="102">
        <v>229940</v>
      </c>
      <c r="DL22" s="101">
        <v>0</v>
      </c>
      <c r="DM22" s="104">
        <v>2405554</v>
      </c>
      <c r="DN22" s="104">
        <v>7834796</v>
      </c>
      <c r="DO22" s="104">
        <v>11175766</v>
      </c>
      <c r="DP22" s="104">
        <v>13242841</v>
      </c>
      <c r="DQ22" s="104">
        <v>6280417</v>
      </c>
      <c r="DR22" s="103">
        <v>40939374</v>
      </c>
      <c r="DS22" s="106">
        <v>41169314</v>
      </c>
      <c r="DT22" s="100">
        <v>21039</v>
      </c>
      <c r="DU22" s="104">
        <v>115569</v>
      </c>
      <c r="DV22" s="103">
        <v>136608</v>
      </c>
      <c r="DW22" s="100">
        <v>0</v>
      </c>
      <c r="DX22" s="104">
        <v>2322544</v>
      </c>
      <c r="DY22" s="104">
        <v>6247240</v>
      </c>
      <c r="DZ22" s="104">
        <v>9849700</v>
      </c>
      <c r="EA22" s="104">
        <v>11828779</v>
      </c>
      <c r="EB22" s="104">
        <v>5744825</v>
      </c>
      <c r="EC22" s="103">
        <v>35993088</v>
      </c>
      <c r="ED22" s="106">
        <v>36129696</v>
      </c>
      <c r="EE22" s="100">
        <v>0</v>
      </c>
      <c r="EF22" s="102">
        <v>93332</v>
      </c>
      <c r="EG22" s="103">
        <v>93332</v>
      </c>
      <c r="EH22" s="100">
        <v>0</v>
      </c>
      <c r="EI22" s="104">
        <v>83010</v>
      </c>
      <c r="EJ22" s="104">
        <v>1587556</v>
      </c>
      <c r="EK22" s="104">
        <v>1326066</v>
      </c>
      <c r="EL22" s="104">
        <v>1414062</v>
      </c>
      <c r="EM22" s="104">
        <v>535592</v>
      </c>
      <c r="EN22" s="102">
        <v>4946286</v>
      </c>
      <c r="EO22" s="106">
        <v>5039618</v>
      </c>
      <c r="EP22" s="100">
        <v>0</v>
      </c>
      <c r="EQ22" s="104">
        <v>0</v>
      </c>
      <c r="ER22" s="102">
        <v>0</v>
      </c>
      <c r="ES22" s="101">
        <v>0</v>
      </c>
      <c r="ET22" s="104">
        <v>0</v>
      </c>
      <c r="EU22" s="104">
        <v>0</v>
      </c>
      <c r="EV22" s="104">
        <v>0</v>
      </c>
      <c r="EW22" s="104">
        <v>0</v>
      </c>
      <c r="EX22" s="104">
        <v>0</v>
      </c>
      <c r="EY22" s="103">
        <v>0</v>
      </c>
      <c r="EZ22" s="106">
        <v>0</v>
      </c>
      <c r="FA22" s="100">
        <v>0</v>
      </c>
      <c r="FB22" s="104">
        <v>0</v>
      </c>
      <c r="FC22" s="102">
        <v>0</v>
      </c>
      <c r="FD22" s="324"/>
      <c r="FE22" s="104">
        <v>0</v>
      </c>
      <c r="FF22" s="104">
        <v>0</v>
      </c>
      <c r="FG22" s="104">
        <v>0</v>
      </c>
      <c r="FH22" s="104">
        <v>0</v>
      </c>
      <c r="FI22" s="104">
        <v>0</v>
      </c>
      <c r="FJ22" s="103">
        <v>0</v>
      </c>
      <c r="FK22" s="106">
        <v>0</v>
      </c>
      <c r="FL22" s="100">
        <v>1315420</v>
      </c>
      <c r="FM22" s="104">
        <v>4485544</v>
      </c>
      <c r="FN22" s="103">
        <v>5800964</v>
      </c>
      <c r="FO22" s="100">
        <v>0</v>
      </c>
      <c r="FP22" s="104">
        <v>4549591</v>
      </c>
      <c r="FQ22" s="104">
        <v>16913409</v>
      </c>
      <c r="FR22" s="104">
        <v>12715833</v>
      </c>
      <c r="FS22" s="104">
        <v>11669610</v>
      </c>
      <c r="FT22" s="104">
        <v>7854007</v>
      </c>
      <c r="FU22" s="103">
        <v>53702450</v>
      </c>
      <c r="FV22" s="106">
        <v>59503414</v>
      </c>
      <c r="FW22" s="105">
        <v>1053034</v>
      </c>
      <c r="FX22" s="104">
        <v>3219767</v>
      </c>
      <c r="FY22" s="102">
        <v>4272801</v>
      </c>
      <c r="FZ22" s="101">
        <v>0</v>
      </c>
      <c r="GA22" s="104">
        <v>3109334</v>
      </c>
      <c r="GB22" s="104">
        <v>15428740</v>
      </c>
      <c r="GC22" s="104">
        <v>11645358</v>
      </c>
      <c r="GD22" s="104">
        <v>10317052</v>
      </c>
      <c r="GE22" s="104">
        <v>7609662</v>
      </c>
      <c r="GF22" s="103">
        <v>48110146</v>
      </c>
      <c r="GG22" s="296">
        <v>52382947</v>
      </c>
      <c r="GH22" s="105">
        <v>53586</v>
      </c>
      <c r="GI22" s="104">
        <v>196266</v>
      </c>
      <c r="GJ22" s="102">
        <v>249852</v>
      </c>
      <c r="GK22" s="101">
        <v>0</v>
      </c>
      <c r="GL22" s="104">
        <v>343965</v>
      </c>
      <c r="GM22" s="104">
        <v>784318</v>
      </c>
      <c r="GN22" s="104">
        <v>424678</v>
      </c>
      <c r="GO22" s="104">
        <v>470376</v>
      </c>
      <c r="GP22" s="104">
        <v>244345</v>
      </c>
      <c r="GQ22" s="103">
        <v>2267682</v>
      </c>
      <c r="GR22" s="106">
        <v>2517534</v>
      </c>
      <c r="GS22" s="100">
        <v>208800</v>
      </c>
      <c r="GT22" s="104">
        <v>1069511</v>
      </c>
      <c r="GU22" s="103">
        <v>1278311</v>
      </c>
      <c r="GV22" s="100">
        <v>0</v>
      </c>
      <c r="GW22" s="104">
        <v>1096292</v>
      </c>
      <c r="GX22" s="104">
        <v>700351</v>
      </c>
      <c r="GY22" s="104">
        <v>645797</v>
      </c>
      <c r="GZ22" s="104">
        <v>882182</v>
      </c>
      <c r="HA22" s="104">
        <v>0</v>
      </c>
      <c r="HB22" s="102">
        <v>3324622</v>
      </c>
      <c r="HC22" s="106">
        <v>4602933</v>
      </c>
      <c r="HD22" s="100">
        <v>1625699</v>
      </c>
      <c r="HE22" s="104">
        <v>2887989</v>
      </c>
      <c r="HF22" s="102">
        <v>4513688</v>
      </c>
      <c r="HG22" s="101">
        <v>0</v>
      </c>
      <c r="HH22" s="104">
        <v>17673949</v>
      </c>
      <c r="HI22" s="104">
        <v>23144394</v>
      </c>
      <c r="HJ22" s="104">
        <v>22184335</v>
      </c>
      <c r="HK22" s="104">
        <v>24023221</v>
      </c>
      <c r="HL22" s="104">
        <v>17252098</v>
      </c>
      <c r="HM22" s="103">
        <v>104277997</v>
      </c>
      <c r="HN22" s="99">
        <v>108791685</v>
      </c>
      <c r="HO22" s="105">
        <v>1290281</v>
      </c>
      <c r="HP22" s="104">
        <v>2924704</v>
      </c>
      <c r="HQ22" s="103">
        <v>4214985</v>
      </c>
      <c r="HR22" s="100">
        <v>0</v>
      </c>
      <c r="HS22" s="104">
        <v>13854589</v>
      </c>
      <c r="HT22" s="104">
        <v>22036423</v>
      </c>
      <c r="HU22" s="104">
        <v>15085376</v>
      </c>
      <c r="HV22" s="104">
        <v>10499449</v>
      </c>
      <c r="HW22" s="104">
        <v>5853015</v>
      </c>
      <c r="HX22" s="102">
        <v>67328852</v>
      </c>
      <c r="HY22" s="106">
        <v>71543837</v>
      </c>
      <c r="HZ22" s="137">
        <v>33530</v>
      </c>
      <c r="IA22" s="122">
        <v>471520</v>
      </c>
      <c r="IB22" s="137">
        <v>505050</v>
      </c>
      <c r="IC22" s="121">
        <v>0</v>
      </c>
      <c r="ID22" s="122">
        <v>25615270</v>
      </c>
      <c r="IE22" s="123">
        <v>46812333</v>
      </c>
      <c r="IF22" s="124">
        <v>54791428</v>
      </c>
      <c r="IG22" s="122">
        <v>48363991</v>
      </c>
      <c r="IH22" s="124">
        <v>33801698</v>
      </c>
      <c r="II22" s="125">
        <v>209384720</v>
      </c>
      <c r="IJ22" s="137">
        <v>209889770</v>
      </c>
      <c r="IK22" s="219">
        <v>0</v>
      </c>
      <c r="IL22" s="223">
        <v>0</v>
      </c>
      <c r="IM22" s="224">
        <v>0</v>
      </c>
      <c r="IN22" s="324"/>
      <c r="IO22" s="109">
        <v>168965</v>
      </c>
      <c r="IP22" s="109">
        <v>221187</v>
      </c>
      <c r="IQ22" s="109">
        <v>-531349</v>
      </c>
      <c r="IR22" s="109">
        <v>515879</v>
      </c>
      <c r="IS22" s="109">
        <v>239936</v>
      </c>
      <c r="IT22" s="128">
        <v>614618</v>
      </c>
      <c r="IU22" s="298">
        <v>614618</v>
      </c>
      <c r="IV22" s="129">
        <v>0</v>
      </c>
      <c r="IW22" s="109">
        <v>0</v>
      </c>
      <c r="IX22" s="110">
        <v>0</v>
      </c>
      <c r="IY22" s="324"/>
      <c r="IZ22" s="109">
        <v>0</v>
      </c>
      <c r="JA22" s="109">
        <v>0</v>
      </c>
      <c r="JB22" s="109">
        <v>0</v>
      </c>
      <c r="JC22" s="109">
        <v>0</v>
      </c>
      <c r="JD22" s="109">
        <v>0</v>
      </c>
      <c r="JE22" s="110">
        <v>0</v>
      </c>
      <c r="JF22" s="111">
        <v>0</v>
      </c>
      <c r="JG22" s="129">
        <v>0</v>
      </c>
      <c r="JH22" s="109">
        <v>0</v>
      </c>
      <c r="JI22" s="128">
        <v>0</v>
      </c>
      <c r="JJ22" s="108">
        <v>0</v>
      </c>
      <c r="JK22" s="109">
        <v>12846471</v>
      </c>
      <c r="JL22" s="109">
        <v>20315666</v>
      </c>
      <c r="JM22" s="109">
        <v>14588932</v>
      </c>
      <c r="JN22" s="109">
        <v>13738600</v>
      </c>
      <c r="JO22" s="109">
        <v>8382018</v>
      </c>
      <c r="JP22" s="110">
        <v>69871687</v>
      </c>
      <c r="JQ22" s="298">
        <v>69871687</v>
      </c>
      <c r="JR22" s="129">
        <v>33530</v>
      </c>
      <c r="JS22" s="109">
        <v>206258</v>
      </c>
      <c r="JT22" s="128">
        <v>239788</v>
      </c>
      <c r="JU22" s="108">
        <v>0</v>
      </c>
      <c r="JV22" s="109">
        <v>1665783</v>
      </c>
      <c r="JW22" s="109">
        <v>2377194</v>
      </c>
      <c r="JX22" s="109">
        <v>1660102</v>
      </c>
      <c r="JY22" s="109">
        <v>1890835</v>
      </c>
      <c r="JZ22" s="109">
        <v>724700</v>
      </c>
      <c r="KA22" s="110">
        <v>8318614</v>
      </c>
      <c r="KB22" s="298">
        <v>8558402</v>
      </c>
      <c r="KC22" s="221">
        <v>0</v>
      </c>
      <c r="KD22" s="217">
        <v>265262</v>
      </c>
      <c r="KE22" s="110">
        <v>265262</v>
      </c>
      <c r="KF22" s="108">
        <v>0</v>
      </c>
      <c r="KG22" s="109">
        <v>1882941</v>
      </c>
      <c r="KH22" s="109">
        <v>6143469</v>
      </c>
      <c r="KI22" s="109">
        <v>8959333</v>
      </c>
      <c r="KJ22" s="109">
        <v>5998507</v>
      </c>
      <c r="KK22" s="109">
        <v>4093671</v>
      </c>
      <c r="KL22" s="110">
        <v>27077921</v>
      </c>
      <c r="KM22" s="130">
        <v>27343183</v>
      </c>
      <c r="KN22" s="219">
        <v>0</v>
      </c>
      <c r="KO22" s="223">
        <v>0</v>
      </c>
      <c r="KP22" s="224">
        <v>0</v>
      </c>
      <c r="KQ22" s="127"/>
      <c r="KR22" s="109">
        <v>9051110</v>
      </c>
      <c r="KS22" s="109">
        <v>16756149</v>
      </c>
      <c r="KT22" s="109">
        <v>22422655</v>
      </c>
      <c r="KU22" s="109">
        <v>12853270</v>
      </c>
      <c r="KV22" s="109">
        <v>6141547</v>
      </c>
      <c r="KW22" s="110">
        <v>67224731</v>
      </c>
      <c r="KX22" s="298">
        <v>67224731</v>
      </c>
      <c r="KY22" s="129">
        <v>0</v>
      </c>
      <c r="KZ22" s="109">
        <v>0</v>
      </c>
      <c r="LA22" s="110">
        <v>0</v>
      </c>
      <c r="LB22" s="132"/>
      <c r="LC22" s="109">
        <v>0</v>
      </c>
      <c r="LD22" s="109">
        <v>0</v>
      </c>
      <c r="LE22" s="109">
        <v>0</v>
      </c>
      <c r="LF22" s="109">
        <v>0</v>
      </c>
      <c r="LG22" s="109">
        <v>0</v>
      </c>
      <c r="LH22" s="110">
        <v>0</v>
      </c>
      <c r="LI22" s="111">
        <v>0</v>
      </c>
      <c r="LJ22" s="129">
        <v>0</v>
      </c>
      <c r="LK22" s="109">
        <v>0</v>
      </c>
      <c r="LL22" s="110">
        <v>0</v>
      </c>
      <c r="LM22" s="132"/>
      <c r="LN22" s="109">
        <v>0</v>
      </c>
      <c r="LO22" s="109">
        <v>514404</v>
      </c>
      <c r="LP22" s="109">
        <v>7103380</v>
      </c>
      <c r="LQ22" s="109">
        <v>11936698</v>
      </c>
      <c r="LR22" s="109">
        <v>11371936</v>
      </c>
      <c r="LS22" s="110">
        <v>30926418</v>
      </c>
      <c r="LT22" s="298">
        <v>30926418</v>
      </c>
      <c r="LU22" s="129">
        <v>0</v>
      </c>
      <c r="LV22" s="109">
        <v>0</v>
      </c>
      <c r="LW22" s="110">
        <v>0</v>
      </c>
      <c r="LX22" s="132"/>
      <c r="LY22" s="109">
        <v>0</v>
      </c>
      <c r="LZ22" s="109">
        <v>484264</v>
      </c>
      <c r="MA22" s="109">
        <v>588375</v>
      </c>
      <c r="MB22" s="109">
        <v>1430202</v>
      </c>
      <c r="MC22" s="109">
        <v>2847890</v>
      </c>
      <c r="MD22" s="110">
        <v>5350731</v>
      </c>
      <c r="ME22" s="111">
        <v>5350731</v>
      </c>
      <c r="MF22" s="129">
        <v>0</v>
      </c>
      <c r="MG22" s="109">
        <v>0</v>
      </c>
      <c r="MH22" s="110">
        <v>0</v>
      </c>
      <c r="MI22" s="132"/>
      <c r="MJ22" s="109">
        <v>10518446</v>
      </c>
      <c r="MK22" s="109">
        <v>32732384</v>
      </c>
      <c r="ML22" s="109">
        <v>98055538</v>
      </c>
      <c r="MM22" s="109">
        <v>125862462</v>
      </c>
      <c r="MN22" s="109">
        <v>98115658</v>
      </c>
      <c r="MO22" s="110">
        <v>365284488</v>
      </c>
      <c r="MP22" s="130">
        <v>365284488</v>
      </c>
      <c r="MQ22" s="129">
        <v>0</v>
      </c>
      <c r="MR22" s="109">
        <v>0</v>
      </c>
      <c r="MS22" s="110">
        <v>0</v>
      </c>
      <c r="MT22" s="132"/>
      <c r="MU22" s="109">
        <v>666462</v>
      </c>
      <c r="MV22" s="109">
        <v>3291497</v>
      </c>
      <c r="MW22" s="109">
        <v>51818223</v>
      </c>
      <c r="MX22" s="109">
        <v>79798157</v>
      </c>
      <c r="MY22" s="109">
        <v>66927420</v>
      </c>
      <c r="MZ22" s="110">
        <v>202501759</v>
      </c>
      <c r="NA22" s="130">
        <v>202501759</v>
      </c>
      <c r="NB22" s="129">
        <v>0</v>
      </c>
      <c r="NC22" s="109">
        <v>0</v>
      </c>
      <c r="ND22" s="110">
        <v>0</v>
      </c>
      <c r="NE22" s="132"/>
      <c r="NF22" s="109">
        <v>9851984</v>
      </c>
      <c r="NG22" s="109">
        <v>29440887</v>
      </c>
      <c r="NH22" s="109">
        <v>45865745</v>
      </c>
      <c r="NI22" s="109">
        <v>44213640</v>
      </c>
      <c r="NJ22" s="109">
        <v>24649168</v>
      </c>
      <c r="NK22" s="110">
        <v>154021424</v>
      </c>
      <c r="NL22" s="298">
        <v>154021424</v>
      </c>
      <c r="NM22" s="129">
        <v>0</v>
      </c>
      <c r="NN22" s="109">
        <v>0</v>
      </c>
      <c r="NO22" s="110">
        <v>0</v>
      </c>
      <c r="NP22" s="132"/>
      <c r="NQ22" s="109">
        <v>0</v>
      </c>
      <c r="NR22" s="109">
        <v>0</v>
      </c>
      <c r="NS22" s="109">
        <v>0</v>
      </c>
      <c r="NT22" s="109">
        <v>710291</v>
      </c>
      <c r="NU22" s="109">
        <v>1366328</v>
      </c>
      <c r="NV22" s="110">
        <v>2076619</v>
      </c>
      <c r="NW22" s="111">
        <v>2076619</v>
      </c>
      <c r="NX22" s="129">
        <v>0</v>
      </c>
      <c r="NY22" s="109">
        <v>0</v>
      </c>
      <c r="NZ22" s="110">
        <v>0</v>
      </c>
      <c r="OA22" s="132"/>
      <c r="OB22" s="109">
        <v>0</v>
      </c>
      <c r="OC22" s="109">
        <v>0</v>
      </c>
      <c r="OD22" s="109">
        <v>371570</v>
      </c>
      <c r="OE22" s="109">
        <v>1140374</v>
      </c>
      <c r="OF22" s="109">
        <v>5172742</v>
      </c>
      <c r="OG22" s="110">
        <v>6684686</v>
      </c>
      <c r="OH22" s="111">
        <v>6684686</v>
      </c>
      <c r="OI22" s="129">
        <v>6635808</v>
      </c>
      <c r="OJ22" s="109">
        <v>18197173</v>
      </c>
      <c r="OK22" s="128">
        <v>24832981</v>
      </c>
      <c r="OL22" s="108">
        <v>0</v>
      </c>
      <c r="OM22" s="109">
        <v>119590447</v>
      </c>
      <c r="ON22" s="109">
        <v>252598146</v>
      </c>
      <c r="OO22" s="109">
        <v>304323992</v>
      </c>
      <c r="OP22" s="109">
        <v>313006596</v>
      </c>
      <c r="OQ22" s="109">
        <v>233322664</v>
      </c>
      <c r="OR22" s="110">
        <v>1222841845</v>
      </c>
      <c r="OS22" s="130">
        <v>1247674826</v>
      </c>
    </row>
    <row r="23" spans="2:409" ht="21" customHeight="1" x14ac:dyDescent="0.2">
      <c r="B23" s="472" t="s">
        <v>18</v>
      </c>
      <c r="C23" s="100">
        <v>9404218</v>
      </c>
      <c r="D23" s="104">
        <v>17493319</v>
      </c>
      <c r="E23" s="103">
        <v>26897537</v>
      </c>
      <c r="F23" s="99">
        <v>0</v>
      </c>
      <c r="G23" s="104">
        <v>147636585</v>
      </c>
      <c r="H23" s="104">
        <v>181776369</v>
      </c>
      <c r="I23" s="104">
        <v>165419481</v>
      </c>
      <c r="J23" s="104">
        <v>162781351</v>
      </c>
      <c r="K23" s="104">
        <v>109520504</v>
      </c>
      <c r="L23" s="99">
        <v>767134290</v>
      </c>
      <c r="M23" s="106">
        <v>794031827</v>
      </c>
      <c r="N23" s="100">
        <v>2409381</v>
      </c>
      <c r="O23" s="104">
        <v>4946978</v>
      </c>
      <c r="P23" s="103">
        <v>7356359</v>
      </c>
      <c r="Q23" s="100">
        <v>0</v>
      </c>
      <c r="R23" s="104">
        <v>40655258</v>
      </c>
      <c r="S23" s="104">
        <v>53762825</v>
      </c>
      <c r="T23" s="104">
        <v>50008088</v>
      </c>
      <c r="U23" s="104">
        <v>64945533</v>
      </c>
      <c r="V23" s="104">
        <v>58228550</v>
      </c>
      <c r="W23" s="103">
        <v>267600254</v>
      </c>
      <c r="X23" s="106">
        <v>274956613</v>
      </c>
      <c r="Y23" s="100">
        <v>0</v>
      </c>
      <c r="Z23" s="104">
        <v>0</v>
      </c>
      <c r="AA23" s="103">
        <v>0</v>
      </c>
      <c r="AB23" s="100">
        <v>0</v>
      </c>
      <c r="AC23" s="104">
        <v>18362586</v>
      </c>
      <c r="AD23" s="104">
        <v>26735538</v>
      </c>
      <c r="AE23" s="104">
        <v>28313704</v>
      </c>
      <c r="AF23" s="104">
        <v>41907380</v>
      </c>
      <c r="AG23" s="104">
        <v>36620943</v>
      </c>
      <c r="AH23" s="103">
        <v>151940151</v>
      </c>
      <c r="AI23" s="106">
        <v>151940151</v>
      </c>
      <c r="AJ23" s="100">
        <v>0</v>
      </c>
      <c r="AK23" s="104">
        <v>0</v>
      </c>
      <c r="AL23" s="103">
        <v>0</v>
      </c>
      <c r="AM23" s="100">
        <v>0</v>
      </c>
      <c r="AN23" s="104">
        <v>125887</v>
      </c>
      <c r="AO23" s="104">
        <v>409176</v>
      </c>
      <c r="AP23" s="104">
        <v>837410</v>
      </c>
      <c r="AQ23" s="104">
        <v>3576164</v>
      </c>
      <c r="AR23" s="104">
        <v>5790724</v>
      </c>
      <c r="AS23" s="103">
        <v>10739361</v>
      </c>
      <c r="AT23" s="106">
        <v>10739361</v>
      </c>
      <c r="AU23" s="100">
        <v>1338229</v>
      </c>
      <c r="AV23" s="104">
        <v>3534002</v>
      </c>
      <c r="AW23" s="103">
        <v>4872231</v>
      </c>
      <c r="AX23" s="100">
        <v>0</v>
      </c>
      <c r="AY23" s="104">
        <v>13671185</v>
      </c>
      <c r="AZ23" s="104">
        <v>15555140</v>
      </c>
      <c r="BA23" s="104">
        <v>10904289</v>
      </c>
      <c r="BB23" s="104">
        <v>10119654</v>
      </c>
      <c r="BC23" s="104">
        <v>9144242</v>
      </c>
      <c r="BD23" s="103">
        <v>59394510</v>
      </c>
      <c r="BE23" s="106">
        <v>64266741</v>
      </c>
      <c r="BF23" s="100">
        <v>303678</v>
      </c>
      <c r="BG23" s="104">
        <v>595332</v>
      </c>
      <c r="BH23" s="102">
        <v>899010</v>
      </c>
      <c r="BI23" s="101">
        <v>0</v>
      </c>
      <c r="BJ23" s="104">
        <v>1638266</v>
      </c>
      <c r="BK23" s="104">
        <v>2602198</v>
      </c>
      <c r="BL23" s="104">
        <v>1918548</v>
      </c>
      <c r="BM23" s="104">
        <v>1090074</v>
      </c>
      <c r="BN23" s="104">
        <v>532388</v>
      </c>
      <c r="BO23" s="103">
        <v>7781474</v>
      </c>
      <c r="BP23" s="106">
        <v>8680484</v>
      </c>
      <c r="BQ23" s="100">
        <v>767474</v>
      </c>
      <c r="BR23" s="104">
        <v>817644</v>
      </c>
      <c r="BS23" s="103">
        <v>1585118</v>
      </c>
      <c r="BT23" s="100">
        <v>0</v>
      </c>
      <c r="BU23" s="104">
        <v>6857334</v>
      </c>
      <c r="BV23" s="104">
        <v>8460773</v>
      </c>
      <c r="BW23" s="104">
        <v>8034137</v>
      </c>
      <c r="BX23" s="104">
        <v>8252261</v>
      </c>
      <c r="BY23" s="104">
        <v>6140253</v>
      </c>
      <c r="BZ23" s="103">
        <v>37744758</v>
      </c>
      <c r="CA23" s="106">
        <v>39329876</v>
      </c>
      <c r="CB23" s="100">
        <v>1704258</v>
      </c>
      <c r="CC23" s="104">
        <v>4549274</v>
      </c>
      <c r="CD23" s="103">
        <v>6253532</v>
      </c>
      <c r="CE23" s="100">
        <v>0</v>
      </c>
      <c r="CF23" s="104">
        <v>50414901</v>
      </c>
      <c r="CG23" s="104">
        <v>58840783</v>
      </c>
      <c r="CH23" s="104">
        <v>50993430</v>
      </c>
      <c r="CI23" s="104">
        <v>30721237</v>
      </c>
      <c r="CJ23" s="104">
        <v>13401534</v>
      </c>
      <c r="CK23" s="103">
        <v>204371885</v>
      </c>
      <c r="CL23" s="106">
        <v>210625417</v>
      </c>
      <c r="CM23" s="100">
        <v>0</v>
      </c>
      <c r="CN23" s="104">
        <v>0</v>
      </c>
      <c r="CO23" s="103">
        <v>0</v>
      </c>
      <c r="CP23" s="101">
        <v>0</v>
      </c>
      <c r="CQ23" s="104">
        <v>41248307</v>
      </c>
      <c r="CR23" s="104">
        <v>46622197</v>
      </c>
      <c r="CS23" s="104">
        <v>40608919</v>
      </c>
      <c r="CT23" s="104">
        <v>25204944</v>
      </c>
      <c r="CU23" s="104">
        <v>11273171</v>
      </c>
      <c r="CV23" s="103">
        <v>164957538</v>
      </c>
      <c r="CW23" s="106">
        <v>164957538</v>
      </c>
      <c r="CX23" s="100">
        <v>1704258</v>
      </c>
      <c r="CY23" s="104">
        <v>4549274</v>
      </c>
      <c r="CZ23" s="103">
        <v>6253532</v>
      </c>
      <c r="DA23" s="100">
        <v>0</v>
      </c>
      <c r="DB23" s="104">
        <v>9166594</v>
      </c>
      <c r="DC23" s="104">
        <v>12218586</v>
      </c>
      <c r="DD23" s="104">
        <v>10384511</v>
      </c>
      <c r="DE23" s="104">
        <v>5516293</v>
      </c>
      <c r="DF23" s="104">
        <v>2128363</v>
      </c>
      <c r="DG23" s="103">
        <v>39414347</v>
      </c>
      <c r="DH23" s="106">
        <v>45667879</v>
      </c>
      <c r="DI23" s="100">
        <v>82140</v>
      </c>
      <c r="DJ23" s="104">
        <v>261442</v>
      </c>
      <c r="DK23" s="102">
        <v>343582</v>
      </c>
      <c r="DL23" s="101">
        <v>0</v>
      </c>
      <c r="DM23" s="104">
        <v>3264187</v>
      </c>
      <c r="DN23" s="104">
        <v>8054591</v>
      </c>
      <c r="DO23" s="104">
        <v>14967212</v>
      </c>
      <c r="DP23" s="104">
        <v>18044671</v>
      </c>
      <c r="DQ23" s="104">
        <v>8239887</v>
      </c>
      <c r="DR23" s="103">
        <v>52570548</v>
      </c>
      <c r="DS23" s="106">
        <v>52914130</v>
      </c>
      <c r="DT23" s="100">
        <v>82140</v>
      </c>
      <c r="DU23" s="104">
        <v>261442</v>
      </c>
      <c r="DV23" s="103">
        <v>343582</v>
      </c>
      <c r="DW23" s="100">
        <v>0</v>
      </c>
      <c r="DX23" s="104">
        <v>3220114</v>
      </c>
      <c r="DY23" s="104">
        <v>7685936</v>
      </c>
      <c r="DZ23" s="104">
        <v>14838799</v>
      </c>
      <c r="EA23" s="104">
        <v>17569445</v>
      </c>
      <c r="EB23" s="104">
        <v>8146460</v>
      </c>
      <c r="EC23" s="103">
        <v>51460754</v>
      </c>
      <c r="ED23" s="106">
        <v>51804336</v>
      </c>
      <c r="EE23" s="100">
        <v>0</v>
      </c>
      <c r="EF23" s="102">
        <v>0</v>
      </c>
      <c r="EG23" s="103">
        <v>0</v>
      </c>
      <c r="EH23" s="100">
        <v>0</v>
      </c>
      <c r="EI23" s="104">
        <v>44073</v>
      </c>
      <c r="EJ23" s="104">
        <v>368655</v>
      </c>
      <c r="EK23" s="104">
        <v>128413</v>
      </c>
      <c r="EL23" s="104">
        <v>475226</v>
      </c>
      <c r="EM23" s="104">
        <v>93427</v>
      </c>
      <c r="EN23" s="102">
        <v>1109794</v>
      </c>
      <c r="EO23" s="106">
        <v>1109794</v>
      </c>
      <c r="EP23" s="100">
        <v>0</v>
      </c>
      <c r="EQ23" s="104">
        <v>0</v>
      </c>
      <c r="ER23" s="102">
        <v>0</v>
      </c>
      <c r="ES23" s="101">
        <v>0</v>
      </c>
      <c r="ET23" s="104">
        <v>0</v>
      </c>
      <c r="EU23" s="104">
        <v>0</v>
      </c>
      <c r="EV23" s="104">
        <v>0</v>
      </c>
      <c r="EW23" s="104">
        <v>0</v>
      </c>
      <c r="EX23" s="104">
        <v>0</v>
      </c>
      <c r="EY23" s="103">
        <v>0</v>
      </c>
      <c r="EZ23" s="106">
        <v>0</v>
      </c>
      <c r="FA23" s="100">
        <v>0</v>
      </c>
      <c r="FB23" s="104">
        <v>0</v>
      </c>
      <c r="FC23" s="102">
        <v>0</v>
      </c>
      <c r="FD23" s="324"/>
      <c r="FE23" s="104">
        <v>0</v>
      </c>
      <c r="FF23" s="104">
        <v>0</v>
      </c>
      <c r="FG23" s="104">
        <v>0</v>
      </c>
      <c r="FH23" s="104">
        <v>0</v>
      </c>
      <c r="FI23" s="104">
        <v>0</v>
      </c>
      <c r="FJ23" s="103">
        <v>0</v>
      </c>
      <c r="FK23" s="106">
        <v>0</v>
      </c>
      <c r="FL23" s="100">
        <v>1522641</v>
      </c>
      <c r="FM23" s="104">
        <v>3658298</v>
      </c>
      <c r="FN23" s="103">
        <v>5180939</v>
      </c>
      <c r="FO23" s="100">
        <v>0</v>
      </c>
      <c r="FP23" s="104">
        <v>6943252</v>
      </c>
      <c r="FQ23" s="104">
        <v>15010605</v>
      </c>
      <c r="FR23" s="104">
        <v>10746357</v>
      </c>
      <c r="FS23" s="104">
        <v>10921946</v>
      </c>
      <c r="FT23" s="104">
        <v>7699163</v>
      </c>
      <c r="FU23" s="103">
        <v>51321323</v>
      </c>
      <c r="FV23" s="106">
        <v>56502262</v>
      </c>
      <c r="FW23" s="105">
        <v>1161874</v>
      </c>
      <c r="FX23" s="104">
        <v>2994274</v>
      </c>
      <c r="FY23" s="102">
        <v>4156148</v>
      </c>
      <c r="FZ23" s="101">
        <v>0</v>
      </c>
      <c r="GA23" s="104">
        <v>6010989</v>
      </c>
      <c r="GB23" s="104">
        <v>14290120</v>
      </c>
      <c r="GC23" s="104">
        <v>10069769</v>
      </c>
      <c r="GD23" s="104">
        <v>10500433</v>
      </c>
      <c r="GE23" s="104">
        <v>7610963</v>
      </c>
      <c r="GF23" s="103">
        <v>48482274</v>
      </c>
      <c r="GG23" s="296">
        <v>52638422</v>
      </c>
      <c r="GH23" s="105">
        <v>69975</v>
      </c>
      <c r="GI23" s="104">
        <v>99774</v>
      </c>
      <c r="GJ23" s="102">
        <v>169749</v>
      </c>
      <c r="GK23" s="101">
        <v>0</v>
      </c>
      <c r="GL23" s="104">
        <v>222663</v>
      </c>
      <c r="GM23" s="104">
        <v>232170</v>
      </c>
      <c r="GN23" s="104">
        <v>164758</v>
      </c>
      <c r="GO23" s="104">
        <v>309513</v>
      </c>
      <c r="GP23" s="104">
        <v>88200</v>
      </c>
      <c r="GQ23" s="103">
        <v>1017304</v>
      </c>
      <c r="GR23" s="106">
        <v>1187053</v>
      </c>
      <c r="GS23" s="100">
        <v>290792</v>
      </c>
      <c r="GT23" s="104">
        <v>564250</v>
      </c>
      <c r="GU23" s="103">
        <v>855042</v>
      </c>
      <c r="GV23" s="100">
        <v>0</v>
      </c>
      <c r="GW23" s="104">
        <v>709600</v>
      </c>
      <c r="GX23" s="104">
        <v>488315</v>
      </c>
      <c r="GY23" s="104">
        <v>511830</v>
      </c>
      <c r="GZ23" s="104">
        <v>112000</v>
      </c>
      <c r="HA23" s="104">
        <v>0</v>
      </c>
      <c r="HB23" s="102">
        <v>1821745</v>
      </c>
      <c r="HC23" s="106">
        <v>2676787</v>
      </c>
      <c r="HD23" s="100">
        <v>2019108</v>
      </c>
      <c r="HE23" s="104">
        <v>908347</v>
      </c>
      <c r="HF23" s="102">
        <v>2927455</v>
      </c>
      <c r="HG23" s="101">
        <v>0</v>
      </c>
      <c r="HH23" s="104">
        <v>22085779</v>
      </c>
      <c r="HI23" s="104">
        <v>23675884</v>
      </c>
      <c r="HJ23" s="104">
        <v>22983193</v>
      </c>
      <c r="HK23" s="104">
        <v>26838525</v>
      </c>
      <c r="HL23" s="104">
        <v>15902845</v>
      </c>
      <c r="HM23" s="103">
        <v>111486226</v>
      </c>
      <c r="HN23" s="99">
        <v>114413681</v>
      </c>
      <c r="HO23" s="105">
        <v>1666690</v>
      </c>
      <c r="HP23" s="104">
        <v>3168980</v>
      </c>
      <c r="HQ23" s="103">
        <v>4835670</v>
      </c>
      <c r="HR23" s="100">
        <v>0</v>
      </c>
      <c r="HS23" s="104">
        <v>24273208</v>
      </c>
      <c r="HT23" s="104">
        <v>22431681</v>
      </c>
      <c r="HU23" s="104">
        <v>15721201</v>
      </c>
      <c r="HV23" s="104">
        <v>11309439</v>
      </c>
      <c r="HW23" s="104">
        <v>6048525</v>
      </c>
      <c r="HX23" s="102">
        <v>79784054</v>
      </c>
      <c r="HY23" s="106">
        <v>84619724</v>
      </c>
      <c r="HZ23" s="118">
        <v>198484</v>
      </c>
      <c r="IA23" s="119">
        <v>1708975</v>
      </c>
      <c r="IB23" s="120">
        <v>1907459</v>
      </c>
      <c r="IC23" s="133">
        <v>0</v>
      </c>
      <c r="ID23" s="119">
        <v>34059448</v>
      </c>
      <c r="IE23" s="134">
        <v>44887198</v>
      </c>
      <c r="IF23" s="120">
        <v>59277696</v>
      </c>
      <c r="IG23" s="119">
        <v>40875806</v>
      </c>
      <c r="IH23" s="120">
        <v>25342390</v>
      </c>
      <c r="II23" s="135">
        <v>204442538</v>
      </c>
      <c r="IJ23" s="126">
        <v>206349997</v>
      </c>
      <c r="IK23" s="219">
        <v>0</v>
      </c>
      <c r="IL23" s="223">
        <v>0</v>
      </c>
      <c r="IM23" s="224">
        <v>0</v>
      </c>
      <c r="IN23" s="324"/>
      <c r="IO23" s="109">
        <v>284947</v>
      </c>
      <c r="IP23" s="109">
        <v>738950</v>
      </c>
      <c r="IQ23" s="109">
        <v>182806</v>
      </c>
      <c r="IR23" s="109">
        <v>792919</v>
      </c>
      <c r="IS23" s="109">
        <v>265687</v>
      </c>
      <c r="IT23" s="128">
        <v>2265309</v>
      </c>
      <c r="IU23" s="298">
        <v>2265309</v>
      </c>
      <c r="IV23" s="129">
        <v>0</v>
      </c>
      <c r="IW23" s="109">
        <v>0</v>
      </c>
      <c r="IX23" s="110">
        <v>0</v>
      </c>
      <c r="IY23" s="324"/>
      <c r="IZ23" s="109">
        <v>0</v>
      </c>
      <c r="JA23" s="109">
        <v>0</v>
      </c>
      <c r="JB23" s="109">
        <v>0</v>
      </c>
      <c r="JC23" s="109">
        <v>44647</v>
      </c>
      <c r="JD23" s="109">
        <v>0</v>
      </c>
      <c r="JE23" s="110">
        <v>44647</v>
      </c>
      <c r="JF23" s="111">
        <v>44647</v>
      </c>
      <c r="JG23" s="129">
        <v>0</v>
      </c>
      <c r="JH23" s="109">
        <v>0</v>
      </c>
      <c r="JI23" s="128">
        <v>0</v>
      </c>
      <c r="JJ23" s="108">
        <v>0</v>
      </c>
      <c r="JK23" s="109">
        <v>13441870</v>
      </c>
      <c r="JL23" s="109">
        <v>10988200</v>
      </c>
      <c r="JM23" s="109">
        <v>8429726</v>
      </c>
      <c r="JN23" s="109">
        <v>4335842</v>
      </c>
      <c r="JO23" s="109">
        <v>2627670</v>
      </c>
      <c r="JP23" s="110">
        <v>39823308</v>
      </c>
      <c r="JQ23" s="298">
        <v>39823308</v>
      </c>
      <c r="JR23" s="129">
        <v>0</v>
      </c>
      <c r="JS23" s="109">
        <v>0</v>
      </c>
      <c r="JT23" s="128">
        <v>0</v>
      </c>
      <c r="JU23" s="108">
        <v>0</v>
      </c>
      <c r="JV23" s="109">
        <v>734061</v>
      </c>
      <c r="JW23" s="109">
        <v>999830</v>
      </c>
      <c r="JX23" s="109">
        <v>4439401</v>
      </c>
      <c r="JY23" s="109">
        <v>2927320</v>
      </c>
      <c r="JZ23" s="109">
        <v>1041868</v>
      </c>
      <c r="KA23" s="110">
        <v>10142480</v>
      </c>
      <c r="KB23" s="298">
        <v>10142480</v>
      </c>
      <c r="KC23" s="221">
        <v>198484</v>
      </c>
      <c r="KD23" s="217">
        <v>1200787</v>
      </c>
      <c r="KE23" s="110">
        <v>1399271</v>
      </c>
      <c r="KF23" s="108">
        <v>0</v>
      </c>
      <c r="KG23" s="109">
        <v>7113918</v>
      </c>
      <c r="KH23" s="109">
        <v>7397259</v>
      </c>
      <c r="KI23" s="109">
        <v>14178869</v>
      </c>
      <c r="KJ23" s="109">
        <v>4766961</v>
      </c>
      <c r="KK23" s="109">
        <v>2802791</v>
      </c>
      <c r="KL23" s="110">
        <v>36259798</v>
      </c>
      <c r="KM23" s="130">
        <v>37659069</v>
      </c>
      <c r="KN23" s="219">
        <v>0</v>
      </c>
      <c r="KO23" s="223">
        <v>508188</v>
      </c>
      <c r="KP23" s="224">
        <v>508188</v>
      </c>
      <c r="KQ23" s="127"/>
      <c r="KR23" s="109">
        <v>12259107</v>
      </c>
      <c r="KS23" s="109">
        <v>21510609</v>
      </c>
      <c r="KT23" s="109">
        <v>27730366</v>
      </c>
      <c r="KU23" s="109">
        <v>17736687</v>
      </c>
      <c r="KV23" s="109">
        <v>7719352</v>
      </c>
      <c r="KW23" s="110">
        <v>86956121</v>
      </c>
      <c r="KX23" s="298">
        <v>87464309</v>
      </c>
      <c r="KY23" s="129">
        <v>0</v>
      </c>
      <c r="KZ23" s="109">
        <v>0</v>
      </c>
      <c r="LA23" s="110">
        <v>0</v>
      </c>
      <c r="LB23" s="132"/>
      <c r="LC23" s="109">
        <v>0</v>
      </c>
      <c r="LD23" s="109">
        <v>0</v>
      </c>
      <c r="LE23" s="109">
        <v>0</v>
      </c>
      <c r="LF23" s="109">
        <v>0</v>
      </c>
      <c r="LG23" s="109">
        <v>0</v>
      </c>
      <c r="LH23" s="110">
        <v>0</v>
      </c>
      <c r="LI23" s="111">
        <v>0</v>
      </c>
      <c r="LJ23" s="129">
        <v>0</v>
      </c>
      <c r="LK23" s="109">
        <v>0</v>
      </c>
      <c r="LL23" s="110">
        <v>0</v>
      </c>
      <c r="LM23" s="132"/>
      <c r="LN23" s="109">
        <v>0</v>
      </c>
      <c r="LO23" s="109">
        <v>548272</v>
      </c>
      <c r="LP23" s="109">
        <v>1755419</v>
      </c>
      <c r="LQ23" s="109">
        <v>4378024</v>
      </c>
      <c r="LR23" s="109">
        <v>1298513</v>
      </c>
      <c r="LS23" s="110">
        <v>7980228</v>
      </c>
      <c r="LT23" s="298">
        <v>7980228</v>
      </c>
      <c r="LU23" s="129">
        <v>0</v>
      </c>
      <c r="LV23" s="109">
        <v>0</v>
      </c>
      <c r="LW23" s="110">
        <v>0</v>
      </c>
      <c r="LX23" s="132"/>
      <c r="LY23" s="109">
        <v>225545</v>
      </c>
      <c r="LZ23" s="109">
        <v>2704078</v>
      </c>
      <c r="MA23" s="109">
        <v>2561109</v>
      </c>
      <c r="MB23" s="109">
        <v>5893406</v>
      </c>
      <c r="MC23" s="109">
        <v>9586509</v>
      </c>
      <c r="MD23" s="110">
        <v>20970647</v>
      </c>
      <c r="ME23" s="111">
        <v>20970647</v>
      </c>
      <c r="MF23" s="129">
        <v>0</v>
      </c>
      <c r="MG23" s="109">
        <v>0</v>
      </c>
      <c r="MH23" s="110">
        <v>0</v>
      </c>
      <c r="MI23" s="132"/>
      <c r="MJ23" s="109">
        <v>7887385</v>
      </c>
      <c r="MK23" s="109">
        <v>24728326</v>
      </c>
      <c r="ML23" s="109">
        <v>84771110</v>
      </c>
      <c r="MM23" s="109">
        <v>161171925</v>
      </c>
      <c r="MN23" s="109">
        <v>109371180</v>
      </c>
      <c r="MO23" s="110">
        <v>387929926</v>
      </c>
      <c r="MP23" s="130">
        <v>387929926</v>
      </c>
      <c r="MQ23" s="129">
        <v>0</v>
      </c>
      <c r="MR23" s="109">
        <v>0</v>
      </c>
      <c r="MS23" s="110">
        <v>0</v>
      </c>
      <c r="MT23" s="132"/>
      <c r="MU23" s="109">
        <v>1182792</v>
      </c>
      <c r="MV23" s="109">
        <v>2581950</v>
      </c>
      <c r="MW23" s="109">
        <v>50401934</v>
      </c>
      <c r="MX23" s="109">
        <v>116271738</v>
      </c>
      <c r="MY23" s="109">
        <v>78074905</v>
      </c>
      <c r="MZ23" s="110">
        <v>248513319</v>
      </c>
      <c r="NA23" s="130">
        <v>248513319</v>
      </c>
      <c r="NB23" s="129">
        <v>0</v>
      </c>
      <c r="NC23" s="109">
        <v>0</v>
      </c>
      <c r="ND23" s="110">
        <v>0</v>
      </c>
      <c r="NE23" s="132"/>
      <c r="NF23" s="109">
        <v>6704593</v>
      </c>
      <c r="NG23" s="109">
        <v>22146376</v>
      </c>
      <c r="NH23" s="109">
        <v>34369176</v>
      </c>
      <c r="NI23" s="109">
        <v>38907646</v>
      </c>
      <c r="NJ23" s="109">
        <v>23497027</v>
      </c>
      <c r="NK23" s="110">
        <v>125624818</v>
      </c>
      <c r="NL23" s="298">
        <v>125624818</v>
      </c>
      <c r="NM23" s="129">
        <v>0</v>
      </c>
      <c r="NN23" s="109">
        <v>0</v>
      </c>
      <c r="NO23" s="110">
        <v>0</v>
      </c>
      <c r="NP23" s="132"/>
      <c r="NQ23" s="109">
        <v>0</v>
      </c>
      <c r="NR23" s="109">
        <v>0</v>
      </c>
      <c r="NS23" s="109">
        <v>0</v>
      </c>
      <c r="NT23" s="109">
        <v>385552</v>
      </c>
      <c r="NU23" s="109">
        <v>1064362</v>
      </c>
      <c r="NV23" s="110">
        <v>1449914</v>
      </c>
      <c r="NW23" s="111">
        <v>1449914</v>
      </c>
      <c r="NX23" s="129">
        <v>0</v>
      </c>
      <c r="NY23" s="109">
        <v>0</v>
      </c>
      <c r="NZ23" s="110">
        <v>0</v>
      </c>
      <c r="OA23" s="132"/>
      <c r="OB23" s="109">
        <v>0</v>
      </c>
      <c r="OC23" s="109">
        <v>0</v>
      </c>
      <c r="OD23" s="109">
        <v>0</v>
      </c>
      <c r="OE23" s="109">
        <v>5606989</v>
      </c>
      <c r="OF23" s="109">
        <v>6734886</v>
      </c>
      <c r="OG23" s="110">
        <v>12341875</v>
      </c>
      <c r="OH23" s="111">
        <v>12341875</v>
      </c>
      <c r="OI23" s="129">
        <v>9602702</v>
      </c>
      <c r="OJ23" s="109">
        <v>19202294</v>
      </c>
      <c r="OK23" s="128">
        <v>28804996</v>
      </c>
      <c r="OL23" s="108">
        <v>0</v>
      </c>
      <c r="OM23" s="109">
        <v>189583418</v>
      </c>
      <c r="ON23" s="109">
        <v>251391893</v>
      </c>
      <c r="OO23" s="109">
        <v>309468287</v>
      </c>
      <c r="OP23" s="109">
        <v>364829082</v>
      </c>
      <c r="OQ23" s="109">
        <v>244234074</v>
      </c>
      <c r="OR23" s="110">
        <v>1359506754</v>
      </c>
      <c r="OS23" s="130">
        <v>1388311750</v>
      </c>
    </row>
    <row r="24" spans="2:409" ht="21" customHeight="1" x14ac:dyDescent="0.2">
      <c r="B24" s="472" t="s">
        <v>19</v>
      </c>
      <c r="C24" s="100">
        <v>5276074</v>
      </c>
      <c r="D24" s="104">
        <v>10183120</v>
      </c>
      <c r="E24" s="103">
        <v>15459194</v>
      </c>
      <c r="F24" s="99">
        <v>0</v>
      </c>
      <c r="G24" s="104">
        <v>64639221</v>
      </c>
      <c r="H24" s="104">
        <v>73695965</v>
      </c>
      <c r="I24" s="104">
        <v>62869424</v>
      </c>
      <c r="J24" s="104">
        <v>49606982</v>
      </c>
      <c r="K24" s="104">
        <v>42004002</v>
      </c>
      <c r="L24" s="99">
        <v>292815594</v>
      </c>
      <c r="M24" s="106">
        <v>308274788</v>
      </c>
      <c r="N24" s="100">
        <v>1489318</v>
      </c>
      <c r="O24" s="104">
        <v>2140807</v>
      </c>
      <c r="P24" s="103">
        <v>3630125</v>
      </c>
      <c r="Q24" s="100">
        <v>0</v>
      </c>
      <c r="R24" s="104">
        <v>16841674</v>
      </c>
      <c r="S24" s="104">
        <v>17632477</v>
      </c>
      <c r="T24" s="104">
        <v>17475185</v>
      </c>
      <c r="U24" s="104">
        <v>18200775</v>
      </c>
      <c r="V24" s="104">
        <v>18665727</v>
      </c>
      <c r="W24" s="103">
        <v>88815838</v>
      </c>
      <c r="X24" s="106">
        <v>92445963</v>
      </c>
      <c r="Y24" s="100">
        <v>0</v>
      </c>
      <c r="Z24" s="104">
        <v>0</v>
      </c>
      <c r="AA24" s="103">
        <v>0</v>
      </c>
      <c r="AB24" s="100">
        <v>0</v>
      </c>
      <c r="AC24" s="104">
        <v>6337699</v>
      </c>
      <c r="AD24" s="104">
        <v>7781796</v>
      </c>
      <c r="AE24" s="104">
        <v>8524335</v>
      </c>
      <c r="AF24" s="104">
        <v>9702644</v>
      </c>
      <c r="AG24" s="104">
        <v>9007203</v>
      </c>
      <c r="AH24" s="103">
        <v>41353677</v>
      </c>
      <c r="AI24" s="106">
        <v>41353677</v>
      </c>
      <c r="AJ24" s="100">
        <v>0</v>
      </c>
      <c r="AK24" s="104">
        <v>0</v>
      </c>
      <c r="AL24" s="103">
        <v>0</v>
      </c>
      <c r="AM24" s="100">
        <v>0</v>
      </c>
      <c r="AN24" s="104">
        <v>351678</v>
      </c>
      <c r="AO24" s="104">
        <v>350909</v>
      </c>
      <c r="AP24" s="104">
        <v>589554</v>
      </c>
      <c r="AQ24" s="104">
        <v>1063708</v>
      </c>
      <c r="AR24" s="104">
        <v>1790193</v>
      </c>
      <c r="AS24" s="103">
        <v>4146042</v>
      </c>
      <c r="AT24" s="106">
        <v>4146042</v>
      </c>
      <c r="AU24" s="100">
        <v>982946</v>
      </c>
      <c r="AV24" s="104">
        <v>1632087</v>
      </c>
      <c r="AW24" s="103">
        <v>2615033</v>
      </c>
      <c r="AX24" s="100">
        <v>0</v>
      </c>
      <c r="AY24" s="104">
        <v>6893095</v>
      </c>
      <c r="AZ24" s="104">
        <v>5849117</v>
      </c>
      <c r="BA24" s="104">
        <v>4813995</v>
      </c>
      <c r="BB24" s="104">
        <v>4387841</v>
      </c>
      <c r="BC24" s="104">
        <v>5410705</v>
      </c>
      <c r="BD24" s="103">
        <v>27354753</v>
      </c>
      <c r="BE24" s="106">
        <v>29969786</v>
      </c>
      <c r="BF24" s="100">
        <v>54633</v>
      </c>
      <c r="BG24" s="104">
        <v>165538</v>
      </c>
      <c r="BH24" s="102">
        <v>220171</v>
      </c>
      <c r="BI24" s="101">
        <v>0</v>
      </c>
      <c r="BJ24" s="104">
        <v>777965</v>
      </c>
      <c r="BK24" s="104">
        <v>428223</v>
      </c>
      <c r="BL24" s="104">
        <v>335892</v>
      </c>
      <c r="BM24" s="104">
        <v>501787</v>
      </c>
      <c r="BN24" s="104">
        <v>127855</v>
      </c>
      <c r="BO24" s="103">
        <v>2171722</v>
      </c>
      <c r="BP24" s="106">
        <v>2391893</v>
      </c>
      <c r="BQ24" s="100">
        <v>451739</v>
      </c>
      <c r="BR24" s="104">
        <v>343182</v>
      </c>
      <c r="BS24" s="103">
        <v>794921</v>
      </c>
      <c r="BT24" s="100">
        <v>0</v>
      </c>
      <c r="BU24" s="104">
        <v>2481237</v>
      </c>
      <c r="BV24" s="104">
        <v>3222432</v>
      </c>
      <c r="BW24" s="104">
        <v>3211409</v>
      </c>
      <c r="BX24" s="104">
        <v>2544795</v>
      </c>
      <c r="BY24" s="104">
        <v>2329771</v>
      </c>
      <c r="BZ24" s="103">
        <v>13789644</v>
      </c>
      <c r="CA24" s="106">
        <v>14584565</v>
      </c>
      <c r="CB24" s="100">
        <v>804985</v>
      </c>
      <c r="CC24" s="104">
        <v>2905280</v>
      </c>
      <c r="CD24" s="103">
        <v>3710265</v>
      </c>
      <c r="CE24" s="100">
        <v>0</v>
      </c>
      <c r="CF24" s="104">
        <v>20476820</v>
      </c>
      <c r="CG24" s="104">
        <v>26503465</v>
      </c>
      <c r="CH24" s="104">
        <v>18601134</v>
      </c>
      <c r="CI24" s="104">
        <v>8692452</v>
      </c>
      <c r="CJ24" s="104">
        <v>6103354</v>
      </c>
      <c r="CK24" s="103">
        <v>80377225</v>
      </c>
      <c r="CL24" s="106">
        <v>84087490</v>
      </c>
      <c r="CM24" s="100">
        <v>0</v>
      </c>
      <c r="CN24" s="104">
        <v>0</v>
      </c>
      <c r="CO24" s="103">
        <v>0</v>
      </c>
      <c r="CP24" s="101">
        <v>0</v>
      </c>
      <c r="CQ24" s="104">
        <v>14780218</v>
      </c>
      <c r="CR24" s="104">
        <v>19349914</v>
      </c>
      <c r="CS24" s="104">
        <v>13370962</v>
      </c>
      <c r="CT24" s="104">
        <v>6506143</v>
      </c>
      <c r="CU24" s="104">
        <v>4814301</v>
      </c>
      <c r="CV24" s="103">
        <v>58821538</v>
      </c>
      <c r="CW24" s="106">
        <v>58821538</v>
      </c>
      <c r="CX24" s="100">
        <v>804985</v>
      </c>
      <c r="CY24" s="104">
        <v>2905280</v>
      </c>
      <c r="CZ24" s="103">
        <v>3710265</v>
      </c>
      <c r="DA24" s="100">
        <v>0</v>
      </c>
      <c r="DB24" s="104">
        <v>5696602</v>
      </c>
      <c r="DC24" s="104">
        <v>7153551</v>
      </c>
      <c r="DD24" s="104">
        <v>5230172</v>
      </c>
      <c r="DE24" s="104">
        <v>2186309</v>
      </c>
      <c r="DF24" s="104">
        <v>1289053</v>
      </c>
      <c r="DG24" s="103">
        <v>21555687</v>
      </c>
      <c r="DH24" s="106">
        <v>25265952</v>
      </c>
      <c r="DI24" s="100">
        <v>15404</v>
      </c>
      <c r="DJ24" s="104">
        <v>51677</v>
      </c>
      <c r="DK24" s="102">
        <v>67081</v>
      </c>
      <c r="DL24" s="101">
        <v>0</v>
      </c>
      <c r="DM24" s="104">
        <v>1756884</v>
      </c>
      <c r="DN24" s="104">
        <v>3756061</v>
      </c>
      <c r="DO24" s="104">
        <v>5077034</v>
      </c>
      <c r="DP24" s="104">
        <v>4804348</v>
      </c>
      <c r="DQ24" s="104">
        <v>2125773</v>
      </c>
      <c r="DR24" s="103">
        <v>17520100</v>
      </c>
      <c r="DS24" s="106">
        <v>17587181</v>
      </c>
      <c r="DT24" s="100">
        <v>15404</v>
      </c>
      <c r="DU24" s="104">
        <v>51677</v>
      </c>
      <c r="DV24" s="103">
        <v>67081</v>
      </c>
      <c r="DW24" s="100">
        <v>0</v>
      </c>
      <c r="DX24" s="104">
        <v>1258688</v>
      </c>
      <c r="DY24" s="104">
        <v>3255117</v>
      </c>
      <c r="DZ24" s="104">
        <v>4650885</v>
      </c>
      <c r="EA24" s="104">
        <v>3333584</v>
      </c>
      <c r="EB24" s="104">
        <v>1550823</v>
      </c>
      <c r="EC24" s="103">
        <v>14049097</v>
      </c>
      <c r="ED24" s="106">
        <v>14116178</v>
      </c>
      <c r="EE24" s="100">
        <v>0</v>
      </c>
      <c r="EF24" s="102">
        <v>0</v>
      </c>
      <c r="EG24" s="103">
        <v>0</v>
      </c>
      <c r="EH24" s="100">
        <v>0</v>
      </c>
      <c r="EI24" s="104">
        <v>498196</v>
      </c>
      <c r="EJ24" s="104">
        <v>500944</v>
      </c>
      <c r="EK24" s="104">
        <v>426149</v>
      </c>
      <c r="EL24" s="104">
        <v>1470764</v>
      </c>
      <c r="EM24" s="104">
        <v>574950</v>
      </c>
      <c r="EN24" s="102">
        <v>3471003</v>
      </c>
      <c r="EO24" s="106">
        <v>3471003</v>
      </c>
      <c r="EP24" s="100">
        <v>0</v>
      </c>
      <c r="EQ24" s="104">
        <v>0</v>
      </c>
      <c r="ER24" s="102">
        <v>0</v>
      </c>
      <c r="ES24" s="101">
        <v>0</v>
      </c>
      <c r="ET24" s="104">
        <v>0</v>
      </c>
      <c r="EU24" s="104">
        <v>0</v>
      </c>
      <c r="EV24" s="104">
        <v>0</v>
      </c>
      <c r="EW24" s="104">
        <v>0</v>
      </c>
      <c r="EX24" s="104">
        <v>0</v>
      </c>
      <c r="EY24" s="103">
        <v>0</v>
      </c>
      <c r="EZ24" s="106">
        <v>0</v>
      </c>
      <c r="FA24" s="100">
        <v>0</v>
      </c>
      <c r="FB24" s="104">
        <v>0</v>
      </c>
      <c r="FC24" s="102">
        <v>0</v>
      </c>
      <c r="FD24" s="324"/>
      <c r="FE24" s="104">
        <v>0</v>
      </c>
      <c r="FF24" s="104">
        <v>0</v>
      </c>
      <c r="FG24" s="104">
        <v>0</v>
      </c>
      <c r="FH24" s="104">
        <v>0</v>
      </c>
      <c r="FI24" s="104">
        <v>0</v>
      </c>
      <c r="FJ24" s="103">
        <v>0</v>
      </c>
      <c r="FK24" s="106">
        <v>0</v>
      </c>
      <c r="FL24" s="100">
        <v>1063625</v>
      </c>
      <c r="FM24" s="104">
        <v>1973752</v>
      </c>
      <c r="FN24" s="103">
        <v>3037377</v>
      </c>
      <c r="FO24" s="100">
        <v>0</v>
      </c>
      <c r="FP24" s="104">
        <v>4148958</v>
      </c>
      <c r="FQ24" s="104">
        <v>6744761</v>
      </c>
      <c r="FR24" s="104">
        <v>4806444</v>
      </c>
      <c r="FS24" s="104">
        <v>4594806</v>
      </c>
      <c r="FT24" s="104">
        <v>3299748</v>
      </c>
      <c r="FU24" s="103">
        <v>23594717</v>
      </c>
      <c r="FV24" s="106">
        <v>26632094</v>
      </c>
      <c r="FW24" s="105">
        <v>856472</v>
      </c>
      <c r="FX24" s="104">
        <v>1492424</v>
      </c>
      <c r="FY24" s="102">
        <v>2348896</v>
      </c>
      <c r="FZ24" s="101">
        <v>0</v>
      </c>
      <c r="GA24" s="104">
        <v>3359737</v>
      </c>
      <c r="GB24" s="104">
        <v>5986895</v>
      </c>
      <c r="GC24" s="104">
        <v>4585599</v>
      </c>
      <c r="GD24" s="104">
        <v>3855087</v>
      </c>
      <c r="GE24" s="104">
        <v>3299748</v>
      </c>
      <c r="GF24" s="103">
        <v>21087066</v>
      </c>
      <c r="GG24" s="296">
        <v>23435962</v>
      </c>
      <c r="GH24" s="105">
        <v>0</v>
      </c>
      <c r="GI24" s="104">
        <v>129220</v>
      </c>
      <c r="GJ24" s="102">
        <v>129220</v>
      </c>
      <c r="GK24" s="101">
        <v>0</v>
      </c>
      <c r="GL24" s="104">
        <v>160975</v>
      </c>
      <c r="GM24" s="104">
        <v>343260</v>
      </c>
      <c r="GN24" s="104">
        <v>40860</v>
      </c>
      <c r="GO24" s="104">
        <v>131373</v>
      </c>
      <c r="GP24" s="104">
        <v>0</v>
      </c>
      <c r="GQ24" s="103">
        <v>676468</v>
      </c>
      <c r="GR24" s="106">
        <v>805688</v>
      </c>
      <c r="GS24" s="100">
        <v>207153</v>
      </c>
      <c r="GT24" s="104">
        <v>352108</v>
      </c>
      <c r="GU24" s="103">
        <v>559261</v>
      </c>
      <c r="GV24" s="100">
        <v>0</v>
      </c>
      <c r="GW24" s="104">
        <v>628246</v>
      </c>
      <c r="GX24" s="104">
        <v>414606</v>
      </c>
      <c r="GY24" s="104">
        <v>179985</v>
      </c>
      <c r="GZ24" s="104">
        <v>608346</v>
      </c>
      <c r="HA24" s="104">
        <v>0</v>
      </c>
      <c r="HB24" s="102">
        <v>1831183</v>
      </c>
      <c r="HC24" s="106">
        <v>2390444</v>
      </c>
      <c r="HD24" s="100">
        <v>911243</v>
      </c>
      <c r="HE24" s="104">
        <v>1652698</v>
      </c>
      <c r="HF24" s="102">
        <v>2563941</v>
      </c>
      <c r="HG24" s="101">
        <v>0</v>
      </c>
      <c r="HH24" s="104">
        <v>10808338</v>
      </c>
      <c r="HI24" s="104">
        <v>10786278</v>
      </c>
      <c r="HJ24" s="104">
        <v>11370912</v>
      </c>
      <c r="HK24" s="104">
        <v>10004465</v>
      </c>
      <c r="HL24" s="104">
        <v>9522262</v>
      </c>
      <c r="HM24" s="103">
        <v>52492255</v>
      </c>
      <c r="HN24" s="99">
        <v>55056196</v>
      </c>
      <c r="HO24" s="105">
        <v>991499</v>
      </c>
      <c r="HP24" s="104">
        <v>1458906</v>
      </c>
      <c r="HQ24" s="103">
        <v>2450405</v>
      </c>
      <c r="HR24" s="100">
        <v>0</v>
      </c>
      <c r="HS24" s="104">
        <v>10606547</v>
      </c>
      <c r="HT24" s="104">
        <v>8272923</v>
      </c>
      <c r="HU24" s="104">
        <v>5538715</v>
      </c>
      <c r="HV24" s="104">
        <v>3310136</v>
      </c>
      <c r="HW24" s="104">
        <v>2287138</v>
      </c>
      <c r="HX24" s="102">
        <v>30015459</v>
      </c>
      <c r="HY24" s="106">
        <v>32465864</v>
      </c>
      <c r="HZ24" s="137">
        <v>0</v>
      </c>
      <c r="IA24" s="122">
        <v>282255</v>
      </c>
      <c r="IB24" s="137">
        <v>282255</v>
      </c>
      <c r="IC24" s="121">
        <v>0</v>
      </c>
      <c r="ID24" s="122">
        <v>14206864</v>
      </c>
      <c r="IE24" s="123">
        <v>24810088</v>
      </c>
      <c r="IF24" s="124">
        <v>26255728</v>
      </c>
      <c r="IG24" s="122">
        <v>14851563</v>
      </c>
      <c r="IH24" s="124">
        <v>14888290</v>
      </c>
      <c r="II24" s="125">
        <v>95012533</v>
      </c>
      <c r="IJ24" s="137">
        <v>95294788</v>
      </c>
      <c r="IK24" s="219">
        <v>0</v>
      </c>
      <c r="IL24" s="223">
        <v>0</v>
      </c>
      <c r="IM24" s="224">
        <v>0</v>
      </c>
      <c r="IN24" s="324"/>
      <c r="IO24" s="109">
        <v>879060</v>
      </c>
      <c r="IP24" s="109">
        <v>1151693</v>
      </c>
      <c r="IQ24" s="109">
        <v>1203137</v>
      </c>
      <c r="IR24" s="109">
        <v>621497</v>
      </c>
      <c r="IS24" s="109">
        <v>1662459</v>
      </c>
      <c r="IT24" s="128">
        <v>5517846</v>
      </c>
      <c r="IU24" s="298">
        <v>5517846</v>
      </c>
      <c r="IV24" s="129">
        <v>0</v>
      </c>
      <c r="IW24" s="109">
        <v>0</v>
      </c>
      <c r="IX24" s="110">
        <v>0</v>
      </c>
      <c r="IY24" s="324"/>
      <c r="IZ24" s="109">
        <v>11459</v>
      </c>
      <c r="JA24" s="109">
        <v>22918</v>
      </c>
      <c r="JB24" s="109">
        <v>45836</v>
      </c>
      <c r="JC24" s="109">
        <v>80790</v>
      </c>
      <c r="JD24" s="109">
        <v>41668</v>
      </c>
      <c r="JE24" s="110">
        <v>202671</v>
      </c>
      <c r="JF24" s="111">
        <v>202671</v>
      </c>
      <c r="JG24" s="129">
        <v>0</v>
      </c>
      <c r="JH24" s="109">
        <v>0</v>
      </c>
      <c r="JI24" s="128">
        <v>0</v>
      </c>
      <c r="JJ24" s="108">
        <v>0</v>
      </c>
      <c r="JK24" s="109">
        <v>5964419</v>
      </c>
      <c r="JL24" s="109">
        <v>7592573</v>
      </c>
      <c r="JM24" s="109">
        <v>5380765</v>
      </c>
      <c r="JN24" s="109">
        <v>2469618</v>
      </c>
      <c r="JO24" s="109">
        <v>1417859</v>
      </c>
      <c r="JP24" s="110">
        <v>22825234</v>
      </c>
      <c r="JQ24" s="298">
        <v>22825234</v>
      </c>
      <c r="JR24" s="129">
        <v>0</v>
      </c>
      <c r="JS24" s="109">
        <v>0</v>
      </c>
      <c r="JT24" s="128">
        <v>0</v>
      </c>
      <c r="JU24" s="108">
        <v>0</v>
      </c>
      <c r="JV24" s="109">
        <v>1100565</v>
      </c>
      <c r="JW24" s="109">
        <v>1873743</v>
      </c>
      <c r="JX24" s="109">
        <v>2938193</v>
      </c>
      <c r="JY24" s="109">
        <v>425259</v>
      </c>
      <c r="JZ24" s="109">
        <v>1062313</v>
      </c>
      <c r="KA24" s="110">
        <v>7400073</v>
      </c>
      <c r="KB24" s="298">
        <v>7400073</v>
      </c>
      <c r="KC24" s="221">
        <v>0</v>
      </c>
      <c r="KD24" s="217">
        <v>282255</v>
      </c>
      <c r="KE24" s="110">
        <v>282255</v>
      </c>
      <c r="KF24" s="108">
        <v>0</v>
      </c>
      <c r="KG24" s="109">
        <v>3043361</v>
      </c>
      <c r="KH24" s="109">
        <v>7209829</v>
      </c>
      <c r="KI24" s="109">
        <v>7392872</v>
      </c>
      <c r="KJ24" s="109">
        <v>3796116</v>
      </c>
      <c r="KK24" s="109">
        <v>2971315</v>
      </c>
      <c r="KL24" s="110">
        <v>24413493</v>
      </c>
      <c r="KM24" s="130">
        <v>24695748</v>
      </c>
      <c r="KN24" s="219">
        <v>0</v>
      </c>
      <c r="KO24" s="223">
        <v>0</v>
      </c>
      <c r="KP24" s="224">
        <v>0</v>
      </c>
      <c r="KQ24" s="127"/>
      <c r="KR24" s="109">
        <v>2979188</v>
      </c>
      <c r="KS24" s="109">
        <v>6467967</v>
      </c>
      <c r="KT24" s="109">
        <v>8596256</v>
      </c>
      <c r="KU24" s="109">
        <v>6716991</v>
      </c>
      <c r="KV24" s="109">
        <v>4106934</v>
      </c>
      <c r="KW24" s="110">
        <v>28867336</v>
      </c>
      <c r="KX24" s="298">
        <v>28867336</v>
      </c>
      <c r="KY24" s="129">
        <v>0</v>
      </c>
      <c r="KZ24" s="109">
        <v>0</v>
      </c>
      <c r="LA24" s="110">
        <v>0</v>
      </c>
      <c r="LB24" s="132"/>
      <c r="LC24" s="109">
        <v>0</v>
      </c>
      <c r="LD24" s="109">
        <v>0</v>
      </c>
      <c r="LE24" s="109">
        <v>0</v>
      </c>
      <c r="LF24" s="109">
        <v>0</v>
      </c>
      <c r="LG24" s="109">
        <v>0</v>
      </c>
      <c r="LH24" s="110">
        <v>0</v>
      </c>
      <c r="LI24" s="111">
        <v>0</v>
      </c>
      <c r="LJ24" s="129">
        <v>0</v>
      </c>
      <c r="LK24" s="109">
        <v>0</v>
      </c>
      <c r="LL24" s="110">
        <v>0</v>
      </c>
      <c r="LM24" s="132"/>
      <c r="LN24" s="109">
        <v>0</v>
      </c>
      <c r="LO24" s="109">
        <v>0</v>
      </c>
      <c r="LP24" s="109">
        <v>0</v>
      </c>
      <c r="LQ24" s="109">
        <v>0</v>
      </c>
      <c r="LR24" s="109">
        <v>0</v>
      </c>
      <c r="LS24" s="110">
        <v>0</v>
      </c>
      <c r="LT24" s="298">
        <v>0</v>
      </c>
      <c r="LU24" s="129">
        <v>0</v>
      </c>
      <c r="LV24" s="109">
        <v>0</v>
      </c>
      <c r="LW24" s="110">
        <v>0</v>
      </c>
      <c r="LX24" s="132"/>
      <c r="LY24" s="109">
        <v>228812</v>
      </c>
      <c r="LZ24" s="109">
        <v>491365</v>
      </c>
      <c r="MA24" s="109">
        <v>698669</v>
      </c>
      <c r="MB24" s="109">
        <v>741292</v>
      </c>
      <c r="MC24" s="109">
        <v>3625742</v>
      </c>
      <c r="MD24" s="110">
        <v>5785880</v>
      </c>
      <c r="ME24" s="111">
        <v>5785880</v>
      </c>
      <c r="MF24" s="129">
        <v>0</v>
      </c>
      <c r="MG24" s="109">
        <v>0</v>
      </c>
      <c r="MH24" s="110">
        <v>0</v>
      </c>
      <c r="MI24" s="132"/>
      <c r="MJ24" s="109">
        <v>5559851</v>
      </c>
      <c r="MK24" s="109">
        <v>13466765</v>
      </c>
      <c r="ML24" s="109">
        <v>51335282</v>
      </c>
      <c r="MM24" s="109">
        <v>55879411</v>
      </c>
      <c r="MN24" s="109">
        <v>42745097</v>
      </c>
      <c r="MO24" s="110">
        <v>168986406</v>
      </c>
      <c r="MP24" s="130">
        <v>168986406</v>
      </c>
      <c r="MQ24" s="129">
        <v>0</v>
      </c>
      <c r="MR24" s="109">
        <v>0</v>
      </c>
      <c r="MS24" s="110">
        <v>0</v>
      </c>
      <c r="MT24" s="132"/>
      <c r="MU24" s="109">
        <v>218546</v>
      </c>
      <c r="MV24" s="109">
        <v>1184894</v>
      </c>
      <c r="MW24" s="109">
        <v>30795317</v>
      </c>
      <c r="MX24" s="109">
        <v>34864155</v>
      </c>
      <c r="MY24" s="109">
        <v>33509936</v>
      </c>
      <c r="MZ24" s="110">
        <v>100572848</v>
      </c>
      <c r="NA24" s="130">
        <v>100572848</v>
      </c>
      <c r="NB24" s="129">
        <v>0</v>
      </c>
      <c r="NC24" s="109">
        <v>0</v>
      </c>
      <c r="ND24" s="110">
        <v>0</v>
      </c>
      <c r="NE24" s="132"/>
      <c r="NF24" s="109">
        <v>5341305</v>
      </c>
      <c r="NG24" s="109">
        <v>12131795</v>
      </c>
      <c r="NH24" s="109">
        <v>20539965</v>
      </c>
      <c r="NI24" s="109">
        <v>19443566</v>
      </c>
      <c r="NJ24" s="109">
        <v>6612339</v>
      </c>
      <c r="NK24" s="110">
        <v>64068970</v>
      </c>
      <c r="NL24" s="298">
        <v>64068970</v>
      </c>
      <c r="NM24" s="129">
        <v>0</v>
      </c>
      <c r="NN24" s="109">
        <v>0</v>
      </c>
      <c r="NO24" s="110">
        <v>0</v>
      </c>
      <c r="NP24" s="132"/>
      <c r="NQ24" s="109">
        <v>0</v>
      </c>
      <c r="NR24" s="109">
        <v>0</v>
      </c>
      <c r="NS24" s="109">
        <v>0</v>
      </c>
      <c r="NT24" s="109">
        <v>0</v>
      </c>
      <c r="NU24" s="109">
        <v>0</v>
      </c>
      <c r="NV24" s="110">
        <v>0</v>
      </c>
      <c r="NW24" s="111">
        <v>0</v>
      </c>
      <c r="NX24" s="129">
        <v>0</v>
      </c>
      <c r="NY24" s="109">
        <v>0</v>
      </c>
      <c r="NZ24" s="110">
        <v>0</v>
      </c>
      <c r="OA24" s="132"/>
      <c r="OB24" s="109">
        <v>0</v>
      </c>
      <c r="OC24" s="109">
        <v>150076</v>
      </c>
      <c r="OD24" s="109">
        <v>0</v>
      </c>
      <c r="OE24" s="109">
        <v>1571690</v>
      </c>
      <c r="OF24" s="109">
        <v>2622822</v>
      </c>
      <c r="OG24" s="110">
        <v>4344588</v>
      </c>
      <c r="OH24" s="111">
        <v>4344588</v>
      </c>
      <c r="OI24" s="129">
        <v>5276074</v>
      </c>
      <c r="OJ24" s="109">
        <v>10465375</v>
      </c>
      <c r="OK24" s="128">
        <v>15741449</v>
      </c>
      <c r="OL24" s="108">
        <v>0</v>
      </c>
      <c r="OM24" s="109">
        <v>84405936</v>
      </c>
      <c r="ON24" s="109">
        <v>111972818</v>
      </c>
      <c r="OO24" s="109">
        <v>140460434</v>
      </c>
      <c r="OP24" s="109">
        <v>120337956</v>
      </c>
      <c r="OQ24" s="109">
        <v>99637389</v>
      </c>
      <c r="OR24" s="110">
        <v>556814533</v>
      </c>
      <c r="OS24" s="130">
        <v>572555982</v>
      </c>
    </row>
    <row r="25" spans="2:409" ht="21" customHeight="1" x14ac:dyDescent="0.2">
      <c r="B25" s="472" t="s">
        <v>20</v>
      </c>
      <c r="C25" s="100">
        <v>5584295</v>
      </c>
      <c r="D25" s="104">
        <v>12743844</v>
      </c>
      <c r="E25" s="103">
        <v>18328139</v>
      </c>
      <c r="F25" s="100">
        <v>0</v>
      </c>
      <c r="G25" s="104">
        <v>86033379</v>
      </c>
      <c r="H25" s="104">
        <v>80192031</v>
      </c>
      <c r="I25" s="104">
        <v>81104043</v>
      </c>
      <c r="J25" s="104">
        <v>70996271</v>
      </c>
      <c r="K25" s="104">
        <v>46940945</v>
      </c>
      <c r="L25" s="160">
        <v>365266669</v>
      </c>
      <c r="M25" s="106">
        <v>383594808</v>
      </c>
      <c r="N25" s="100">
        <v>1746095</v>
      </c>
      <c r="O25" s="104">
        <v>4535595</v>
      </c>
      <c r="P25" s="103">
        <v>6281690</v>
      </c>
      <c r="Q25" s="100">
        <v>0</v>
      </c>
      <c r="R25" s="104">
        <v>25497627</v>
      </c>
      <c r="S25" s="104">
        <v>25210778</v>
      </c>
      <c r="T25" s="104">
        <v>26824986</v>
      </c>
      <c r="U25" s="104">
        <v>26479147</v>
      </c>
      <c r="V25" s="104">
        <v>23839355</v>
      </c>
      <c r="W25" s="103">
        <v>127851893</v>
      </c>
      <c r="X25" s="106">
        <v>134133583</v>
      </c>
      <c r="Y25" s="100">
        <v>0</v>
      </c>
      <c r="Z25" s="104">
        <v>0</v>
      </c>
      <c r="AA25" s="103">
        <v>0</v>
      </c>
      <c r="AB25" s="100">
        <v>0</v>
      </c>
      <c r="AC25" s="104">
        <v>10460013</v>
      </c>
      <c r="AD25" s="104">
        <v>10399595</v>
      </c>
      <c r="AE25" s="104">
        <v>14301810</v>
      </c>
      <c r="AF25" s="104">
        <v>15134264</v>
      </c>
      <c r="AG25" s="104">
        <v>14110092</v>
      </c>
      <c r="AH25" s="103">
        <v>64405774</v>
      </c>
      <c r="AI25" s="106">
        <v>64405774</v>
      </c>
      <c r="AJ25" s="100">
        <v>0</v>
      </c>
      <c r="AK25" s="104">
        <v>0</v>
      </c>
      <c r="AL25" s="103">
        <v>0</v>
      </c>
      <c r="AM25" s="100">
        <v>0</v>
      </c>
      <c r="AN25" s="104">
        <v>138645</v>
      </c>
      <c r="AO25" s="104">
        <v>488934</v>
      </c>
      <c r="AP25" s="104">
        <v>1009756</v>
      </c>
      <c r="AQ25" s="104">
        <v>1643440</v>
      </c>
      <c r="AR25" s="104">
        <v>3182379</v>
      </c>
      <c r="AS25" s="103">
        <v>6463154</v>
      </c>
      <c r="AT25" s="106">
        <v>6463154</v>
      </c>
      <c r="AU25" s="100">
        <v>996191</v>
      </c>
      <c r="AV25" s="104">
        <v>2943754</v>
      </c>
      <c r="AW25" s="103">
        <v>3939945</v>
      </c>
      <c r="AX25" s="100">
        <v>0</v>
      </c>
      <c r="AY25" s="104">
        <v>9534401</v>
      </c>
      <c r="AZ25" s="104">
        <v>8392080</v>
      </c>
      <c r="BA25" s="104">
        <v>5458954</v>
      </c>
      <c r="BB25" s="104">
        <v>4857748</v>
      </c>
      <c r="BC25" s="104">
        <v>3319338</v>
      </c>
      <c r="BD25" s="103">
        <v>31562521</v>
      </c>
      <c r="BE25" s="106">
        <v>35502466</v>
      </c>
      <c r="BF25" s="100">
        <v>383533</v>
      </c>
      <c r="BG25" s="104">
        <v>1171720</v>
      </c>
      <c r="BH25" s="102">
        <v>1555253</v>
      </c>
      <c r="BI25" s="101">
        <v>0</v>
      </c>
      <c r="BJ25" s="104">
        <v>1843204</v>
      </c>
      <c r="BK25" s="104">
        <v>2444898</v>
      </c>
      <c r="BL25" s="104">
        <v>1648109</v>
      </c>
      <c r="BM25" s="104">
        <v>1313187</v>
      </c>
      <c r="BN25" s="104">
        <v>515719</v>
      </c>
      <c r="BO25" s="103">
        <v>7765117</v>
      </c>
      <c r="BP25" s="106">
        <v>9320370</v>
      </c>
      <c r="BQ25" s="100">
        <v>366371</v>
      </c>
      <c r="BR25" s="104">
        <v>420121</v>
      </c>
      <c r="BS25" s="103">
        <v>786492</v>
      </c>
      <c r="BT25" s="100">
        <v>0</v>
      </c>
      <c r="BU25" s="104">
        <v>3521364</v>
      </c>
      <c r="BV25" s="104">
        <v>3485271</v>
      </c>
      <c r="BW25" s="104">
        <v>4406357</v>
      </c>
      <c r="BX25" s="104">
        <v>3530508</v>
      </c>
      <c r="BY25" s="104">
        <v>2711827</v>
      </c>
      <c r="BZ25" s="103">
        <v>17655327</v>
      </c>
      <c r="CA25" s="106">
        <v>18441819</v>
      </c>
      <c r="CB25" s="100">
        <v>434723</v>
      </c>
      <c r="CC25" s="104">
        <v>1412053</v>
      </c>
      <c r="CD25" s="103">
        <v>1846776</v>
      </c>
      <c r="CE25" s="100">
        <v>0</v>
      </c>
      <c r="CF25" s="104">
        <v>24993721</v>
      </c>
      <c r="CG25" s="104">
        <v>26058180</v>
      </c>
      <c r="CH25" s="104">
        <v>18840013</v>
      </c>
      <c r="CI25" s="104">
        <v>11828962</v>
      </c>
      <c r="CJ25" s="104">
        <v>5279941</v>
      </c>
      <c r="CK25" s="103">
        <v>87000817</v>
      </c>
      <c r="CL25" s="106">
        <v>88847593</v>
      </c>
      <c r="CM25" s="100">
        <v>0</v>
      </c>
      <c r="CN25" s="104">
        <v>0</v>
      </c>
      <c r="CO25" s="103">
        <v>0</v>
      </c>
      <c r="CP25" s="101">
        <v>0</v>
      </c>
      <c r="CQ25" s="104">
        <v>18329613</v>
      </c>
      <c r="CR25" s="104">
        <v>19774714</v>
      </c>
      <c r="CS25" s="104">
        <v>15306550</v>
      </c>
      <c r="CT25" s="104">
        <v>8724537</v>
      </c>
      <c r="CU25" s="104">
        <v>4082705</v>
      </c>
      <c r="CV25" s="103">
        <v>66218119</v>
      </c>
      <c r="CW25" s="106">
        <v>66218119</v>
      </c>
      <c r="CX25" s="100">
        <v>434723</v>
      </c>
      <c r="CY25" s="104">
        <v>1412053</v>
      </c>
      <c r="CZ25" s="103">
        <v>1846776</v>
      </c>
      <c r="DA25" s="100">
        <v>0</v>
      </c>
      <c r="DB25" s="104">
        <v>6664108</v>
      </c>
      <c r="DC25" s="104">
        <v>6283466</v>
      </c>
      <c r="DD25" s="104">
        <v>3533463</v>
      </c>
      <c r="DE25" s="104">
        <v>3104425</v>
      </c>
      <c r="DF25" s="104">
        <v>1197236</v>
      </c>
      <c r="DG25" s="103">
        <v>20782698</v>
      </c>
      <c r="DH25" s="106">
        <v>22629474</v>
      </c>
      <c r="DI25" s="100">
        <v>61333</v>
      </c>
      <c r="DJ25" s="104">
        <v>196107</v>
      </c>
      <c r="DK25" s="102">
        <v>257440</v>
      </c>
      <c r="DL25" s="101">
        <v>0</v>
      </c>
      <c r="DM25" s="104">
        <v>3213731</v>
      </c>
      <c r="DN25" s="104">
        <v>3376560</v>
      </c>
      <c r="DO25" s="104">
        <v>9163779</v>
      </c>
      <c r="DP25" s="104">
        <v>9021070</v>
      </c>
      <c r="DQ25" s="104">
        <v>3606776</v>
      </c>
      <c r="DR25" s="103">
        <v>28381916</v>
      </c>
      <c r="DS25" s="106">
        <v>28639356</v>
      </c>
      <c r="DT25" s="100">
        <v>61333</v>
      </c>
      <c r="DU25" s="104">
        <v>196107</v>
      </c>
      <c r="DV25" s="103">
        <v>257440</v>
      </c>
      <c r="DW25" s="100">
        <v>0</v>
      </c>
      <c r="DX25" s="104">
        <v>2982297</v>
      </c>
      <c r="DY25" s="104">
        <v>3004231</v>
      </c>
      <c r="DZ25" s="104">
        <v>8819703</v>
      </c>
      <c r="EA25" s="104">
        <v>8362206</v>
      </c>
      <c r="EB25" s="104">
        <v>3310967</v>
      </c>
      <c r="EC25" s="103">
        <v>26479404</v>
      </c>
      <c r="ED25" s="106">
        <v>26736844</v>
      </c>
      <c r="EE25" s="100">
        <v>0</v>
      </c>
      <c r="EF25" s="102">
        <v>0</v>
      </c>
      <c r="EG25" s="103">
        <v>0</v>
      </c>
      <c r="EH25" s="100">
        <v>0</v>
      </c>
      <c r="EI25" s="104">
        <v>231434</v>
      </c>
      <c r="EJ25" s="104">
        <v>372329</v>
      </c>
      <c r="EK25" s="104">
        <v>344076</v>
      </c>
      <c r="EL25" s="104">
        <v>658864</v>
      </c>
      <c r="EM25" s="104">
        <v>295809</v>
      </c>
      <c r="EN25" s="102">
        <v>1902512</v>
      </c>
      <c r="EO25" s="106">
        <v>1902512</v>
      </c>
      <c r="EP25" s="100">
        <v>0</v>
      </c>
      <c r="EQ25" s="104">
        <v>0</v>
      </c>
      <c r="ER25" s="102">
        <v>0</v>
      </c>
      <c r="ES25" s="101">
        <v>0</v>
      </c>
      <c r="ET25" s="104">
        <v>0</v>
      </c>
      <c r="EU25" s="104">
        <v>0</v>
      </c>
      <c r="EV25" s="104">
        <v>0</v>
      </c>
      <c r="EW25" s="104">
        <v>0</v>
      </c>
      <c r="EX25" s="104">
        <v>0</v>
      </c>
      <c r="EY25" s="103">
        <v>0</v>
      </c>
      <c r="EZ25" s="106">
        <v>0</v>
      </c>
      <c r="FA25" s="100">
        <v>0</v>
      </c>
      <c r="FB25" s="104">
        <v>0</v>
      </c>
      <c r="FC25" s="102">
        <v>0</v>
      </c>
      <c r="FD25" s="324"/>
      <c r="FE25" s="104">
        <v>0</v>
      </c>
      <c r="FF25" s="104">
        <v>0</v>
      </c>
      <c r="FG25" s="104">
        <v>0</v>
      </c>
      <c r="FH25" s="104">
        <v>0</v>
      </c>
      <c r="FI25" s="104">
        <v>0</v>
      </c>
      <c r="FJ25" s="103">
        <v>0</v>
      </c>
      <c r="FK25" s="106">
        <v>0</v>
      </c>
      <c r="FL25" s="100">
        <v>1507793</v>
      </c>
      <c r="FM25" s="104">
        <v>3264930</v>
      </c>
      <c r="FN25" s="103">
        <v>4772723</v>
      </c>
      <c r="FO25" s="100">
        <v>0</v>
      </c>
      <c r="FP25" s="104">
        <v>5617919</v>
      </c>
      <c r="FQ25" s="104">
        <v>7130621</v>
      </c>
      <c r="FR25" s="104">
        <v>5648228</v>
      </c>
      <c r="FS25" s="104">
        <v>5480316</v>
      </c>
      <c r="FT25" s="104">
        <v>3527137</v>
      </c>
      <c r="FU25" s="103">
        <v>27404221</v>
      </c>
      <c r="FV25" s="106">
        <v>32176944</v>
      </c>
      <c r="FW25" s="105">
        <v>778127</v>
      </c>
      <c r="FX25" s="104">
        <v>2321880</v>
      </c>
      <c r="FY25" s="102">
        <v>3100007</v>
      </c>
      <c r="FZ25" s="101">
        <v>0</v>
      </c>
      <c r="GA25" s="104">
        <v>4717580</v>
      </c>
      <c r="GB25" s="104">
        <v>6828350</v>
      </c>
      <c r="GC25" s="104">
        <v>5550033</v>
      </c>
      <c r="GD25" s="104">
        <v>5302367</v>
      </c>
      <c r="GE25" s="104">
        <v>3381588</v>
      </c>
      <c r="GF25" s="103">
        <v>25779918</v>
      </c>
      <c r="GG25" s="296">
        <v>28879925</v>
      </c>
      <c r="GH25" s="105">
        <v>49536</v>
      </c>
      <c r="GI25" s="104">
        <v>124210</v>
      </c>
      <c r="GJ25" s="102">
        <v>173746</v>
      </c>
      <c r="GK25" s="101">
        <v>0</v>
      </c>
      <c r="GL25" s="104">
        <v>237239</v>
      </c>
      <c r="GM25" s="104">
        <v>177225</v>
      </c>
      <c r="GN25" s="104">
        <v>48285</v>
      </c>
      <c r="GO25" s="104">
        <v>116929</v>
      </c>
      <c r="GP25" s="104">
        <v>145549</v>
      </c>
      <c r="GQ25" s="103">
        <v>725227</v>
      </c>
      <c r="GR25" s="106">
        <v>898973</v>
      </c>
      <c r="GS25" s="100">
        <v>680130</v>
      </c>
      <c r="GT25" s="104">
        <v>818840</v>
      </c>
      <c r="GU25" s="103">
        <v>1498970</v>
      </c>
      <c r="GV25" s="100">
        <v>0</v>
      </c>
      <c r="GW25" s="104">
        <v>663100</v>
      </c>
      <c r="GX25" s="104">
        <v>125046</v>
      </c>
      <c r="GY25" s="104">
        <v>49910</v>
      </c>
      <c r="GZ25" s="104">
        <v>61020</v>
      </c>
      <c r="HA25" s="104">
        <v>0</v>
      </c>
      <c r="HB25" s="102">
        <v>899076</v>
      </c>
      <c r="HC25" s="106">
        <v>2398046</v>
      </c>
      <c r="HD25" s="100">
        <v>793771</v>
      </c>
      <c r="HE25" s="104">
        <v>1208994</v>
      </c>
      <c r="HF25" s="102">
        <v>2002765</v>
      </c>
      <c r="HG25" s="101">
        <v>0</v>
      </c>
      <c r="HH25" s="104">
        <v>13178089</v>
      </c>
      <c r="HI25" s="104">
        <v>9510896</v>
      </c>
      <c r="HJ25" s="104">
        <v>13768878</v>
      </c>
      <c r="HK25" s="104">
        <v>13338798</v>
      </c>
      <c r="HL25" s="104">
        <v>8249342</v>
      </c>
      <c r="HM25" s="103">
        <v>58046003</v>
      </c>
      <c r="HN25" s="99">
        <v>60048768</v>
      </c>
      <c r="HO25" s="105">
        <v>1040580</v>
      </c>
      <c r="HP25" s="104">
        <v>2126165</v>
      </c>
      <c r="HQ25" s="103">
        <v>3166745</v>
      </c>
      <c r="HR25" s="100">
        <v>0</v>
      </c>
      <c r="HS25" s="104">
        <v>13532292</v>
      </c>
      <c r="HT25" s="104">
        <v>8904996</v>
      </c>
      <c r="HU25" s="104">
        <v>6858159</v>
      </c>
      <c r="HV25" s="104">
        <v>4847978</v>
      </c>
      <c r="HW25" s="104">
        <v>2438394</v>
      </c>
      <c r="HX25" s="102">
        <v>36581819</v>
      </c>
      <c r="HY25" s="106">
        <v>39748564</v>
      </c>
      <c r="HZ25" s="118">
        <v>0</v>
      </c>
      <c r="IA25" s="119">
        <v>130270</v>
      </c>
      <c r="IB25" s="120">
        <v>130270</v>
      </c>
      <c r="IC25" s="133">
        <v>0</v>
      </c>
      <c r="ID25" s="119">
        <v>12469529</v>
      </c>
      <c r="IE25" s="134">
        <v>14962305</v>
      </c>
      <c r="IF25" s="120">
        <v>20730522</v>
      </c>
      <c r="IG25" s="119">
        <v>8148612</v>
      </c>
      <c r="IH25" s="120">
        <v>7168126</v>
      </c>
      <c r="II25" s="135">
        <v>63479094</v>
      </c>
      <c r="IJ25" s="126">
        <v>63609364</v>
      </c>
      <c r="IK25" s="219">
        <v>0</v>
      </c>
      <c r="IL25" s="223">
        <v>0</v>
      </c>
      <c r="IM25" s="224">
        <v>0</v>
      </c>
      <c r="IN25" s="324"/>
      <c r="IO25" s="109">
        <v>90882</v>
      </c>
      <c r="IP25" s="109">
        <v>84598</v>
      </c>
      <c r="IQ25" s="109">
        <v>0</v>
      </c>
      <c r="IR25" s="109">
        <v>0</v>
      </c>
      <c r="IS25" s="109">
        <v>261743</v>
      </c>
      <c r="IT25" s="128">
        <v>437223</v>
      </c>
      <c r="IU25" s="298">
        <v>437223</v>
      </c>
      <c r="IV25" s="129">
        <v>0</v>
      </c>
      <c r="IW25" s="109">
        <v>0</v>
      </c>
      <c r="IX25" s="110">
        <v>0</v>
      </c>
      <c r="IY25" s="324"/>
      <c r="IZ25" s="109">
        <v>0</v>
      </c>
      <c r="JA25" s="109">
        <v>0</v>
      </c>
      <c r="JB25" s="109">
        <v>0</v>
      </c>
      <c r="JC25" s="109">
        <v>0</v>
      </c>
      <c r="JD25" s="109">
        <v>0</v>
      </c>
      <c r="JE25" s="110">
        <v>0</v>
      </c>
      <c r="JF25" s="111">
        <v>0</v>
      </c>
      <c r="JG25" s="129">
        <v>0</v>
      </c>
      <c r="JH25" s="109">
        <v>0</v>
      </c>
      <c r="JI25" s="128">
        <v>0</v>
      </c>
      <c r="JJ25" s="108">
        <v>0</v>
      </c>
      <c r="JK25" s="109">
        <v>7099350</v>
      </c>
      <c r="JL25" s="109">
        <v>5132994</v>
      </c>
      <c r="JM25" s="109">
        <v>5214167</v>
      </c>
      <c r="JN25" s="109">
        <v>2250936</v>
      </c>
      <c r="JO25" s="109">
        <v>532029</v>
      </c>
      <c r="JP25" s="110">
        <v>20229476</v>
      </c>
      <c r="JQ25" s="298">
        <v>20229476</v>
      </c>
      <c r="JR25" s="129">
        <v>0</v>
      </c>
      <c r="JS25" s="109">
        <v>0</v>
      </c>
      <c r="JT25" s="128">
        <v>0</v>
      </c>
      <c r="JU25" s="108">
        <v>0</v>
      </c>
      <c r="JV25" s="109">
        <v>249471</v>
      </c>
      <c r="JW25" s="109">
        <v>52343</v>
      </c>
      <c r="JX25" s="109">
        <v>376013</v>
      </c>
      <c r="JY25" s="109">
        <v>364618</v>
      </c>
      <c r="JZ25" s="109">
        <v>396019</v>
      </c>
      <c r="KA25" s="110">
        <v>1438464</v>
      </c>
      <c r="KB25" s="298">
        <v>1438464</v>
      </c>
      <c r="KC25" s="221">
        <v>0</v>
      </c>
      <c r="KD25" s="217">
        <v>130270</v>
      </c>
      <c r="KE25" s="110">
        <v>130270</v>
      </c>
      <c r="KF25" s="108">
        <v>0</v>
      </c>
      <c r="KG25" s="109">
        <v>2417144</v>
      </c>
      <c r="KH25" s="109">
        <v>1872794</v>
      </c>
      <c r="KI25" s="109">
        <v>2027563</v>
      </c>
      <c r="KJ25" s="109">
        <v>685632</v>
      </c>
      <c r="KK25" s="109">
        <v>310739</v>
      </c>
      <c r="KL25" s="110">
        <v>7313872</v>
      </c>
      <c r="KM25" s="130">
        <v>7444142</v>
      </c>
      <c r="KN25" s="219">
        <v>0</v>
      </c>
      <c r="KO25" s="223">
        <v>0</v>
      </c>
      <c r="KP25" s="224">
        <v>0</v>
      </c>
      <c r="KQ25" s="127"/>
      <c r="KR25" s="109">
        <v>2612682</v>
      </c>
      <c r="KS25" s="109">
        <v>7819576</v>
      </c>
      <c r="KT25" s="109">
        <v>13112779</v>
      </c>
      <c r="KU25" s="109">
        <v>4847426</v>
      </c>
      <c r="KV25" s="109">
        <v>5667596</v>
      </c>
      <c r="KW25" s="110">
        <v>34060059</v>
      </c>
      <c r="KX25" s="298">
        <v>34060059</v>
      </c>
      <c r="KY25" s="129">
        <v>0</v>
      </c>
      <c r="KZ25" s="109">
        <v>0</v>
      </c>
      <c r="LA25" s="110">
        <v>0</v>
      </c>
      <c r="LB25" s="132"/>
      <c r="LC25" s="109">
        <v>0</v>
      </c>
      <c r="LD25" s="109">
        <v>0</v>
      </c>
      <c r="LE25" s="109">
        <v>0</v>
      </c>
      <c r="LF25" s="109">
        <v>0</v>
      </c>
      <c r="LG25" s="109">
        <v>0</v>
      </c>
      <c r="LH25" s="110">
        <v>0</v>
      </c>
      <c r="LI25" s="111">
        <v>0</v>
      </c>
      <c r="LJ25" s="129">
        <v>0</v>
      </c>
      <c r="LK25" s="109">
        <v>0</v>
      </c>
      <c r="LL25" s="110">
        <v>0</v>
      </c>
      <c r="LM25" s="132"/>
      <c r="LN25" s="109">
        <v>0</v>
      </c>
      <c r="LO25" s="109">
        <v>0</v>
      </c>
      <c r="LP25" s="109">
        <v>0</v>
      </c>
      <c r="LQ25" s="109">
        <v>0</v>
      </c>
      <c r="LR25" s="109">
        <v>0</v>
      </c>
      <c r="LS25" s="110">
        <v>0</v>
      </c>
      <c r="LT25" s="298">
        <v>0</v>
      </c>
      <c r="LU25" s="129">
        <v>0</v>
      </c>
      <c r="LV25" s="109">
        <v>0</v>
      </c>
      <c r="LW25" s="110">
        <v>0</v>
      </c>
      <c r="LX25" s="132"/>
      <c r="LY25" s="109">
        <v>0</v>
      </c>
      <c r="LZ25" s="109">
        <v>0</v>
      </c>
      <c r="MA25" s="109">
        <v>0</v>
      </c>
      <c r="MB25" s="109">
        <v>0</v>
      </c>
      <c r="MC25" s="109">
        <v>0</v>
      </c>
      <c r="MD25" s="110">
        <v>0</v>
      </c>
      <c r="ME25" s="111">
        <v>0</v>
      </c>
      <c r="MF25" s="129">
        <v>0</v>
      </c>
      <c r="MG25" s="109">
        <v>0</v>
      </c>
      <c r="MH25" s="110">
        <v>0</v>
      </c>
      <c r="MI25" s="132"/>
      <c r="MJ25" s="109">
        <v>6154448</v>
      </c>
      <c r="MK25" s="109">
        <v>17160630</v>
      </c>
      <c r="ML25" s="109">
        <v>50241703</v>
      </c>
      <c r="MM25" s="109">
        <v>79133926</v>
      </c>
      <c r="MN25" s="109">
        <v>41010005</v>
      </c>
      <c r="MO25" s="110">
        <v>193700712</v>
      </c>
      <c r="MP25" s="130">
        <v>193700712</v>
      </c>
      <c r="MQ25" s="129">
        <v>0</v>
      </c>
      <c r="MR25" s="109">
        <v>0</v>
      </c>
      <c r="MS25" s="110">
        <v>0</v>
      </c>
      <c r="MT25" s="132"/>
      <c r="MU25" s="109">
        <v>921555</v>
      </c>
      <c r="MV25" s="109">
        <v>6897981</v>
      </c>
      <c r="MW25" s="109">
        <v>37717879</v>
      </c>
      <c r="MX25" s="109">
        <v>61847747</v>
      </c>
      <c r="MY25" s="109">
        <v>31709597</v>
      </c>
      <c r="MZ25" s="110">
        <v>139094759</v>
      </c>
      <c r="NA25" s="130">
        <v>139094759</v>
      </c>
      <c r="NB25" s="129">
        <v>0</v>
      </c>
      <c r="NC25" s="109">
        <v>0</v>
      </c>
      <c r="ND25" s="110">
        <v>0</v>
      </c>
      <c r="NE25" s="132"/>
      <c r="NF25" s="109">
        <v>5232893</v>
      </c>
      <c r="NG25" s="109">
        <v>10262649</v>
      </c>
      <c r="NH25" s="109">
        <v>12523824</v>
      </c>
      <c r="NI25" s="109">
        <v>16216644</v>
      </c>
      <c r="NJ25" s="109">
        <v>8007173</v>
      </c>
      <c r="NK25" s="110">
        <v>52243183</v>
      </c>
      <c r="NL25" s="298">
        <v>52243183</v>
      </c>
      <c r="NM25" s="129">
        <v>0</v>
      </c>
      <c r="NN25" s="109">
        <v>0</v>
      </c>
      <c r="NO25" s="110">
        <v>0</v>
      </c>
      <c r="NP25" s="132"/>
      <c r="NQ25" s="109">
        <v>0</v>
      </c>
      <c r="NR25" s="109">
        <v>0</v>
      </c>
      <c r="NS25" s="109">
        <v>0</v>
      </c>
      <c r="NT25" s="109">
        <v>326232</v>
      </c>
      <c r="NU25" s="109">
        <v>0</v>
      </c>
      <c r="NV25" s="110">
        <v>326232</v>
      </c>
      <c r="NW25" s="111">
        <v>326232</v>
      </c>
      <c r="NX25" s="129">
        <v>0</v>
      </c>
      <c r="NY25" s="109">
        <v>0</v>
      </c>
      <c r="NZ25" s="110">
        <v>0</v>
      </c>
      <c r="OA25" s="132"/>
      <c r="OB25" s="109">
        <v>0</v>
      </c>
      <c r="OC25" s="109">
        <v>0</v>
      </c>
      <c r="OD25" s="109">
        <v>0</v>
      </c>
      <c r="OE25" s="109">
        <v>743303</v>
      </c>
      <c r="OF25" s="109">
        <v>1293235</v>
      </c>
      <c r="OG25" s="110">
        <v>2036538</v>
      </c>
      <c r="OH25" s="111">
        <v>2036538</v>
      </c>
      <c r="OI25" s="129">
        <v>5584295</v>
      </c>
      <c r="OJ25" s="109">
        <v>12874114</v>
      </c>
      <c r="OK25" s="128">
        <v>18458409</v>
      </c>
      <c r="OL25" s="108">
        <v>0</v>
      </c>
      <c r="OM25" s="109">
        <v>104657356</v>
      </c>
      <c r="ON25" s="109">
        <v>112314966</v>
      </c>
      <c r="OO25" s="109">
        <v>152076268</v>
      </c>
      <c r="OP25" s="109">
        <v>158278809</v>
      </c>
      <c r="OQ25" s="109">
        <v>95119076</v>
      </c>
      <c r="OR25" s="110">
        <v>622446475</v>
      </c>
      <c r="OS25" s="130">
        <v>640904884</v>
      </c>
    </row>
    <row r="26" spans="2:409" ht="21" customHeight="1" x14ac:dyDescent="0.2">
      <c r="B26" s="472" t="s">
        <v>21</v>
      </c>
      <c r="C26" s="100">
        <v>7053784</v>
      </c>
      <c r="D26" s="104">
        <v>12502876</v>
      </c>
      <c r="E26" s="103">
        <v>19556660</v>
      </c>
      <c r="F26" s="99">
        <v>0</v>
      </c>
      <c r="G26" s="104">
        <v>74133428</v>
      </c>
      <c r="H26" s="104">
        <v>108380788</v>
      </c>
      <c r="I26" s="104">
        <v>93734420</v>
      </c>
      <c r="J26" s="104">
        <v>78663640</v>
      </c>
      <c r="K26" s="104">
        <v>61094896</v>
      </c>
      <c r="L26" s="160">
        <v>416007172</v>
      </c>
      <c r="M26" s="106">
        <v>435563832</v>
      </c>
      <c r="N26" s="100">
        <v>2485755</v>
      </c>
      <c r="O26" s="104">
        <v>4545895</v>
      </c>
      <c r="P26" s="103">
        <v>7031650</v>
      </c>
      <c r="Q26" s="100">
        <v>0</v>
      </c>
      <c r="R26" s="104">
        <v>23681423</v>
      </c>
      <c r="S26" s="104">
        <v>40716892</v>
      </c>
      <c r="T26" s="104">
        <v>33619250</v>
      </c>
      <c r="U26" s="104">
        <v>33860131</v>
      </c>
      <c r="V26" s="104">
        <v>29653801</v>
      </c>
      <c r="W26" s="103">
        <v>161531497</v>
      </c>
      <c r="X26" s="106">
        <v>168563147</v>
      </c>
      <c r="Y26" s="100">
        <v>0</v>
      </c>
      <c r="Z26" s="104">
        <v>0</v>
      </c>
      <c r="AA26" s="103">
        <v>0</v>
      </c>
      <c r="AB26" s="100">
        <v>0</v>
      </c>
      <c r="AC26" s="104">
        <v>10611837</v>
      </c>
      <c r="AD26" s="104">
        <v>20626118</v>
      </c>
      <c r="AE26" s="104">
        <v>19546578</v>
      </c>
      <c r="AF26" s="104">
        <v>21154876</v>
      </c>
      <c r="AG26" s="104">
        <v>17849609</v>
      </c>
      <c r="AH26" s="103">
        <v>89789018</v>
      </c>
      <c r="AI26" s="106">
        <v>89789018</v>
      </c>
      <c r="AJ26" s="100">
        <v>0</v>
      </c>
      <c r="AK26" s="104">
        <v>0</v>
      </c>
      <c r="AL26" s="103">
        <v>0</v>
      </c>
      <c r="AM26" s="100">
        <v>0</v>
      </c>
      <c r="AN26" s="104">
        <v>0</v>
      </c>
      <c r="AO26" s="104">
        <v>278817</v>
      </c>
      <c r="AP26" s="104">
        <v>613848</v>
      </c>
      <c r="AQ26" s="104">
        <v>1802857</v>
      </c>
      <c r="AR26" s="104">
        <v>2830290</v>
      </c>
      <c r="AS26" s="103">
        <v>5525812</v>
      </c>
      <c r="AT26" s="106">
        <v>5525812</v>
      </c>
      <c r="AU26" s="100">
        <v>1330352</v>
      </c>
      <c r="AV26" s="104">
        <v>3128600</v>
      </c>
      <c r="AW26" s="103">
        <v>4458952</v>
      </c>
      <c r="AX26" s="100">
        <v>0</v>
      </c>
      <c r="AY26" s="104">
        <v>8694850</v>
      </c>
      <c r="AZ26" s="104">
        <v>13245459</v>
      </c>
      <c r="BA26" s="104">
        <v>7642270</v>
      </c>
      <c r="BB26" s="104">
        <v>6656300</v>
      </c>
      <c r="BC26" s="104">
        <v>5414722</v>
      </c>
      <c r="BD26" s="103">
        <v>41653601</v>
      </c>
      <c r="BE26" s="106">
        <v>46112553</v>
      </c>
      <c r="BF26" s="100">
        <v>514908</v>
      </c>
      <c r="BG26" s="104">
        <v>883698</v>
      </c>
      <c r="BH26" s="102">
        <v>1398606</v>
      </c>
      <c r="BI26" s="101">
        <v>0</v>
      </c>
      <c r="BJ26" s="104">
        <v>726688</v>
      </c>
      <c r="BK26" s="104">
        <v>1478965</v>
      </c>
      <c r="BL26" s="104">
        <v>1095786</v>
      </c>
      <c r="BM26" s="104">
        <v>562106</v>
      </c>
      <c r="BN26" s="104">
        <v>219590</v>
      </c>
      <c r="BO26" s="103">
        <v>4083135</v>
      </c>
      <c r="BP26" s="106">
        <v>5481741</v>
      </c>
      <c r="BQ26" s="100">
        <v>640495</v>
      </c>
      <c r="BR26" s="104">
        <v>533597</v>
      </c>
      <c r="BS26" s="103">
        <v>1174092</v>
      </c>
      <c r="BT26" s="100">
        <v>0</v>
      </c>
      <c r="BU26" s="104">
        <v>3648048</v>
      </c>
      <c r="BV26" s="104">
        <v>5087533</v>
      </c>
      <c r="BW26" s="104">
        <v>4720768</v>
      </c>
      <c r="BX26" s="104">
        <v>3683992</v>
      </c>
      <c r="BY26" s="104">
        <v>3339590</v>
      </c>
      <c r="BZ26" s="103">
        <v>20479931</v>
      </c>
      <c r="CA26" s="106">
        <v>21654023</v>
      </c>
      <c r="CB26" s="100">
        <v>654338</v>
      </c>
      <c r="CC26" s="104">
        <v>1543517</v>
      </c>
      <c r="CD26" s="103">
        <v>2197855</v>
      </c>
      <c r="CE26" s="100">
        <v>0</v>
      </c>
      <c r="CF26" s="104">
        <v>20889422</v>
      </c>
      <c r="CG26" s="104">
        <v>30378617</v>
      </c>
      <c r="CH26" s="104">
        <v>24135985</v>
      </c>
      <c r="CI26" s="104">
        <v>13079277</v>
      </c>
      <c r="CJ26" s="104">
        <v>5053512</v>
      </c>
      <c r="CK26" s="103">
        <v>93536813</v>
      </c>
      <c r="CL26" s="106">
        <v>95734668</v>
      </c>
      <c r="CM26" s="100">
        <v>0</v>
      </c>
      <c r="CN26" s="104">
        <v>0</v>
      </c>
      <c r="CO26" s="103">
        <v>0</v>
      </c>
      <c r="CP26" s="101">
        <v>0</v>
      </c>
      <c r="CQ26" s="104">
        <v>18109636</v>
      </c>
      <c r="CR26" s="104">
        <v>26151368</v>
      </c>
      <c r="CS26" s="104">
        <v>21295821</v>
      </c>
      <c r="CT26" s="104">
        <v>11431855</v>
      </c>
      <c r="CU26" s="104">
        <v>4318202</v>
      </c>
      <c r="CV26" s="103">
        <v>81306882</v>
      </c>
      <c r="CW26" s="106">
        <v>81306882</v>
      </c>
      <c r="CX26" s="100">
        <v>654338</v>
      </c>
      <c r="CY26" s="104">
        <v>1543517</v>
      </c>
      <c r="CZ26" s="103">
        <v>2197855</v>
      </c>
      <c r="DA26" s="100">
        <v>0</v>
      </c>
      <c r="DB26" s="104">
        <v>2779786</v>
      </c>
      <c r="DC26" s="104">
        <v>4227249</v>
      </c>
      <c r="DD26" s="104">
        <v>2840164</v>
      </c>
      <c r="DE26" s="104">
        <v>1647422</v>
      </c>
      <c r="DF26" s="104">
        <v>735310</v>
      </c>
      <c r="DG26" s="103">
        <v>12229931</v>
      </c>
      <c r="DH26" s="106">
        <v>14427786</v>
      </c>
      <c r="DI26" s="100">
        <v>20641</v>
      </c>
      <c r="DJ26" s="104">
        <v>102871</v>
      </c>
      <c r="DK26" s="102">
        <v>123512</v>
      </c>
      <c r="DL26" s="101">
        <v>0</v>
      </c>
      <c r="DM26" s="104">
        <v>2128070</v>
      </c>
      <c r="DN26" s="104">
        <v>2877728</v>
      </c>
      <c r="DO26" s="104">
        <v>8849119</v>
      </c>
      <c r="DP26" s="104">
        <v>8609393</v>
      </c>
      <c r="DQ26" s="104">
        <v>6426796</v>
      </c>
      <c r="DR26" s="103">
        <v>28891106</v>
      </c>
      <c r="DS26" s="106">
        <v>29014618</v>
      </c>
      <c r="DT26" s="100">
        <v>20641</v>
      </c>
      <c r="DU26" s="104">
        <v>102871</v>
      </c>
      <c r="DV26" s="103">
        <v>123512</v>
      </c>
      <c r="DW26" s="100">
        <v>0</v>
      </c>
      <c r="DX26" s="104">
        <v>1933652</v>
      </c>
      <c r="DY26" s="104">
        <v>2877728</v>
      </c>
      <c r="DZ26" s="104">
        <v>8487244</v>
      </c>
      <c r="EA26" s="104">
        <v>8248788</v>
      </c>
      <c r="EB26" s="104">
        <v>6218455</v>
      </c>
      <c r="EC26" s="103">
        <v>27765867</v>
      </c>
      <c r="ED26" s="106">
        <v>27889379</v>
      </c>
      <c r="EE26" s="100">
        <v>0</v>
      </c>
      <c r="EF26" s="102">
        <v>0</v>
      </c>
      <c r="EG26" s="103">
        <v>0</v>
      </c>
      <c r="EH26" s="100">
        <v>0</v>
      </c>
      <c r="EI26" s="104">
        <v>194418</v>
      </c>
      <c r="EJ26" s="104">
        <v>0</v>
      </c>
      <c r="EK26" s="104">
        <v>361875</v>
      </c>
      <c r="EL26" s="104">
        <v>360605</v>
      </c>
      <c r="EM26" s="104">
        <v>208341</v>
      </c>
      <c r="EN26" s="102">
        <v>1125239</v>
      </c>
      <c r="EO26" s="106">
        <v>1125239</v>
      </c>
      <c r="EP26" s="100">
        <v>0</v>
      </c>
      <c r="EQ26" s="104">
        <v>0</v>
      </c>
      <c r="ER26" s="102">
        <v>0</v>
      </c>
      <c r="ES26" s="101">
        <v>0</v>
      </c>
      <c r="ET26" s="104">
        <v>0</v>
      </c>
      <c r="EU26" s="104">
        <v>0</v>
      </c>
      <c r="EV26" s="104">
        <v>0</v>
      </c>
      <c r="EW26" s="104">
        <v>0</v>
      </c>
      <c r="EX26" s="104">
        <v>0</v>
      </c>
      <c r="EY26" s="103">
        <v>0</v>
      </c>
      <c r="EZ26" s="106">
        <v>0</v>
      </c>
      <c r="FA26" s="100">
        <v>0</v>
      </c>
      <c r="FB26" s="104">
        <v>0</v>
      </c>
      <c r="FC26" s="102">
        <v>0</v>
      </c>
      <c r="FD26" s="324"/>
      <c r="FE26" s="104">
        <v>0</v>
      </c>
      <c r="FF26" s="104">
        <v>0</v>
      </c>
      <c r="FG26" s="104">
        <v>0</v>
      </c>
      <c r="FH26" s="104">
        <v>0</v>
      </c>
      <c r="FI26" s="104">
        <v>0</v>
      </c>
      <c r="FJ26" s="103">
        <v>0</v>
      </c>
      <c r="FK26" s="106">
        <v>0</v>
      </c>
      <c r="FL26" s="100">
        <v>1627178</v>
      </c>
      <c r="FM26" s="104">
        <v>2624609</v>
      </c>
      <c r="FN26" s="103">
        <v>4251787</v>
      </c>
      <c r="FO26" s="100">
        <v>0</v>
      </c>
      <c r="FP26" s="104">
        <v>4251631</v>
      </c>
      <c r="FQ26" s="104">
        <v>8945793</v>
      </c>
      <c r="FR26" s="104">
        <v>6903523</v>
      </c>
      <c r="FS26" s="104">
        <v>5778003</v>
      </c>
      <c r="FT26" s="104">
        <v>4045827</v>
      </c>
      <c r="FU26" s="103">
        <v>29924777</v>
      </c>
      <c r="FV26" s="106">
        <v>34176564</v>
      </c>
      <c r="FW26" s="105">
        <v>1006466</v>
      </c>
      <c r="FX26" s="104">
        <v>2174609</v>
      </c>
      <c r="FY26" s="102">
        <v>3181075</v>
      </c>
      <c r="FZ26" s="101">
        <v>0</v>
      </c>
      <c r="GA26" s="104">
        <v>3111632</v>
      </c>
      <c r="GB26" s="104">
        <v>8838188</v>
      </c>
      <c r="GC26" s="104">
        <v>6456103</v>
      </c>
      <c r="GD26" s="104">
        <v>5674503</v>
      </c>
      <c r="GE26" s="104">
        <v>3860958</v>
      </c>
      <c r="GF26" s="103">
        <v>27941384</v>
      </c>
      <c r="GG26" s="296">
        <v>31122459</v>
      </c>
      <c r="GH26" s="105">
        <v>0</v>
      </c>
      <c r="GI26" s="104">
        <v>20700</v>
      </c>
      <c r="GJ26" s="102">
        <v>20700</v>
      </c>
      <c r="GK26" s="101">
        <v>0</v>
      </c>
      <c r="GL26" s="104">
        <v>311774</v>
      </c>
      <c r="GM26" s="104">
        <v>57205</v>
      </c>
      <c r="GN26" s="104">
        <v>153720</v>
      </c>
      <c r="GO26" s="104">
        <v>0</v>
      </c>
      <c r="GP26" s="104">
        <v>33858</v>
      </c>
      <c r="GQ26" s="103">
        <v>556557</v>
      </c>
      <c r="GR26" s="106">
        <v>577257</v>
      </c>
      <c r="GS26" s="100">
        <v>620712</v>
      </c>
      <c r="GT26" s="104">
        <v>429300</v>
      </c>
      <c r="GU26" s="103">
        <v>1050012</v>
      </c>
      <c r="GV26" s="100">
        <v>0</v>
      </c>
      <c r="GW26" s="104">
        <v>828225</v>
      </c>
      <c r="GX26" s="104">
        <v>50400</v>
      </c>
      <c r="GY26" s="104">
        <v>293700</v>
      </c>
      <c r="GZ26" s="104">
        <v>103500</v>
      </c>
      <c r="HA26" s="104">
        <v>151011</v>
      </c>
      <c r="HB26" s="102">
        <v>1426836</v>
      </c>
      <c r="HC26" s="106">
        <v>2476848</v>
      </c>
      <c r="HD26" s="100">
        <v>902371</v>
      </c>
      <c r="HE26" s="104">
        <v>1805214</v>
      </c>
      <c r="HF26" s="102">
        <v>2707585</v>
      </c>
      <c r="HG26" s="101">
        <v>0</v>
      </c>
      <c r="HH26" s="104">
        <v>11219073</v>
      </c>
      <c r="HI26" s="104">
        <v>12117804</v>
      </c>
      <c r="HJ26" s="104">
        <v>11734271</v>
      </c>
      <c r="HK26" s="104">
        <v>11667449</v>
      </c>
      <c r="HL26" s="104">
        <v>12833736</v>
      </c>
      <c r="HM26" s="103">
        <v>59572333</v>
      </c>
      <c r="HN26" s="99">
        <v>62279918</v>
      </c>
      <c r="HO26" s="105">
        <v>1363501</v>
      </c>
      <c r="HP26" s="104">
        <v>1880770</v>
      </c>
      <c r="HQ26" s="103">
        <v>3244271</v>
      </c>
      <c r="HR26" s="100">
        <v>0</v>
      </c>
      <c r="HS26" s="104">
        <v>11963809</v>
      </c>
      <c r="HT26" s="104">
        <v>13343954</v>
      </c>
      <c r="HU26" s="104">
        <v>8492272</v>
      </c>
      <c r="HV26" s="104">
        <v>5669387</v>
      </c>
      <c r="HW26" s="104">
        <v>3081224</v>
      </c>
      <c r="HX26" s="102">
        <v>42550646</v>
      </c>
      <c r="HY26" s="106">
        <v>45794917</v>
      </c>
      <c r="HZ26" s="137">
        <v>0</v>
      </c>
      <c r="IA26" s="122">
        <v>0</v>
      </c>
      <c r="IB26" s="137">
        <v>0</v>
      </c>
      <c r="IC26" s="121">
        <v>0</v>
      </c>
      <c r="ID26" s="122">
        <v>15198251</v>
      </c>
      <c r="IE26" s="123">
        <v>22724764</v>
      </c>
      <c r="IF26" s="124">
        <v>23220696</v>
      </c>
      <c r="IG26" s="122">
        <v>11587672</v>
      </c>
      <c r="IH26" s="124">
        <v>8696680</v>
      </c>
      <c r="II26" s="125">
        <v>81428063</v>
      </c>
      <c r="IJ26" s="137">
        <v>81428063</v>
      </c>
      <c r="IK26" s="219">
        <v>0</v>
      </c>
      <c r="IL26" s="223">
        <v>0</v>
      </c>
      <c r="IM26" s="224">
        <v>0</v>
      </c>
      <c r="IN26" s="324"/>
      <c r="IO26" s="109">
        <v>86477</v>
      </c>
      <c r="IP26" s="109">
        <v>654881</v>
      </c>
      <c r="IQ26" s="109">
        <v>632776</v>
      </c>
      <c r="IR26" s="109">
        <v>886562</v>
      </c>
      <c r="IS26" s="109">
        <v>501914</v>
      </c>
      <c r="IT26" s="128">
        <v>2762610</v>
      </c>
      <c r="IU26" s="298">
        <v>2762610</v>
      </c>
      <c r="IV26" s="129">
        <v>0</v>
      </c>
      <c r="IW26" s="109">
        <v>0</v>
      </c>
      <c r="IX26" s="110">
        <v>0</v>
      </c>
      <c r="IY26" s="324"/>
      <c r="IZ26" s="109">
        <v>0</v>
      </c>
      <c r="JA26" s="109">
        <v>0</v>
      </c>
      <c r="JB26" s="109">
        <v>0</v>
      </c>
      <c r="JC26" s="109">
        <v>0</v>
      </c>
      <c r="JD26" s="109">
        <v>0</v>
      </c>
      <c r="JE26" s="110">
        <v>0</v>
      </c>
      <c r="JF26" s="111">
        <v>0</v>
      </c>
      <c r="JG26" s="129">
        <v>0</v>
      </c>
      <c r="JH26" s="109">
        <v>0</v>
      </c>
      <c r="JI26" s="128">
        <v>0</v>
      </c>
      <c r="JJ26" s="108">
        <v>0</v>
      </c>
      <c r="JK26" s="109">
        <v>8738952</v>
      </c>
      <c r="JL26" s="109">
        <v>10608679</v>
      </c>
      <c r="JM26" s="109">
        <v>6094083</v>
      </c>
      <c r="JN26" s="109">
        <v>3989566</v>
      </c>
      <c r="JO26" s="109">
        <v>1307497</v>
      </c>
      <c r="JP26" s="110">
        <v>30738777</v>
      </c>
      <c r="JQ26" s="298">
        <v>30738777</v>
      </c>
      <c r="JR26" s="129">
        <v>0</v>
      </c>
      <c r="JS26" s="109">
        <v>0</v>
      </c>
      <c r="JT26" s="128">
        <v>0</v>
      </c>
      <c r="JU26" s="108">
        <v>0</v>
      </c>
      <c r="JV26" s="109">
        <v>0</v>
      </c>
      <c r="JW26" s="109">
        <v>0</v>
      </c>
      <c r="JX26" s="109">
        <v>0</v>
      </c>
      <c r="JY26" s="109">
        <v>124280</v>
      </c>
      <c r="JZ26" s="109">
        <v>0</v>
      </c>
      <c r="KA26" s="110">
        <v>124280</v>
      </c>
      <c r="KB26" s="298">
        <v>124280</v>
      </c>
      <c r="KC26" s="221">
        <v>0</v>
      </c>
      <c r="KD26" s="217">
        <v>0</v>
      </c>
      <c r="KE26" s="110">
        <v>0</v>
      </c>
      <c r="KF26" s="108">
        <v>0</v>
      </c>
      <c r="KG26" s="109">
        <v>1440177</v>
      </c>
      <c r="KH26" s="109">
        <v>877785</v>
      </c>
      <c r="KI26" s="109">
        <v>4888653</v>
      </c>
      <c r="KJ26" s="109">
        <v>1915489</v>
      </c>
      <c r="KK26" s="109">
        <v>626650</v>
      </c>
      <c r="KL26" s="110">
        <v>9748754</v>
      </c>
      <c r="KM26" s="130">
        <v>9748754</v>
      </c>
      <c r="KN26" s="219">
        <v>0</v>
      </c>
      <c r="KO26" s="223">
        <v>0</v>
      </c>
      <c r="KP26" s="224">
        <v>0</v>
      </c>
      <c r="KQ26" s="127"/>
      <c r="KR26" s="109">
        <v>4634152</v>
      </c>
      <c r="KS26" s="109">
        <v>9989254</v>
      </c>
      <c r="KT26" s="109">
        <v>11207934</v>
      </c>
      <c r="KU26" s="109">
        <v>4362647</v>
      </c>
      <c r="KV26" s="109">
        <v>4175027</v>
      </c>
      <c r="KW26" s="110">
        <v>34369014</v>
      </c>
      <c r="KX26" s="298">
        <v>34369014</v>
      </c>
      <c r="KY26" s="129">
        <v>0</v>
      </c>
      <c r="KZ26" s="109">
        <v>0</v>
      </c>
      <c r="LA26" s="110">
        <v>0</v>
      </c>
      <c r="LB26" s="132"/>
      <c r="LC26" s="109">
        <v>0</v>
      </c>
      <c r="LD26" s="109">
        <v>0</v>
      </c>
      <c r="LE26" s="109">
        <v>0</v>
      </c>
      <c r="LF26" s="109">
        <v>0</v>
      </c>
      <c r="LG26" s="109">
        <v>0</v>
      </c>
      <c r="LH26" s="110">
        <v>0</v>
      </c>
      <c r="LI26" s="111">
        <v>0</v>
      </c>
      <c r="LJ26" s="129">
        <v>0</v>
      </c>
      <c r="LK26" s="109">
        <v>0</v>
      </c>
      <c r="LL26" s="110">
        <v>0</v>
      </c>
      <c r="LM26" s="132"/>
      <c r="LN26" s="109">
        <v>0</v>
      </c>
      <c r="LO26" s="109">
        <v>0</v>
      </c>
      <c r="LP26" s="109">
        <v>0</v>
      </c>
      <c r="LQ26" s="109">
        <v>0</v>
      </c>
      <c r="LR26" s="109">
        <v>0</v>
      </c>
      <c r="LS26" s="110">
        <v>0</v>
      </c>
      <c r="LT26" s="298">
        <v>0</v>
      </c>
      <c r="LU26" s="129">
        <v>0</v>
      </c>
      <c r="LV26" s="109">
        <v>0</v>
      </c>
      <c r="LW26" s="110">
        <v>0</v>
      </c>
      <c r="LX26" s="132"/>
      <c r="LY26" s="109">
        <v>298493</v>
      </c>
      <c r="LZ26" s="109">
        <v>594165</v>
      </c>
      <c r="MA26" s="109">
        <v>397250</v>
      </c>
      <c r="MB26" s="109">
        <v>309128</v>
      </c>
      <c r="MC26" s="109">
        <v>2085592</v>
      </c>
      <c r="MD26" s="110">
        <v>3684628</v>
      </c>
      <c r="ME26" s="111">
        <v>3684628</v>
      </c>
      <c r="MF26" s="129">
        <v>0</v>
      </c>
      <c r="MG26" s="109">
        <v>0</v>
      </c>
      <c r="MH26" s="110">
        <v>0</v>
      </c>
      <c r="MI26" s="132"/>
      <c r="MJ26" s="109">
        <v>7323895</v>
      </c>
      <c r="MK26" s="109">
        <v>10501942</v>
      </c>
      <c r="ML26" s="109">
        <v>52276194</v>
      </c>
      <c r="MM26" s="109">
        <v>66518631</v>
      </c>
      <c r="MN26" s="109">
        <v>60813741</v>
      </c>
      <c r="MO26" s="110">
        <v>197434403</v>
      </c>
      <c r="MP26" s="130">
        <v>197434403</v>
      </c>
      <c r="MQ26" s="129">
        <v>0</v>
      </c>
      <c r="MR26" s="109">
        <v>0</v>
      </c>
      <c r="MS26" s="110">
        <v>0</v>
      </c>
      <c r="MT26" s="132"/>
      <c r="MU26" s="109">
        <v>921628</v>
      </c>
      <c r="MV26" s="109">
        <v>2972898</v>
      </c>
      <c r="MW26" s="109">
        <v>38269514</v>
      </c>
      <c r="MX26" s="109">
        <v>47937947</v>
      </c>
      <c r="MY26" s="109">
        <v>43850986</v>
      </c>
      <c r="MZ26" s="110">
        <v>133952973</v>
      </c>
      <c r="NA26" s="130">
        <v>133952973</v>
      </c>
      <c r="NB26" s="129">
        <v>0</v>
      </c>
      <c r="NC26" s="109">
        <v>0</v>
      </c>
      <c r="ND26" s="110">
        <v>0</v>
      </c>
      <c r="NE26" s="132"/>
      <c r="NF26" s="109">
        <v>6402267</v>
      </c>
      <c r="NG26" s="109">
        <v>7529044</v>
      </c>
      <c r="NH26" s="109">
        <v>13624034</v>
      </c>
      <c r="NI26" s="109">
        <v>14376977</v>
      </c>
      <c r="NJ26" s="109">
        <v>7563856</v>
      </c>
      <c r="NK26" s="110">
        <v>49496178</v>
      </c>
      <c r="NL26" s="298">
        <v>49496178</v>
      </c>
      <c r="NM26" s="129">
        <v>0</v>
      </c>
      <c r="NN26" s="109">
        <v>0</v>
      </c>
      <c r="NO26" s="110">
        <v>0</v>
      </c>
      <c r="NP26" s="132"/>
      <c r="NQ26" s="109">
        <v>0</v>
      </c>
      <c r="NR26" s="109">
        <v>0</v>
      </c>
      <c r="NS26" s="109">
        <v>0</v>
      </c>
      <c r="NT26" s="109">
        <v>326232</v>
      </c>
      <c r="NU26" s="109">
        <v>1660963</v>
      </c>
      <c r="NV26" s="110">
        <v>1987195</v>
      </c>
      <c r="NW26" s="111">
        <v>1987195</v>
      </c>
      <c r="NX26" s="129">
        <v>0</v>
      </c>
      <c r="NY26" s="109">
        <v>0</v>
      </c>
      <c r="NZ26" s="110">
        <v>0</v>
      </c>
      <c r="OA26" s="132"/>
      <c r="OB26" s="109">
        <v>0</v>
      </c>
      <c r="OC26" s="109">
        <v>0</v>
      </c>
      <c r="OD26" s="109">
        <v>382646</v>
      </c>
      <c r="OE26" s="109">
        <v>3877475</v>
      </c>
      <c r="OF26" s="109">
        <v>7737936</v>
      </c>
      <c r="OG26" s="110">
        <v>11998057</v>
      </c>
      <c r="OH26" s="111">
        <v>11998057</v>
      </c>
      <c r="OI26" s="129">
        <v>7053784</v>
      </c>
      <c r="OJ26" s="109">
        <v>12502876</v>
      </c>
      <c r="OK26" s="128">
        <v>19556660</v>
      </c>
      <c r="OL26" s="108">
        <v>0</v>
      </c>
      <c r="OM26" s="109">
        <v>96655574</v>
      </c>
      <c r="ON26" s="109">
        <v>141607494</v>
      </c>
      <c r="OO26" s="109">
        <v>169231310</v>
      </c>
      <c r="OP26" s="109">
        <v>156769943</v>
      </c>
      <c r="OQ26" s="109">
        <v>130605317</v>
      </c>
      <c r="OR26" s="110">
        <v>694869638</v>
      </c>
      <c r="OS26" s="130">
        <v>714426298</v>
      </c>
    </row>
    <row r="27" spans="2:409" ht="21" customHeight="1" x14ac:dyDescent="0.2">
      <c r="B27" s="472" t="s">
        <v>22</v>
      </c>
      <c r="C27" s="100">
        <v>1260307</v>
      </c>
      <c r="D27" s="104">
        <v>3758159</v>
      </c>
      <c r="E27" s="103">
        <v>5018466</v>
      </c>
      <c r="F27" s="99">
        <v>0</v>
      </c>
      <c r="G27" s="104">
        <v>23958762</v>
      </c>
      <c r="H27" s="104">
        <v>31779175</v>
      </c>
      <c r="I27" s="104">
        <v>27230967</v>
      </c>
      <c r="J27" s="104">
        <v>28056343</v>
      </c>
      <c r="K27" s="104">
        <v>19753636</v>
      </c>
      <c r="L27" s="160">
        <v>130778883</v>
      </c>
      <c r="M27" s="106">
        <v>135797349</v>
      </c>
      <c r="N27" s="100">
        <v>222709</v>
      </c>
      <c r="O27" s="104">
        <v>453662</v>
      </c>
      <c r="P27" s="103">
        <v>676371</v>
      </c>
      <c r="Q27" s="100">
        <v>0</v>
      </c>
      <c r="R27" s="104">
        <v>5199397</v>
      </c>
      <c r="S27" s="104">
        <v>8224882</v>
      </c>
      <c r="T27" s="104">
        <v>6240609</v>
      </c>
      <c r="U27" s="104">
        <v>8230556</v>
      </c>
      <c r="V27" s="104">
        <v>8658555</v>
      </c>
      <c r="W27" s="103">
        <v>36553999</v>
      </c>
      <c r="X27" s="106">
        <v>37230370</v>
      </c>
      <c r="Y27" s="100">
        <v>0</v>
      </c>
      <c r="Z27" s="104">
        <v>0</v>
      </c>
      <c r="AA27" s="103">
        <v>0</v>
      </c>
      <c r="AB27" s="100">
        <v>0</v>
      </c>
      <c r="AC27" s="104">
        <v>2208939</v>
      </c>
      <c r="AD27" s="104">
        <v>3774404</v>
      </c>
      <c r="AE27" s="104">
        <v>2762303</v>
      </c>
      <c r="AF27" s="104">
        <v>4604432</v>
      </c>
      <c r="AG27" s="104">
        <v>4398600</v>
      </c>
      <c r="AH27" s="103">
        <v>17748678</v>
      </c>
      <c r="AI27" s="106">
        <v>17748678</v>
      </c>
      <c r="AJ27" s="100">
        <v>0</v>
      </c>
      <c r="AK27" s="104">
        <v>0</v>
      </c>
      <c r="AL27" s="103">
        <v>0</v>
      </c>
      <c r="AM27" s="100">
        <v>0</v>
      </c>
      <c r="AN27" s="104">
        <v>291042</v>
      </c>
      <c r="AO27" s="104">
        <v>100332</v>
      </c>
      <c r="AP27" s="104">
        <v>410119</v>
      </c>
      <c r="AQ27" s="104">
        <v>810665</v>
      </c>
      <c r="AR27" s="104">
        <v>1355790</v>
      </c>
      <c r="AS27" s="103">
        <v>2967948</v>
      </c>
      <c r="AT27" s="106">
        <v>2967948</v>
      </c>
      <c r="AU27" s="100">
        <v>158466</v>
      </c>
      <c r="AV27" s="104">
        <v>308330</v>
      </c>
      <c r="AW27" s="103">
        <v>466796</v>
      </c>
      <c r="AX27" s="100">
        <v>0</v>
      </c>
      <c r="AY27" s="104">
        <v>1736162</v>
      </c>
      <c r="AZ27" s="104">
        <v>2876487</v>
      </c>
      <c r="BA27" s="104">
        <v>1876968</v>
      </c>
      <c r="BB27" s="104">
        <v>1865762</v>
      </c>
      <c r="BC27" s="104">
        <v>2229702</v>
      </c>
      <c r="BD27" s="103">
        <v>10585081</v>
      </c>
      <c r="BE27" s="106">
        <v>11051877</v>
      </c>
      <c r="BF27" s="100">
        <v>0</v>
      </c>
      <c r="BG27" s="104">
        <v>66528</v>
      </c>
      <c r="BH27" s="102">
        <v>66528</v>
      </c>
      <c r="BI27" s="101">
        <v>0</v>
      </c>
      <c r="BJ27" s="104">
        <v>273294</v>
      </c>
      <c r="BK27" s="104">
        <v>357876</v>
      </c>
      <c r="BL27" s="104">
        <v>280228</v>
      </c>
      <c r="BM27" s="104">
        <v>51624</v>
      </c>
      <c r="BN27" s="104">
        <v>95317</v>
      </c>
      <c r="BO27" s="103">
        <v>1058339</v>
      </c>
      <c r="BP27" s="106">
        <v>1124867</v>
      </c>
      <c r="BQ27" s="100">
        <v>64243</v>
      </c>
      <c r="BR27" s="104">
        <v>78804</v>
      </c>
      <c r="BS27" s="103">
        <v>143047</v>
      </c>
      <c r="BT27" s="100">
        <v>0</v>
      </c>
      <c r="BU27" s="104">
        <v>689960</v>
      </c>
      <c r="BV27" s="104">
        <v>1115783</v>
      </c>
      <c r="BW27" s="104">
        <v>910991</v>
      </c>
      <c r="BX27" s="104">
        <v>898073</v>
      </c>
      <c r="BY27" s="104">
        <v>579146</v>
      </c>
      <c r="BZ27" s="103">
        <v>4193953</v>
      </c>
      <c r="CA27" s="106">
        <v>4337000</v>
      </c>
      <c r="CB27" s="100">
        <v>34770</v>
      </c>
      <c r="CC27" s="104">
        <v>419050</v>
      </c>
      <c r="CD27" s="103">
        <v>453820</v>
      </c>
      <c r="CE27" s="100">
        <v>0</v>
      </c>
      <c r="CF27" s="104">
        <v>6894379</v>
      </c>
      <c r="CG27" s="104">
        <v>10041236</v>
      </c>
      <c r="CH27" s="104">
        <v>7451277</v>
      </c>
      <c r="CI27" s="104">
        <v>6574514</v>
      </c>
      <c r="CJ27" s="104">
        <v>2573898</v>
      </c>
      <c r="CK27" s="103">
        <v>33535304</v>
      </c>
      <c r="CL27" s="106">
        <v>33989124</v>
      </c>
      <c r="CM27" s="100">
        <v>0</v>
      </c>
      <c r="CN27" s="104">
        <v>0</v>
      </c>
      <c r="CO27" s="103">
        <v>0</v>
      </c>
      <c r="CP27" s="101">
        <v>0</v>
      </c>
      <c r="CQ27" s="104">
        <v>5654630</v>
      </c>
      <c r="CR27" s="104">
        <v>7684909</v>
      </c>
      <c r="CS27" s="104">
        <v>6188353</v>
      </c>
      <c r="CT27" s="104">
        <v>4634116</v>
      </c>
      <c r="CU27" s="104">
        <v>2041767</v>
      </c>
      <c r="CV27" s="103">
        <v>26203775</v>
      </c>
      <c r="CW27" s="106">
        <v>26203775</v>
      </c>
      <c r="CX27" s="100">
        <v>34770</v>
      </c>
      <c r="CY27" s="104">
        <v>419050</v>
      </c>
      <c r="CZ27" s="103">
        <v>453820</v>
      </c>
      <c r="DA27" s="100">
        <v>0</v>
      </c>
      <c r="DB27" s="104">
        <v>1239749</v>
      </c>
      <c r="DC27" s="104">
        <v>2356327</v>
      </c>
      <c r="DD27" s="104">
        <v>1262924</v>
      </c>
      <c r="DE27" s="104">
        <v>1940398</v>
      </c>
      <c r="DF27" s="104">
        <v>532131</v>
      </c>
      <c r="DG27" s="103">
        <v>7331529</v>
      </c>
      <c r="DH27" s="106">
        <v>7785349</v>
      </c>
      <c r="DI27" s="100">
        <v>0</v>
      </c>
      <c r="DJ27" s="104">
        <v>44558</v>
      </c>
      <c r="DK27" s="102">
        <v>44558</v>
      </c>
      <c r="DL27" s="101">
        <v>0</v>
      </c>
      <c r="DM27" s="104">
        <v>1126624</v>
      </c>
      <c r="DN27" s="104">
        <v>1356978</v>
      </c>
      <c r="DO27" s="104">
        <v>2759835</v>
      </c>
      <c r="DP27" s="104">
        <v>3399219</v>
      </c>
      <c r="DQ27" s="104">
        <v>2618264</v>
      </c>
      <c r="DR27" s="103">
        <v>11260920</v>
      </c>
      <c r="DS27" s="106">
        <v>11305478</v>
      </c>
      <c r="DT27" s="100">
        <v>0</v>
      </c>
      <c r="DU27" s="104">
        <v>44558</v>
      </c>
      <c r="DV27" s="103">
        <v>44558</v>
      </c>
      <c r="DW27" s="100">
        <v>0</v>
      </c>
      <c r="DX27" s="104">
        <v>896599</v>
      </c>
      <c r="DY27" s="104">
        <v>1149285</v>
      </c>
      <c r="DZ27" s="104">
        <v>2511127</v>
      </c>
      <c r="EA27" s="104">
        <v>2731312</v>
      </c>
      <c r="EB27" s="104">
        <v>1069668</v>
      </c>
      <c r="EC27" s="103">
        <v>8357991</v>
      </c>
      <c r="ED27" s="106">
        <v>8402549</v>
      </c>
      <c r="EE27" s="100">
        <v>0</v>
      </c>
      <c r="EF27" s="102">
        <v>0</v>
      </c>
      <c r="EG27" s="103">
        <v>0</v>
      </c>
      <c r="EH27" s="100">
        <v>0</v>
      </c>
      <c r="EI27" s="104">
        <v>230025</v>
      </c>
      <c r="EJ27" s="104">
        <v>207693</v>
      </c>
      <c r="EK27" s="104">
        <v>248708</v>
      </c>
      <c r="EL27" s="104">
        <v>667907</v>
      </c>
      <c r="EM27" s="104">
        <v>1548596</v>
      </c>
      <c r="EN27" s="102">
        <v>2902929</v>
      </c>
      <c r="EO27" s="106">
        <v>2902929</v>
      </c>
      <c r="EP27" s="100">
        <v>0</v>
      </c>
      <c r="EQ27" s="104">
        <v>0</v>
      </c>
      <c r="ER27" s="102">
        <v>0</v>
      </c>
      <c r="ES27" s="101">
        <v>0</v>
      </c>
      <c r="ET27" s="104">
        <v>0</v>
      </c>
      <c r="EU27" s="104">
        <v>0</v>
      </c>
      <c r="EV27" s="104">
        <v>0</v>
      </c>
      <c r="EW27" s="104">
        <v>0</v>
      </c>
      <c r="EX27" s="104">
        <v>0</v>
      </c>
      <c r="EY27" s="103">
        <v>0</v>
      </c>
      <c r="EZ27" s="106">
        <v>0</v>
      </c>
      <c r="FA27" s="100">
        <v>0</v>
      </c>
      <c r="FB27" s="104">
        <v>0</v>
      </c>
      <c r="FC27" s="102">
        <v>0</v>
      </c>
      <c r="FD27" s="324"/>
      <c r="FE27" s="104">
        <v>0</v>
      </c>
      <c r="FF27" s="104">
        <v>0</v>
      </c>
      <c r="FG27" s="104">
        <v>0</v>
      </c>
      <c r="FH27" s="104">
        <v>0</v>
      </c>
      <c r="FI27" s="104">
        <v>0</v>
      </c>
      <c r="FJ27" s="103">
        <v>0</v>
      </c>
      <c r="FK27" s="106">
        <v>0</v>
      </c>
      <c r="FL27" s="100">
        <v>294256</v>
      </c>
      <c r="FM27" s="104">
        <v>1532538</v>
      </c>
      <c r="FN27" s="103">
        <v>1826794</v>
      </c>
      <c r="FO27" s="100">
        <v>0</v>
      </c>
      <c r="FP27" s="104">
        <v>1697062</v>
      </c>
      <c r="FQ27" s="104">
        <v>3485520</v>
      </c>
      <c r="FR27" s="104">
        <v>2602309</v>
      </c>
      <c r="FS27" s="104">
        <v>2338240</v>
      </c>
      <c r="FT27" s="104">
        <v>1595365</v>
      </c>
      <c r="FU27" s="103">
        <v>11718496</v>
      </c>
      <c r="FV27" s="106">
        <v>13545290</v>
      </c>
      <c r="FW27" s="105">
        <v>278056</v>
      </c>
      <c r="FX27" s="104">
        <v>985338</v>
      </c>
      <c r="FY27" s="102">
        <v>1263394</v>
      </c>
      <c r="FZ27" s="101">
        <v>0</v>
      </c>
      <c r="GA27" s="104">
        <v>1509174</v>
      </c>
      <c r="GB27" s="104">
        <v>3112074</v>
      </c>
      <c r="GC27" s="104">
        <v>2236549</v>
      </c>
      <c r="GD27" s="104">
        <v>1985980</v>
      </c>
      <c r="GE27" s="104">
        <v>1556557</v>
      </c>
      <c r="GF27" s="103">
        <v>10400334</v>
      </c>
      <c r="GG27" s="296">
        <v>11663728</v>
      </c>
      <c r="GH27" s="105">
        <v>16200</v>
      </c>
      <c r="GI27" s="104">
        <v>0</v>
      </c>
      <c r="GJ27" s="102">
        <v>16200</v>
      </c>
      <c r="GK27" s="101">
        <v>0</v>
      </c>
      <c r="GL27" s="104">
        <v>95148</v>
      </c>
      <c r="GM27" s="104">
        <v>35046</v>
      </c>
      <c r="GN27" s="104">
        <v>79560</v>
      </c>
      <c r="GO27" s="104">
        <v>98604</v>
      </c>
      <c r="GP27" s="104">
        <v>38808</v>
      </c>
      <c r="GQ27" s="103">
        <v>347166</v>
      </c>
      <c r="GR27" s="106">
        <v>363366</v>
      </c>
      <c r="GS27" s="100">
        <v>0</v>
      </c>
      <c r="GT27" s="104">
        <v>547200</v>
      </c>
      <c r="GU27" s="103">
        <v>547200</v>
      </c>
      <c r="GV27" s="100">
        <v>0</v>
      </c>
      <c r="GW27" s="104">
        <v>92740</v>
      </c>
      <c r="GX27" s="104">
        <v>338400</v>
      </c>
      <c r="GY27" s="104">
        <v>286200</v>
      </c>
      <c r="GZ27" s="104">
        <v>253656</v>
      </c>
      <c r="HA27" s="104">
        <v>0</v>
      </c>
      <c r="HB27" s="102">
        <v>970996</v>
      </c>
      <c r="HC27" s="106">
        <v>1518196</v>
      </c>
      <c r="HD27" s="100">
        <v>443912</v>
      </c>
      <c r="HE27" s="104">
        <v>491865</v>
      </c>
      <c r="HF27" s="102">
        <v>935777</v>
      </c>
      <c r="HG27" s="101">
        <v>0</v>
      </c>
      <c r="HH27" s="104">
        <v>4637333</v>
      </c>
      <c r="HI27" s="104">
        <v>4278653</v>
      </c>
      <c r="HJ27" s="104">
        <v>5248196</v>
      </c>
      <c r="HK27" s="104">
        <v>5471749</v>
      </c>
      <c r="HL27" s="104">
        <v>3079435</v>
      </c>
      <c r="HM27" s="103">
        <v>22715366</v>
      </c>
      <c r="HN27" s="99">
        <v>23651143</v>
      </c>
      <c r="HO27" s="105">
        <v>264660</v>
      </c>
      <c r="HP27" s="104">
        <v>816486</v>
      </c>
      <c r="HQ27" s="103">
        <v>1081146</v>
      </c>
      <c r="HR27" s="100">
        <v>0</v>
      </c>
      <c r="HS27" s="104">
        <v>4403967</v>
      </c>
      <c r="HT27" s="104">
        <v>4391906</v>
      </c>
      <c r="HU27" s="104">
        <v>2928741</v>
      </c>
      <c r="HV27" s="104">
        <v>2042065</v>
      </c>
      <c r="HW27" s="104">
        <v>1228119</v>
      </c>
      <c r="HX27" s="102">
        <v>14994798</v>
      </c>
      <c r="HY27" s="106">
        <v>16075944</v>
      </c>
      <c r="HZ27" s="118">
        <v>145395</v>
      </c>
      <c r="IA27" s="119">
        <v>255240</v>
      </c>
      <c r="IB27" s="120">
        <v>400635</v>
      </c>
      <c r="IC27" s="133">
        <v>0</v>
      </c>
      <c r="ID27" s="119">
        <v>10573413</v>
      </c>
      <c r="IE27" s="134">
        <v>13700834</v>
      </c>
      <c r="IF27" s="120">
        <v>14784954</v>
      </c>
      <c r="IG27" s="119">
        <v>15113880</v>
      </c>
      <c r="IH27" s="120">
        <v>6338826</v>
      </c>
      <c r="II27" s="135">
        <v>60511907</v>
      </c>
      <c r="IJ27" s="126">
        <v>60912542</v>
      </c>
      <c r="IK27" s="219">
        <v>0</v>
      </c>
      <c r="IL27" s="223">
        <v>0</v>
      </c>
      <c r="IM27" s="224">
        <v>0</v>
      </c>
      <c r="IN27" s="324"/>
      <c r="IO27" s="109">
        <v>0</v>
      </c>
      <c r="IP27" s="109">
        <v>989438</v>
      </c>
      <c r="IQ27" s="109">
        <v>649713</v>
      </c>
      <c r="IR27" s="109">
        <v>906930</v>
      </c>
      <c r="IS27" s="109">
        <v>0</v>
      </c>
      <c r="IT27" s="128">
        <v>2546081</v>
      </c>
      <c r="IU27" s="298">
        <v>2546081</v>
      </c>
      <c r="IV27" s="129">
        <v>0</v>
      </c>
      <c r="IW27" s="109">
        <v>0</v>
      </c>
      <c r="IX27" s="110">
        <v>0</v>
      </c>
      <c r="IY27" s="324"/>
      <c r="IZ27" s="109">
        <v>0</v>
      </c>
      <c r="JA27" s="109">
        <v>0</v>
      </c>
      <c r="JB27" s="109">
        <v>0</v>
      </c>
      <c r="JC27" s="109">
        <v>0</v>
      </c>
      <c r="JD27" s="109">
        <v>0</v>
      </c>
      <c r="JE27" s="110">
        <v>0</v>
      </c>
      <c r="JF27" s="111">
        <v>0</v>
      </c>
      <c r="JG27" s="129">
        <v>0</v>
      </c>
      <c r="JH27" s="109">
        <v>0</v>
      </c>
      <c r="JI27" s="128">
        <v>0</v>
      </c>
      <c r="JJ27" s="108">
        <v>0</v>
      </c>
      <c r="JK27" s="109">
        <v>5549953</v>
      </c>
      <c r="JL27" s="109">
        <v>6569658</v>
      </c>
      <c r="JM27" s="109">
        <v>5857427</v>
      </c>
      <c r="JN27" s="109">
        <v>3759123</v>
      </c>
      <c r="JO27" s="109">
        <v>885078</v>
      </c>
      <c r="JP27" s="110">
        <v>22621239</v>
      </c>
      <c r="JQ27" s="298">
        <v>22621239</v>
      </c>
      <c r="JR27" s="129">
        <v>0</v>
      </c>
      <c r="JS27" s="109">
        <v>0</v>
      </c>
      <c r="JT27" s="128">
        <v>0</v>
      </c>
      <c r="JU27" s="108">
        <v>0</v>
      </c>
      <c r="JV27" s="109">
        <v>190179</v>
      </c>
      <c r="JW27" s="109">
        <v>342225</v>
      </c>
      <c r="JX27" s="109">
        <v>487992</v>
      </c>
      <c r="JY27" s="109">
        <v>223569</v>
      </c>
      <c r="JZ27" s="109">
        <v>610038</v>
      </c>
      <c r="KA27" s="110">
        <v>1854003</v>
      </c>
      <c r="KB27" s="298">
        <v>1854003</v>
      </c>
      <c r="KC27" s="221">
        <v>145395</v>
      </c>
      <c r="KD27" s="217">
        <v>255240</v>
      </c>
      <c r="KE27" s="110">
        <v>400635</v>
      </c>
      <c r="KF27" s="108">
        <v>0</v>
      </c>
      <c r="KG27" s="109">
        <v>2118889</v>
      </c>
      <c r="KH27" s="109">
        <v>3361230</v>
      </c>
      <c r="KI27" s="109">
        <v>3586476</v>
      </c>
      <c r="KJ27" s="109">
        <v>3226131</v>
      </c>
      <c r="KK27" s="109">
        <v>2012805</v>
      </c>
      <c r="KL27" s="110">
        <v>14305531</v>
      </c>
      <c r="KM27" s="130">
        <v>14706166</v>
      </c>
      <c r="KN27" s="219">
        <v>0</v>
      </c>
      <c r="KO27" s="223">
        <v>0</v>
      </c>
      <c r="KP27" s="224">
        <v>0</v>
      </c>
      <c r="KQ27" s="127"/>
      <c r="KR27" s="109">
        <v>2714392</v>
      </c>
      <c r="KS27" s="109">
        <v>2194617</v>
      </c>
      <c r="KT27" s="109">
        <v>2918514</v>
      </c>
      <c r="KU27" s="109">
        <v>4136814</v>
      </c>
      <c r="KV27" s="109">
        <v>983484</v>
      </c>
      <c r="KW27" s="110">
        <v>12947821</v>
      </c>
      <c r="KX27" s="298">
        <v>12947821</v>
      </c>
      <c r="KY27" s="129">
        <v>0</v>
      </c>
      <c r="KZ27" s="109">
        <v>0</v>
      </c>
      <c r="LA27" s="110">
        <v>0</v>
      </c>
      <c r="LB27" s="132"/>
      <c r="LC27" s="109">
        <v>0</v>
      </c>
      <c r="LD27" s="109">
        <v>0</v>
      </c>
      <c r="LE27" s="109">
        <v>0</v>
      </c>
      <c r="LF27" s="109">
        <v>0</v>
      </c>
      <c r="LG27" s="109">
        <v>0</v>
      </c>
      <c r="LH27" s="110">
        <v>0</v>
      </c>
      <c r="LI27" s="111">
        <v>0</v>
      </c>
      <c r="LJ27" s="129">
        <v>0</v>
      </c>
      <c r="LK27" s="109">
        <v>0</v>
      </c>
      <c r="LL27" s="110">
        <v>0</v>
      </c>
      <c r="LM27" s="132"/>
      <c r="LN27" s="109">
        <v>0</v>
      </c>
      <c r="LO27" s="109">
        <v>243666</v>
      </c>
      <c r="LP27" s="109">
        <v>1284832</v>
      </c>
      <c r="LQ27" s="109">
        <v>2861313</v>
      </c>
      <c r="LR27" s="109">
        <v>1847421</v>
      </c>
      <c r="LS27" s="110">
        <v>6237232</v>
      </c>
      <c r="LT27" s="298">
        <v>6237232</v>
      </c>
      <c r="LU27" s="129">
        <v>0</v>
      </c>
      <c r="LV27" s="109">
        <v>0</v>
      </c>
      <c r="LW27" s="110">
        <v>0</v>
      </c>
      <c r="LX27" s="132"/>
      <c r="LY27" s="109">
        <v>0</v>
      </c>
      <c r="LZ27" s="109">
        <v>0</v>
      </c>
      <c r="MA27" s="109">
        <v>0</v>
      </c>
      <c r="MB27" s="109">
        <v>0</v>
      </c>
      <c r="MC27" s="109">
        <v>0</v>
      </c>
      <c r="MD27" s="110">
        <v>0</v>
      </c>
      <c r="ME27" s="111">
        <v>0</v>
      </c>
      <c r="MF27" s="129">
        <v>0</v>
      </c>
      <c r="MG27" s="109">
        <v>0</v>
      </c>
      <c r="MH27" s="110">
        <v>0</v>
      </c>
      <c r="MI27" s="132"/>
      <c r="MJ27" s="109">
        <v>2590394</v>
      </c>
      <c r="MK27" s="109">
        <v>9920613</v>
      </c>
      <c r="ML27" s="109">
        <v>21423446</v>
      </c>
      <c r="MM27" s="109">
        <v>31646378</v>
      </c>
      <c r="MN27" s="109">
        <v>18304894</v>
      </c>
      <c r="MO27" s="110">
        <v>83885725</v>
      </c>
      <c r="MP27" s="130">
        <v>83885725</v>
      </c>
      <c r="MQ27" s="129">
        <v>0</v>
      </c>
      <c r="MR27" s="109">
        <v>0</v>
      </c>
      <c r="MS27" s="110">
        <v>0</v>
      </c>
      <c r="MT27" s="132"/>
      <c r="MU27" s="109">
        <v>645147</v>
      </c>
      <c r="MV27" s="109">
        <v>1918601</v>
      </c>
      <c r="MW27" s="109">
        <v>13815100</v>
      </c>
      <c r="MX27" s="109">
        <v>16437140</v>
      </c>
      <c r="MY27" s="109">
        <v>9930508</v>
      </c>
      <c r="MZ27" s="110">
        <v>42746496</v>
      </c>
      <c r="NA27" s="130">
        <v>42746496</v>
      </c>
      <c r="NB27" s="129">
        <v>0</v>
      </c>
      <c r="NC27" s="109">
        <v>0</v>
      </c>
      <c r="ND27" s="110">
        <v>0</v>
      </c>
      <c r="NE27" s="132"/>
      <c r="NF27" s="109">
        <v>1945247</v>
      </c>
      <c r="NG27" s="109">
        <v>8002012</v>
      </c>
      <c r="NH27" s="109">
        <v>7608346</v>
      </c>
      <c r="NI27" s="109">
        <v>11637040</v>
      </c>
      <c r="NJ27" s="109">
        <v>7014556</v>
      </c>
      <c r="NK27" s="110">
        <v>36207201</v>
      </c>
      <c r="NL27" s="298">
        <v>36207201</v>
      </c>
      <c r="NM27" s="129">
        <v>0</v>
      </c>
      <c r="NN27" s="109">
        <v>0</v>
      </c>
      <c r="NO27" s="110">
        <v>0</v>
      </c>
      <c r="NP27" s="132"/>
      <c r="NQ27" s="109">
        <v>0</v>
      </c>
      <c r="NR27" s="109">
        <v>0</v>
      </c>
      <c r="NS27" s="109">
        <v>0</v>
      </c>
      <c r="NT27" s="109">
        <v>0</v>
      </c>
      <c r="NU27" s="109">
        <v>0</v>
      </c>
      <c r="NV27" s="110">
        <v>0</v>
      </c>
      <c r="NW27" s="111">
        <v>0</v>
      </c>
      <c r="NX27" s="129">
        <v>0</v>
      </c>
      <c r="NY27" s="109">
        <v>0</v>
      </c>
      <c r="NZ27" s="110">
        <v>0</v>
      </c>
      <c r="OA27" s="132"/>
      <c r="OB27" s="109">
        <v>0</v>
      </c>
      <c r="OC27" s="109">
        <v>0</v>
      </c>
      <c r="OD27" s="109">
        <v>0</v>
      </c>
      <c r="OE27" s="109">
        <v>3572198</v>
      </c>
      <c r="OF27" s="109">
        <v>1359830</v>
      </c>
      <c r="OG27" s="110">
        <v>4932028</v>
      </c>
      <c r="OH27" s="111">
        <v>4932028</v>
      </c>
      <c r="OI27" s="129">
        <v>1405702</v>
      </c>
      <c r="OJ27" s="109">
        <v>4013399</v>
      </c>
      <c r="OK27" s="128">
        <v>5419101</v>
      </c>
      <c r="OL27" s="108">
        <v>0</v>
      </c>
      <c r="OM27" s="109">
        <v>37122569</v>
      </c>
      <c r="ON27" s="109">
        <v>55400622</v>
      </c>
      <c r="OO27" s="109">
        <v>63439367</v>
      </c>
      <c r="OP27" s="109">
        <v>74816601</v>
      </c>
      <c r="OQ27" s="109">
        <v>44397356</v>
      </c>
      <c r="OR27" s="110">
        <v>275176515</v>
      </c>
      <c r="OS27" s="130">
        <v>280595616</v>
      </c>
    </row>
    <row r="28" spans="2:409" ht="21" customHeight="1" x14ac:dyDescent="0.2">
      <c r="B28" s="472" t="s">
        <v>23</v>
      </c>
      <c r="C28" s="100">
        <v>2947966</v>
      </c>
      <c r="D28" s="104">
        <v>6746782</v>
      </c>
      <c r="E28" s="103">
        <v>9694748</v>
      </c>
      <c r="F28" s="99">
        <v>0</v>
      </c>
      <c r="G28" s="104">
        <v>53856595</v>
      </c>
      <c r="H28" s="104">
        <v>62619007</v>
      </c>
      <c r="I28" s="104">
        <v>51048781</v>
      </c>
      <c r="J28" s="104">
        <v>56061079</v>
      </c>
      <c r="K28" s="104">
        <v>34041407</v>
      </c>
      <c r="L28" s="160">
        <v>257626869</v>
      </c>
      <c r="M28" s="106">
        <v>267321617</v>
      </c>
      <c r="N28" s="100">
        <v>1061710</v>
      </c>
      <c r="O28" s="104">
        <v>2524848</v>
      </c>
      <c r="P28" s="103">
        <v>3586558</v>
      </c>
      <c r="Q28" s="100">
        <v>0</v>
      </c>
      <c r="R28" s="104">
        <v>13219595</v>
      </c>
      <c r="S28" s="104">
        <v>18001200</v>
      </c>
      <c r="T28" s="104">
        <v>12362614</v>
      </c>
      <c r="U28" s="104">
        <v>18255084</v>
      </c>
      <c r="V28" s="104">
        <v>13984929</v>
      </c>
      <c r="W28" s="103">
        <v>75823422</v>
      </c>
      <c r="X28" s="106">
        <v>79409980</v>
      </c>
      <c r="Y28" s="100">
        <v>0</v>
      </c>
      <c r="Z28" s="104">
        <v>0</v>
      </c>
      <c r="AA28" s="103">
        <v>0</v>
      </c>
      <c r="AB28" s="100">
        <v>0</v>
      </c>
      <c r="AC28" s="104">
        <v>6365659</v>
      </c>
      <c r="AD28" s="104">
        <v>7217827</v>
      </c>
      <c r="AE28" s="104">
        <v>6382657</v>
      </c>
      <c r="AF28" s="104">
        <v>9650157</v>
      </c>
      <c r="AG28" s="104">
        <v>7514193</v>
      </c>
      <c r="AH28" s="103">
        <v>37130493</v>
      </c>
      <c r="AI28" s="106">
        <v>37130493</v>
      </c>
      <c r="AJ28" s="100">
        <v>0</v>
      </c>
      <c r="AK28" s="104">
        <v>10833</v>
      </c>
      <c r="AL28" s="103">
        <v>10833</v>
      </c>
      <c r="AM28" s="100">
        <v>0</v>
      </c>
      <c r="AN28" s="104">
        <v>40917</v>
      </c>
      <c r="AO28" s="104">
        <v>130497</v>
      </c>
      <c r="AP28" s="104">
        <v>340834</v>
      </c>
      <c r="AQ28" s="104">
        <v>1296074</v>
      </c>
      <c r="AR28" s="104">
        <v>1588586</v>
      </c>
      <c r="AS28" s="103">
        <v>3396908</v>
      </c>
      <c r="AT28" s="106">
        <v>3407741</v>
      </c>
      <c r="AU28" s="100">
        <v>715080</v>
      </c>
      <c r="AV28" s="104">
        <v>1881361</v>
      </c>
      <c r="AW28" s="103">
        <v>2596441</v>
      </c>
      <c r="AX28" s="100">
        <v>0</v>
      </c>
      <c r="AY28" s="104">
        <v>3579036</v>
      </c>
      <c r="AZ28" s="104">
        <v>7568229</v>
      </c>
      <c r="BA28" s="104">
        <v>3294460</v>
      </c>
      <c r="BB28" s="104">
        <v>4004266</v>
      </c>
      <c r="BC28" s="104">
        <v>2785425</v>
      </c>
      <c r="BD28" s="103">
        <v>21231416</v>
      </c>
      <c r="BE28" s="106">
        <v>23827857</v>
      </c>
      <c r="BF28" s="100">
        <v>141015</v>
      </c>
      <c r="BG28" s="104">
        <v>429020</v>
      </c>
      <c r="BH28" s="102">
        <v>570035</v>
      </c>
      <c r="BI28" s="101">
        <v>0</v>
      </c>
      <c r="BJ28" s="104">
        <v>413742</v>
      </c>
      <c r="BK28" s="104">
        <v>639036</v>
      </c>
      <c r="BL28" s="104">
        <v>353093</v>
      </c>
      <c r="BM28" s="104">
        <v>326463</v>
      </c>
      <c r="BN28" s="104">
        <v>294242</v>
      </c>
      <c r="BO28" s="103">
        <v>2026576</v>
      </c>
      <c r="BP28" s="106">
        <v>2596611</v>
      </c>
      <c r="BQ28" s="100">
        <v>205615</v>
      </c>
      <c r="BR28" s="104">
        <v>203634</v>
      </c>
      <c r="BS28" s="103">
        <v>409249</v>
      </c>
      <c r="BT28" s="100">
        <v>0</v>
      </c>
      <c r="BU28" s="104">
        <v>2820241</v>
      </c>
      <c r="BV28" s="104">
        <v>2445611</v>
      </c>
      <c r="BW28" s="104">
        <v>1991570</v>
      </c>
      <c r="BX28" s="104">
        <v>2978124</v>
      </c>
      <c r="BY28" s="104">
        <v>1802483</v>
      </c>
      <c r="BZ28" s="103">
        <v>12038029</v>
      </c>
      <c r="CA28" s="106">
        <v>12447278</v>
      </c>
      <c r="CB28" s="100">
        <v>26747</v>
      </c>
      <c r="CC28" s="104">
        <v>505174</v>
      </c>
      <c r="CD28" s="103">
        <v>531921</v>
      </c>
      <c r="CE28" s="100">
        <v>0</v>
      </c>
      <c r="CF28" s="104">
        <v>17651917</v>
      </c>
      <c r="CG28" s="104">
        <v>19267793</v>
      </c>
      <c r="CH28" s="104">
        <v>16533258</v>
      </c>
      <c r="CI28" s="104">
        <v>11597940</v>
      </c>
      <c r="CJ28" s="104">
        <v>4124644</v>
      </c>
      <c r="CK28" s="103">
        <v>69175552</v>
      </c>
      <c r="CL28" s="106">
        <v>69707473</v>
      </c>
      <c r="CM28" s="100">
        <v>0</v>
      </c>
      <c r="CN28" s="104">
        <v>0</v>
      </c>
      <c r="CO28" s="103">
        <v>0</v>
      </c>
      <c r="CP28" s="101">
        <v>0</v>
      </c>
      <c r="CQ28" s="104">
        <v>15154836</v>
      </c>
      <c r="CR28" s="104">
        <v>15743512</v>
      </c>
      <c r="CS28" s="104">
        <v>13216710</v>
      </c>
      <c r="CT28" s="104">
        <v>9450290</v>
      </c>
      <c r="CU28" s="104">
        <v>3264533</v>
      </c>
      <c r="CV28" s="103">
        <v>56829881</v>
      </c>
      <c r="CW28" s="106">
        <v>56829881</v>
      </c>
      <c r="CX28" s="100">
        <v>26747</v>
      </c>
      <c r="CY28" s="104">
        <v>505174</v>
      </c>
      <c r="CZ28" s="103">
        <v>531921</v>
      </c>
      <c r="DA28" s="100">
        <v>0</v>
      </c>
      <c r="DB28" s="104">
        <v>2497081</v>
      </c>
      <c r="DC28" s="104">
        <v>3524281</v>
      </c>
      <c r="DD28" s="104">
        <v>3316548</v>
      </c>
      <c r="DE28" s="104">
        <v>2147650</v>
      </c>
      <c r="DF28" s="104">
        <v>860111</v>
      </c>
      <c r="DG28" s="103">
        <v>12345671</v>
      </c>
      <c r="DH28" s="106">
        <v>12877592</v>
      </c>
      <c r="DI28" s="100">
        <v>40211</v>
      </c>
      <c r="DJ28" s="104">
        <v>124817</v>
      </c>
      <c r="DK28" s="102">
        <v>165028</v>
      </c>
      <c r="DL28" s="101">
        <v>0</v>
      </c>
      <c r="DM28" s="104">
        <v>1557226</v>
      </c>
      <c r="DN28" s="104">
        <v>2521541</v>
      </c>
      <c r="DO28" s="104">
        <v>6182908</v>
      </c>
      <c r="DP28" s="104">
        <v>4390071</v>
      </c>
      <c r="DQ28" s="104">
        <v>2824813</v>
      </c>
      <c r="DR28" s="103">
        <v>17476559</v>
      </c>
      <c r="DS28" s="106">
        <v>17641587</v>
      </c>
      <c r="DT28" s="100">
        <v>40211</v>
      </c>
      <c r="DU28" s="104">
        <v>124817</v>
      </c>
      <c r="DV28" s="103">
        <v>165028</v>
      </c>
      <c r="DW28" s="100">
        <v>0</v>
      </c>
      <c r="DX28" s="104">
        <v>1525618</v>
      </c>
      <c r="DY28" s="104">
        <v>2376390</v>
      </c>
      <c r="DZ28" s="104">
        <v>6105184</v>
      </c>
      <c r="EA28" s="104">
        <v>4213606</v>
      </c>
      <c r="EB28" s="104">
        <v>2474860</v>
      </c>
      <c r="EC28" s="103">
        <v>16695658</v>
      </c>
      <c r="ED28" s="106">
        <v>16860686</v>
      </c>
      <c r="EE28" s="100">
        <v>0</v>
      </c>
      <c r="EF28" s="102">
        <v>0</v>
      </c>
      <c r="EG28" s="103">
        <v>0</v>
      </c>
      <c r="EH28" s="100">
        <v>0</v>
      </c>
      <c r="EI28" s="104">
        <v>31608</v>
      </c>
      <c r="EJ28" s="104">
        <v>145151</v>
      </c>
      <c r="EK28" s="104">
        <v>77724</v>
      </c>
      <c r="EL28" s="104">
        <v>176465</v>
      </c>
      <c r="EM28" s="104">
        <v>349953</v>
      </c>
      <c r="EN28" s="102">
        <v>780901</v>
      </c>
      <c r="EO28" s="106">
        <v>780901</v>
      </c>
      <c r="EP28" s="100">
        <v>0</v>
      </c>
      <c r="EQ28" s="104">
        <v>0</v>
      </c>
      <c r="ER28" s="102">
        <v>0</v>
      </c>
      <c r="ES28" s="101">
        <v>0</v>
      </c>
      <c r="ET28" s="104">
        <v>0</v>
      </c>
      <c r="EU28" s="104">
        <v>0</v>
      </c>
      <c r="EV28" s="104">
        <v>0</v>
      </c>
      <c r="EW28" s="104">
        <v>0</v>
      </c>
      <c r="EX28" s="104">
        <v>0</v>
      </c>
      <c r="EY28" s="103">
        <v>0</v>
      </c>
      <c r="EZ28" s="106">
        <v>0</v>
      </c>
      <c r="FA28" s="100">
        <v>0</v>
      </c>
      <c r="FB28" s="104">
        <v>0</v>
      </c>
      <c r="FC28" s="102">
        <v>0</v>
      </c>
      <c r="FD28" s="324"/>
      <c r="FE28" s="104">
        <v>0</v>
      </c>
      <c r="FF28" s="104">
        <v>0</v>
      </c>
      <c r="FG28" s="104">
        <v>0</v>
      </c>
      <c r="FH28" s="104">
        <v>0</v>
      </c>
      <c r="FI28" s="104">
        <v>0</v>
      </c>
      <c r="FJ28" s="103">
        <v>0</v>
      </c>
      <c r="FK28" s="106">
        <v>0</v>
      </c>
      <c r="FL28" s="100">
        <v>707710</v>
      </c>
      <c r="FM28" s="104">
        <v>2004792</v>
      </c>
      <c r="FN28" s="103">
        <v>2712502</v>
      </c>
      <c r="FO28" s="100">
        <v>0</v>
      </c>
      <c r="FP28" s="104">
        <v>3633771</v>
      </c>
      <c r="FQ28" s="104">
        <v>6529326</v>
      </c>
      <c r="FR28" s="104">
        <v>3959572</v>
      </c>
      <c r="FS28" s="104">
        <v>4389675</v>
      </c>
      <c r="FT28" s="104">
        <v>2092411</v>
      </c>
      <c r="FU28" s="103">
        <v>20604755</v>
      </c>
      <c r="FV28" s="106">
        <v>23317257</v>
      </c>
      <c r="FW28" s="105">
        <v>471910</v>
      </c>
      <c r="FX28" s="104">
        <v>1842342</v>
      </c>
      <c r="FY28" s="102">
        <v>2314252</v>
      </c>
      <c r="FZ28" s="101">
        <v>0</v>
      </c>
      <c r="GA28" s="104">
        <v>2522791</v>
      </c>
      <c r="GB28" s="104">
        <v>5685660</v>
      </c>
      <c r="GC28" s="104">
        <v>3302920</v>
      </c>
      <c r="GD28" s="104">
        <v>3866894</v>
      </c>
      <c r="GE28" s="104">
        <v>2008621</v>
      </c>
      <c r="GF28" s="103">
        <v>17386886</v>
      </c>
      <c r="GG28" s="296">
        <v>19701138</v>
      </c>
      <c r="GH28" s="105">
        <v>0</v>
      </c>
      <c r="GI28" s="104">
        <v>40950</v>
      </c>
      <c r="GJ28" s="102">
        <v>40950</v>
      </c>
      <c r="GK28" s="101">
        <v>0</v>
      </c>
      <c r="GL28" s="104">
        <v>132400</v>
      </c>
      <c r="GM28" s="104">
        <v>324052</v>
      </c>
      <c r="GN28" s="104">
        <v>107652</v>
      </c>
      <c r="GO28" s="104">
        <v>312036</v>
      </c>
      <c r="GP28" s="104">
        <v>83790</v>
      </c>
      <c r="GQ28" s="103">
        <v>959930</v>
      </c>
      <c r="GR28" s="106">
        <v>1000880</v>
      </c>
      <c r="GS28" s="100">
        <v>235800</v>
      </c>
      <c r="GT28" s="104">
        <v>121500</v>
      </c>
      <c r="GU28" s="103">
        <v>357300</v>
      </c>
      <c r="GV28" s="100">
        <v>0</v>
      </c>
      <c r="GW28" s="104">
        <v>978580</v>
      </c>
      <c r="GX28" s="104">
        <v>519614</v>
      </c>
      <c r="GY28" s="104">
        <v>549000</v>
      </c>
      <c r="GZ28" s="104">
        <v>210745</v>
      </c>
      <c r="HA28" s="104">
        <v>0</v>
      </c>
      <c r="HB28" s="102">
        <v>2257939</v>
      </c>
      <c r="HC28" s="106">
        <v>2615239</v>
      </c>
      <c r="HD28" s="100">
        <v>519160</v>
      </c>
      <c r="HE28" s="104">
        <v>222948</v>
      </c>
      <c r="HF28" s="102">
        <v>742108</v>
      </c>
      <c r="HG28" s="101">
        <v>0</v>
      </c>
      <c r="HH28" s="104">
        <v>9953933</v>
      </c>
      <c r="HI28" s="104">
        <v>8354570</v>
      </c>
      <c r="HJ28" s="104">
        <v>7115271</v>
      </c>
      <c r="HK28" s="104">
        <v>13437081</v>
      </c>
      <c r="HL28" s="104">
        <v>9163962</v>
      </c>
      <c r="HM28" s="103">
        <v>48024817</v>
      </c>
      <c r="HN28" s="99">
        <v>48766925</v>
      </c>
      <c r="HO28" s="105">
        <v>592428</v>
      </c>
      <c r="HP28" s="104">
        <v>1364203</v>
      </c>
      <c r="HQ28" s="103">
        <v>1956631</v>
      </c>
      <c r="HR28" s="100">
        <v>0</v>
      </c>
      <c r="HS28" s="104">
        <v>7840153</v>
      </c>
      <c r="HT28" s="104">
        <v>7944577</v>
      </c>
      <c r="HU28" s="104">
        <v>4895158</v>
      </c>
      <c r="HV28" s="104">
        <v>3991228</v>
      </c>
      <c r="HW28" s="104">
        <v>1850648</v>
      </c>
      <c r="HX28" s="102">
        <v>26521764</v>
      </c>
      <c r="HY28" s="106">
        <v>28478395</v>
      </c>
      <c r="HZ28" s="137">
        <v>0</v>
      </c>
      <c r="IA28" s="122">
        <v>0</v>
      </c>
      <c r="IB28" s="137">
        <v>0</v>
      </c>
      <c r="IC28" s="121">
        <v>0</v>
      </c>
      <c r="ID28" s="122">
        <v>13849154</v>
      </c>
      <c r="IE28" s="123">
        <v>11965025</v>
      </c>
      <c r="IF28" s="124">
        <v>10090968</v>
      </c>
      <c r="IG28" s="122">
        <v>8619316</v>
      </c>
      <c r="IH28" s="124">
        <v>3095994</v>
      </c>
      <c r="II28" s="125">
        <v>47620457</v>
      </c>
      <c r="IJ28" s="137">
        <v>47620457</v>
      </c>
      <c r="IK28" s="219">
        <v>0</v>
      </c>
      <c r="IL28" s="223">
        <v>0</v>
      </c>
      <c r="IM28" s="224">
        <v>0</v>
      </c>
      <c r="IN28" s="324"/>
      <c r="IO28" s="109">
        <v>0</v>
      </c>
      <c r="IP28" s="109">
        <v>0</v>
      </c>
      <c r="IQ28" s="109">
        <v>174946</v>
      </c>
      <c r="IR28" s="109">
        <v>0</v>
      </c>
      <c r="IS28" s="109">
        <v>232199</v>
      </c>
      <c r="IT28" s="128">
        <v>407145</v>
      </c>
      <c r="IU28" s="298">
        <v>407145</v>
      </c>
      <c r="IV28" s="129">
        <v>0</v>
      </c>
      <c r="IW28" s="109">
        <v>0</v>
      </c>
      <c r="IX28" s="110">
        <v>0</v>
      </c>
      <c r="IY28" s="324"/>
      <c r="IZ28" s="109">
        <v>0</v>
      </c>
      <c r="JA28" s="109">
        <v>0</v>
      </c>
      <c r="JB28" s="109">
        <v>0</v>
      </c>
      <c r="JC28" s="109">
        <v>0</v>
      </c>
      <c r="JD28" s="109">
        <v>0</v>
      </c>
      <c r="JE28" s="110">
        <v>0</v>
      </c>
      <c r="JF28" s="111">
        <v>0</v>
      </c>
      <c r="JG28" s="129">
        <v>0</v>
      </c>
      <c r="JH28" s="109">
        <v>0</v>
      </c>
      <c r="JI28" s="128">
        <v>0</v>
      </c>
      <c r="JJ28" s="108">
        <v>0</v>
      </c>
      <c r="JK28" s="109">
        <v>2850193</v>
      </c>
      <c r="JL28" s="109">
        <v>2696406</v>
      </c>
      <c r="JM28" s="109">
        <v>2745200</v>
      </c>
      <c r="JN28" s="109">
        <v>1942664</v>
      </c>
      <c r="JO28" s="109">
        <v>708464</v>
      </c>
      <c r="JP28" s="110">
        <v>10942927</v>
      </c>
      <c r="JQ28" s="298">
        <v>10942927</v>
      </c>
      <c r="JR28" s="129">
        <v>0</v>
      </c>
      <c r="JS28" s="109">
        <v>0</v>
      </c>
      <c r="JT28" s="128">
        <v>0</v>
      </c>
      <c r="JU28" s="108">
        <v>0</v>
      </c>
      <c r="JV28" s="109">
        <v>0</v>
      </c>
      <c r="JW28" s="109">
        <v>0</v>
      </c>
      <c r="JX28" s="109">
        <v>200003</v>
      </c>
      <c r="JY28" s="109">
        <v>301587</v>
      </c>
      <c r="JZ28" s="109">
        <v>0</v>
      </c>
      <c r="KA28" s="110">
        <v>501590</v>
      </c>
      <c r="KB28" s="298">
        <v>501590</v>
      </c>
      <c r="KC28" s="221">
        <v>0</v>
      </c>
      <c r="KD28" s="217">
        <v>0</v>
      </c>
      <c r="KE28" s="110">
        <v>0</v>
      </c>
      <c r="KF28" s="108">
        <v>0</v>
      </c>
      <c r="KG28" s="109">
        <v>649405</v>
      </c>
      <c r="KH28" s="109">
        <v>3405317</v>
      </c>
      <c r="KI28" s="109">
        <v>795479</v>
      </c>
      <c r="KJ28" s="109">
        <v>573525</v>
      </c>
      <c r="KK28" s="109">
        <v>311881</v>
      </c>
      <c r="KL28" s="110">
        <v>5735607</v>
      </c>
      <c r="KM28" s="130">
        <v>5735607</v>
      </c>
      <c r="KN28" s="219">
        <v>0</v>
      </c>
      <c r="KO28" s="223">
        <v>0</v>
      </c>
      <c r="KP28" s="224">
        <v>0</v>
      </c>
      <c r="KQ28" s="127"/>
      <c r="KR28" s="109">
        <v>10349556</v>
      </c>
      <c r="KS28" s="109">
        <v>5863302</v>
      </c>
      <c r="KT28" s="109">
        <v>6175340</v>
      </c>
      <c r="KU28" s="109">
        <v>5481673</v>
      </c>
      <c r="KV28" s="109">
        <v>1843450</v>
      </c>
      <c r="KW28" s="110">
        <v>29713321</v>
      </c>
      <c r="KX28" s="298">
        <v>29713321</v>
      </c>
      <c r="KY28" s="129">
        <v>0</v>
      </c>
      <c r="KZ28" s="109">
        <v>0</v>
      </c>
      <c r="LA28" s="110">
        <v>0</v>
      </c>
      <c r="LB28" s="132"/>
      <c r="LC28" s="109">
        <v>0</v>
      </c>
      <c r="LD28" s="109">
        <v>0</v>
      </c>
      <c r="LE28" s="109">
        <v>0</v>
      </c>
      <c r="LF28" s="109">
        <v>0</v>
      </c>
      <c r="LG28" s="109">
        <v>0</v>
      </c>
      <c r="LH28" s="110">
        <v>0</v>
      </c>
      <c r="LI28" s="111">
        <v>0</v>
      </c>
      <c r="LJ28" s="129">
        <v>0</v>
      </c>
      <c r="LK28" s="109">
        <v>0</v>
      </c>
      <c r="LL28" s="110">
        <v>0</v>
      </c>
      <c r="LM28" s="132"/>
      <c r="LN28" s="109">
        <v>0</v>
      </c>
      <c r="LO28" s="109">
        <v>0</v>
      </c>
      <c r="LP28" s="109">
        <v>0</v>
      </c>
      <c r="LQ28" s="109">
        <v>0</v>
      </c>
      <c r="LR28" s="109">
        <v>0</v>
      </c>
      <c r="LS28" s="110">
        <v>0</v>
      </c>
      <c r="LT28" s="298">
        <v>0</v>
      </c>
      <c r="LU28" s="129">
        <v>0</v>
      </c>
      <c r="LV28" s="109">
        <v>0</v>
      </c>
      <c r="LW28" s="110">
        <v>0</v>
      </c>
      <c r="LX28" s="132"/>
      <c r="LY28" s="109">
        <v>0</v>
      </c>
      <c r="LZ28" s="109">
        <v>0</v>
      </c>
      <c r="MA28" s="109">
        <v>0</v>
      </c>
      <c r="MB28" s="109">
        <v>319867</v>
      </c>
      <c r="MC28" s="109">
        <v>0</v>
      </c>
      <c r="MD28" s="110">
        <v>319867</v>
      </c>
      <c r="ME28" s="111">
        <v>319867</v>
      </c>
      <c r="MF28" s="129">
        <v>0</v>
      </c>
      <c r="MG28" s="109">
        <v>0</v>
      </c>
      <c r="MH28" s="110">
        <v>0</v>
      </c>
      <c r="MI28" s="132"/>
      <c r="MJ28" s="109">
        <v>3850427</v>
      </c>
      <c r="MK28" s="109">
        <v>8910087</v>
      </c>
      <c r="ML28" s="109">
        <v>36183938</v>
      </c>
      <c r="MM28" s="109">
        <v>56502069</v>
      </c>
      <c r="MN28" s="109">
        <v>41231637</v>
      </c>
      <c r="MO28" s="110">
        <v>146678158</v>
      </c>
      <c r="MP28" s="130">
        <v>146678158</v>
      </c>
      <c r="MQ28" s="129">
        <v>0</v>
      </c>
      <c r="MR28" s="109">
        <v>0</v>
      </c>
      <c r="MS28" s="110">
        <v>0</v>
      </c>
      <c r="MT28" s="132"/>
      <c r="MU28" s="109">
        <v>450733</v>
      </c>
      <c r="MV28" s="109">
        <v>1440000</v>
      </c>
      <c r="MW28" s="109">
        <v>24102955</v>
      </c>
      <c r="MX28" s="109">
        <v>36294458</v>
      </c>
      <c r="MY28" s="109">
        <v>27710718</v>
      </c>
      <c r="MZ28" s="110">
        <v>89998864</v>
      </c>
      <c r="NA28" s="130">
        <v>89998864</v>
      </c>
      <c r="NB28" s="129">
        <v>0</v>
      </c>
      <c r="NC28" s="109">
        <v>0</v>
      </c>
      <c r="ND28" s="110">
        <v>0</v>
      </c>
      <c r="NE28" s="132"/>
      <c r="NF28" s="109">
        <v>3399694</v>
      </c>
      <c r="NG28" s="109">
        <v>7470087</v>
      </c>
      <c r="NH28" s="109">
        <v>12080983</v>
      </c>
      <c r="NI28" s="109">
        <v>18977008</v>
      </c>
      <c r="NJ28" s="109">
        <v>9112297</v>
      </c>
      <c r="NK28" s="110">
        <v>51040069</v>
      </c>
      <c r="NL28" s="298">
        <v>51040069</v>
      </c>
      <c r="NM28" s="129">
        <v>0</v>
      </c>
      <c r="NN28" s="109">
        <v>0</v>
      </c>
      <c r="NO28" s="110">
        <v>0</v>
      </c>
      <c r="NP28" s="132"/>
      <c r="NQ28" s="109">
        <v>0</v>
      </c>
      <c r="NR28" s="109">
        <v>0</v>
      </c>
      <c r="NS28" s="109">
        <v>0</v>
      </c>
      <c r="NT28" s="109">
        <v>0</v>
      </c>
      <c r="NU28" s="109">
        <v>700102</v>
      </c>
      <c r="NV28" s="110">
        <v>700102</v>
      </c>
      <c r="NW28" s="111">
        <v>700102</v>
      </c>
      <c r="NX28" s="129">
        <v>0</v>
      </c>
      <c r="NY28" s="109">
        <v>0</v>
      </c>
      <c r="NZ28" s="110">
        <v>0</v>
      </c>
      <c r="OA28" s="132"/>
      <c r="OB28" s="109">
        <v>0</v>
      </c>
      <c r="OC28" s="109">
        <v>0</v>
      </c>
      <c r="OD28" s="109">
        <v>0</v>
      </c>
      <c r="OE28" s="109">
        <v>1230603</v>
      </c>
      <c r="OF28" s="109">
        <v>3708520</v>
      </c>
      <c r="OG28" s="110">
        <v>4939123</v>
      </c>
      <c r="OH28" s="111">
        <v>4939123</v>
      </c>
      <c r="OI28" s="129">
        <v>2947966</v>
      </c>
      <c r="OJ28" s="109">
        <v>6746782</v>
      </c>
      <c r="OK28" s="128">
        <v>9694748</v>
      </c>
      <c r="OL28" s="108">
        <v>0</v>
      </c>
      <c r="OM28" s="109">
        <v>71556176</v>
      </c>
      <c r="ON28" s="109">
        <v>83494119</v>
      </c>
      <c r="OO28" s="109">
        <v>97323687</v>
      </c>
      <c r="OP28" s="109">
        <v>121182464</v>
      </c>
      <c r="OQ28" s="109">
        <v>78369038</v>
      </c>
      <c r="OR28" s="110">
        <v>451925484</v>
      </c>
      <c r="OS28" s="130">
        <v>461620232</v>
      </c>
    </row>
    <row r="29" spans="2:409" ht="21" customHeight="1" x14ac:dyDescent="0.2">
      <c r="B29" s="472" t="s">
        <v>24</v>
      </c>
      <c r="C29" s="100">
        <v>3210779</v>
      </c>
      <c r="D29" s="104">
        <v>3708821</v>
      </c>
      <c r="E29" s="103">
        <v>6919600</v>
      </c>
      <c r="F29" s="99">
        <v>0</v>
      </c>
      <c r="G29" s="104">
        <v>28092556</v>
      </c>
      <c r="H29" s="104">
        <v>29155001</v>
      </c>
      <c r="I29" s="104">
        <v>24916919</v>
      </c>
      <c r="J29" s="104">
        <v>25373806</v>
      </c>
      <c r="K29" s="104">
        <v>19374182</v>
      </c>
      <c r="L29" s="160">
        <v>126912464</v>
      </c>
      <c r="M29" s="106">
        <v>133832064</v>
      </c>
      <c r="N29" s="100">
        <v>687900</v>
      </c>
      <c r="O29" s="104">
        <v>946283</v>
      </c>
      <c r="P29" s="103">
        <v>1634183</v>
      </c>
      <c r="Q29" s="100">
        <v>0</v>
      </c>
      <c r="R29" s="104">
        <v>6857627</v>
      </c>
      <c r="S29" s="104">
        <v>8285745</v>
      </c>
      <c r="T29" s="104">
        <v>7943828</v>
      </c>
      <c r="U29" s="104">
        <v>8328799</v>
      </c>
      <c r="V29" s="104">
        <v>9235330</v>
      </c>
      <c r="W29" s="103">
        <v>40651329</v>
      </c>
      <c r="X29" s="106">
        <v>42285512</v>
      </c>
      <c r="Y29" s="100">
        <v>0</v>
      </c>
      <c r="Z29" s="104">
        <v>0</v>
      </c>
      <c r="AA29" s="103">
        <v>0</v>
      </c>
      <c r="AB29" s="100">
        <v>0</v>
      </c>
      <c r="AC29" s="104">
        <v>2629380</v>
      </c>
      <c r="AD29" s="104">
        <v>3555742</v>
      </c>
      <c r="AE29" s="104">
        <v>5146594</v>
      </c>
      <c r="AF29" s="104">
        <v>3954433</v>
      </c>
      <c r="AG29" s="104">
        <v>5446436</v>
      </c>
      <c r="AH29" s="103">
        <v>20732585</v>
      </c>
      <c r="AI29" s="106">
        <v>20732585</v>
      </c>
      <c r="AJ29" s="100">
        <v>0</v>
      </c>
      <c r="AK29" s="104">
        <v>0</v>
      </c>
      <c r="AL29" s="103">
        <v>0</v>
      </c>
      <c r="AM29" s="100">
        <v>0</v>
      </c>
      <c r="AN29" s="104">
        <v>102782</v>
      </c>
      <c r="AO29" s="104">
        <v>79777</v>
      </c>
      <c r="AP29" s="104">
        <v>204980</v>
      </c>
      <c r="AQ29" s="104">
        <v>721432</v>
      </c>
      <c r="AR29" s="104">
        <v>1209306</v>
      </c>
      <c r="AS29" s="103">
        <v>2318277</v>
      </c>
      <c r="AT29" s="106">
        <v>2318277</v>
      </c>
      <c r="AU29" s="100">
        <v>465554</v>
      </c>
      <c r="AV29" s="104">
        <v>753101</v>
      </c>
      <c r="AW29" s="103">
        <v>1218655</v>
      </c>
      <c r="AX29" s="100">
        <v>0</v>
      </c>
      <c r="AY29" s="104">
        <v>2793728</v>
      </c>
      <c r="AZ29" s="104">
        <v>3173914</v>
      </c>
      <c r="BA29" s="104">
        <v>1298784</v>
      </c>
      <c r="BB29" s="104">
        <v>2166504</v>
      </c>
      <c r="BC29" s="104">
        <v>1450042</v>
      </c>
      <c r="BD29" s="103">
        <v>10882972</v>
      </c>
      <c r="BE29" s="106">
        <v>12101627</v>
      </c>
      <c r="BF29" s="100">
        <v>0</v>
      </c>
      <c r="BG29" s="104">
        <v>23395</v>
      </c>
      <c r="BH29" s="102">
        <v>23395</v>
      </c>
      <c r="BI29" s="101">
        <v>0</v>
      </c>
      <c r="BJ29" s="104">
        <v>153886</v>
      </c>
      <c r="BK29" s="104">
        <v>210390</v>
      </c>
      <c r="BL29" s="104">
        <v>72793</v>
      </c>
      <c r="BM29" s="104">
        <v>78744</v>
      </c>
      <c r="BN29" s="104">
        <v>123837</v>
      </c>
      <c r="BO29" s="103">
        <v>639650</v>
      </c>
      <c r="BP29" s="106">
        <v>663045</v>
      </c>
      <c r="BQ29" s="100">
        <v>222346</v>
      </c>
      <c r="BR29" s="104">
        <v>169787</v>
      </c>
      <c r="BS29" s="103">
        <v>392133</v>
      </c>
      <c r="BT29" s="100">
        <v>0</v>
      </c>
      <c r="BU29" s="104">
        <v>1177851</v>
      </c>
      <c r="BV29" s="104">
        <v>1265922</v>
      </c>
      <c r="BW29" s="104">
        <v>1220677</v>
      </c>
      <c r="BX29" s="104">
        <v>1407686</v>
      </c>
      <c r="BY29" s="104">
        <v>1005709</v>
      </c>
      <c r="BZ29" s="103">
        <v>6077845</v>
      </c>
      <c r="CA29" s="106">
        <v>6469978</v>
      </c>
      <c r="CB29" s="100">
        <v>308010</v>
      </c>
      <c r="CC29" s="104">
        <v>499566</v>
      </c>
      <c r="CD29" s="103">
        <v>807576</v>
      </c>
      <c r="CE29" s="100">
        <v>0</v>
      </c>
      <c r="CF29" s="104">
        <v>8848793</v>
      </c>
      <c r="CG29" s="104">
        <v>8987167</v>
      </c>
      <c r="CH29" s="104">
        <v>5667015</v>
      </c>
      <c r="CI29" s="104">
        <v>3095053</v>
      </c>
      <c r="CJ29" s="104">
        <v>2310348</v>
      </c>
      <c r="CK29" s="103">
        <v>28908376</v>
      </c>
      <c r="CL29" s="106">
        <v>29715952</v>
      </c>
      <c r="CM29" s="100">
        <v>0</v>
      </c>
      <c r="CN29" s="104">
        <v>0</v>
      </c>
      <c r="CO29" s="103">
        <v>0</v>
      </c>
      <c r="CP29" s="101">
        <v>0</v>
      </c>
      <c r="CQ29" s="104">
        <v>6186135</v>
      </c>
      <c r="CR29" s="104">
        <v>6702738</v>
      </c>
      <c r="CS29" s="104">
        <v>3588989</v>
      </c>
      <c r="CT29" s="104">
        <v>1993399</v>
      </c>
      <c r="CU29" s="104">
        <v>946203</v>
      </c>
      <c r="CV29" s="103">
        <v>19417464</v>
      </c>
      <c r="CW29" s="106">
        <v>19417464</v>
      </c>
      <c r="CX29" s="100">
        <v>308010</v>
      </c>
      <c r="CY29" s="104">
        <v>499566</v>
      </c>
      <c r="CZ29" s="103">
        <v>807576</v>
      </c>
      <c r="DA29" s="100">
        <v>0</v>
      </c>
      <c r="DB29" s="104">
        <v>2662658</v>
      </c>
      <c r="DC29" s="104">
        <v>2284429</v>
      </c>
      <c r="DD29" s="104">
        <v>2078026</v>
      </c>
      <c r="DE29" s="104">
        <v>1101654</v>
      </c>
      <c r="DF29" s="104">
        <v>1364145</v>
      </c>
      <c r="DG29" s="103">
        <v>9490912</v>
      </c>
      <c r="DH29" s="106">
        <v>10298488</v>
      </c>
      <c r="DI29" s="100">
        <v>24627</v>
      </c>
      <c r="DJ29" s="104">
        <v>39343</v>
      </c>
      <c r="DK29" s="102">
        <v>63970</v>
      </c>
      <c r="DL29" s="101">
        <v>0</v>
      </c>
      <c r="DM29" s="104">
        <v>1052518</v>
      </c>
      <c r="DN29" s="104">
        <v>1203343</v>
      </c>
      <c r="DO29" s="104">
        <v>1934776</v>
      </c>
      <c r="DP29" s="104">
        <v>2287120</v>
      </c>
      <c r="DQ29" s="104">
        <v>769744</v>
      </c>
      <c r="DR29" s="103">
        <v>7247501</v>
      </c>
      <c r="DS29" s="106">
        <v>7311471</v>
      </c>
      <c r="DT29" s="100">
        <v>24627</v>
      </c>
      <c r="DU29" s="104">
        <v>39343</v>
      </c>
      <c r="DV29" s="103">
        <v>63970</v>
      </c>
      <c r="DW29" s="100">
        <v>0</v>
      </c>
      <c r="DX29" s="104">
        <v>955763</v>
      </c>
      <c r="DY29" s="104">
        <v>1175661</v>
      </c>
      <c r="DZ29" s="104">
        <v>1721962</v>
      </c>
      <c r="EA29" s="104">
        <v>2216393</v>
      </c>
      <c r="EB29" s="104">
        <v>475519</v>
      </c>
      <c r="EC29" s="103">
        <v>6545298</v>
      </c>
      <c r="ED29" s="106">
        <v>6609268</v>
      </c>
      <c r="EE29" s="100">
        <v>0</v>
      </c>
      <c r="EF29" s="102">
        <v>0</v>
      </c>
      <c r="EG29" s="103">
        <v>0</v>
      </c>
      <c r="EH29" s="100">
        <v>0</v>
      </c>
      <c r="EI29" s="104">
        <v>96755</v>
      </c>
      <c r="EJ29" s="104">
        <v>27682</v>
      </c>
      <c r="EK29" s="104">
        <v>212814</v>
      </c>
      <c r="EL29" s="104">
        <v>70727</v>
      </c>
      <c r="EM29" s="104">
        <v>294225</v>
      </c>
      <c r="EN29" s="102">
        <v>702203</v>
      </c>
      <c r="EO29" s="106">
        <v>702203</v>
      </c>
      <c r="EP29" s="100">
        <v>0</v>
      </c>
      <c r="EQ29" s="104">
        <v>0</v>
      </c>
      <c r="ER29" s="102">
        <v>0</v>
      </c>
      <c r="ES29" s="101">
        <v>0</v>
      </c>
      <c r="ET29" s="104">
        <v>0</v>
      </c>
      <c r="EU29" s="104">
        <v>0</v>
      </c>
      <c r="EV29" s="104">
        <v>0</v>
      </c>
      <c r="EW29" s="104">
        <v>0</v>
      </c>
      <c r="EX29" s="104">
        <v>0</v>
      </c>
      <c r="EY29" s="103">
        <v>0</v>
      </c>
      <c r="EZ29" s="106">
        <v>0</v>
      </c>
      <c r="FA29" s="100">
        <v>0</v>
      </c>
      <c r="FB29" s="104">
        <v>0</v>
      </c>
      <c r="FC29" s="102">
        <v>0</v>
      </c>
      <c r="FD29" s="324"/>
      <c r="FE29" s="104">
        <v>0</v>
      </c>
      <c r="FF29" s="104">
        <v>0</v>
      </c>
      <c r="FG29" s="104">
        <v>0</v>
      </c>
      <c r="FH29" s="104">
        <v>0</v>
      </c>
      <c r="FI29" s="104">
        <v>0</v>
      </c>
      <c r="FJ29" s="103">
        <v>0</v>
      </c>
      <c r="FK29" s="106">
        <v>0</v>
      </c>
      <c r="FL29" s="100">
        <v>967016</v>
      </c>
      <c r="FM29" s="104">
        <v>659677</v>
      </c>
      <c r="FN29" s="103">
        <v>1626693</v>
      </c>
      <c r="FO29" s="100">
        <v>0</v>
      </c>
      <c r="FP29" s="104">
        <v>1334491</v>
      </c>
      <c r="FQ29" s="104">
        <v>2235474</v>
      </c>
      <c r="FR29" s="104">
        <v>1618354</v>
      </c>
      <c r="FS29" s="104">
        <v>1461703</v>
      </c>
      <c r="FT29" s="104">
        <v>1212967</v>
      </c>
      <c r="FU29" s="103">
        <v>7862989</v>
      </c>
      <c r="FV29" s="106">
        <v>9489682</v>
      </c>
      <c r="FW29" s="105">
        <v>406248</v>
      </c>
      <c r="FX29" s="104">
        <v>525730</v>
      </c>
      <c r="FY29" s="102">
        <v>931978</v>
      </c>
      <c r="FZ29" s="101">
        <v>0</v>
      </c>
      <c r="GA29" s="104">
        <v>1006036</v>
      </c>
      <c r="GB29" s="104">
        <v>2078163</v>
      </c>
      <c r="GC29" s="104">
        <v>1496098</v>
      </c>
      <c r="GD29" s="104">
        <v>1461703</v>
      </c>
      <c r="GE29" s="104">
        <v>1072967</v>
      </c>
      <c r="GF29" s="103">
        <v>7114967</v>
      </c>
      <c r="GG29" s="296">
        <v>8046945</v>
      </c>
      <c r="GH29" s="105">
        <v>58506</v>
      </c>
      <c r="GI29" s="104">
        <v>39447</v>
      </c>
      <c r="GJ29" s="102">
        <v>97953</v>
      </c>
      <c r="GK29" s="101">
        <v>0</v>
      </c>
      <c r="GL29" s="104">
        <v>90855</v>
      </c>
      <c r="GM29" s="104">
        <v>38511</v>
      </c>
      <c r="GN29" s="104">
        <v>34056</v>
      </c>
      <c r="GO29" s="104">
        <v>0</v>
      </c>
      <c r="GP29" s="104">
        <v>0</v>
      </c>
      <c r="GQ29" s="103">
        <v>163422</v>
      </c>
      <c r="GR29" s="106">
        <v>261375</v>
      </c>
      <c r="GS29" s="100">
        <v>502262</v>
      </c>
      <c r="GT29" s="104">
        <v>94500</v>
      </c>
      <c r="GU29" s="103">
        <v>596762</v>
      </c>
      <c r="GV29" s="100">
        <v>0</v>
      </c>
      <c r="GW29" s="104">
        <v>237600</v>
      </c>
      <c r="GX29" s="104">
        <v>118800</v>
      </c>
      <c r="GY29" s="104">
        <v>88200</v>
      </c>
      <c r="GZ29" s="104">
        <v>0</v>
      </c>
      <c r="HA29" s="104">
        <v>140000</v>
      </c>
      <c r="HB29" s="102">
        <v>584600</v>
      </c>
      <c r="HC29" s="106">
        <v>1181362</v>
      </c>
      <c r="HD29" s="100">
        <v>676851</v>
      </c>
      <c r="HE29" s="104">
        <v>1026212</v>
      </c>
      <c r="HF29" s="102">
        <v>1703063</v>
      </c>
      <c r="HG29" s="101">
        <v>0</v>
      </c>
      <c r="HH29" s="104">
        <v>6202037</v>
      </c>
      <c r="HI29" s="104">
        <v>5366582</v>
      </c>
      <c r="HJ29" s="104">
        <v>5576524</v>
      </c>
      <c r="HK29" s="104">
        <v>8826714</v>
      </c>
      <c r="HL29" s="104">
        <v>5028860</v>
      </c>
      <c r="HM29" s="103">
        <v>31000717</v>
      </c>
      <c r="HN29" s="99">
        <v>32703780</v>
      </c>
      <c r="HO29" s="105">
        <v>546375</v>
      </c>
      <c r="HP29" s="104">
        <v>537740</v>
      </c>
      <c r="HQ29" s="103">
        <v>1084115</v>
      </c>
      <c r="HR29" s="100">
        <v>0</v>
      </c>
      <c r="HS29" s="104">
        <v>3797090</v>
      </c>
      <c r="HT29" s="104">
        <v>3076690</v>
      </c>
      <c r="HU29" s="104">
        <v>2176422</v>
      </c>
      <c r="HV29" s="104">
        <v>1374417</v>
      </c>
      <c r="HW29" s="104">
        <v>816933</v>
      </c>
      <c r="HX29" s="102">
        <v>11241552</v>
      </c>
      <c r="HY29" s="106">
        <v>12325667</v>
      </c>
      <c r="HZ29" s="118">
        <v>0</v>
      </c>
      <c r="IA29" s="119">
        <v>329325</v>
      </c>
      <c r="IB29" s="120">
        <v>329325</v>
      </c>
      <c r="IC29" s="133">
        <v>0</v>
      </c>
      <c r="ID29" s="119">
        <v>4301894</v>
      </c>
      <c r="IE29" s="134">
        <v>4970366</v>
      </c>
      <c r="IF29" s="120">
        <v>6322772</v>
      </c>
      <c r="IG29" s="119">
        <v>5288215</v>
      </c>
      <c r="IH29" s="120">
        <v>1417011</v>
      </c>
      <c r="II29" s="135">
        <v>22300258</v>
      </c>
      <c r="IJ29" s="126">
        <v>22629583</v>
      </c>
      <c r="IK29" s="219">
        <v>0</v>
      </c>
      <c r="IL29" s="223">
        <v>0</v>
      </c>
      <c r="IM29" s="224">
        <v>0</v>
      </c>
      <c r="IN29" s="324"/>
      <c r="IO29" s="109">
        <v>349007</v>
      </c>
      <c r="IP29" s="109">
        <v>221432</v>
      </c>
      <c r="IQ29" s="109">
        <v>632741</v>
      </c>
      <c r="IR29" s="109">
        <v>795604</v>
      </c>
      <c r="IS29" s="109">
        <v>0</v>
      </c>
      <c r="IT29" s="128">
        <v>1998784</v>
      </c>
      <c r="IU29" s="298">
        <v>1998784</v>
      </c>
      <c r="IV29" s="129">
        <v>0</v>
      </c>
      <c r="IW29" s="109">
        <v>0</v>
      </c>
      <c r="IX29" s="110">
        <v>0</v>
      </c>
      <c r="IY29" s="324"/>
      <c r="IZ29" s="109">
        <v>0</v>
      </c>
      <c r="JA29" s="109">
        <v>0</v>
      </c>
      <c r="JB29" s="109">
        <v>0</v>
      </c>
      <c r="JC29" s="109">
        <v>0</v>
      </c>
      <c r="JD29" s="109">
        <v>0</v>
      </c>
      <c r="JE29" s="110">
        <v>0</v>
      </c>
      <c r="JF29" s="111">
        <v>0</v>
      </c>
      <c r="JG29" s="129">
        <v>0</v>
      </c>
      <c r="JH29" s="109">
        <v>0</v>
      </c>
      <c r="JI29" s="128">
        <v>0</v>
      </c>
      <c r="JJ29" s="108">
        <v>0</v>
      </c>
      <c r="JK29" s="109">
        <v>1652720</v>
      </c>
      <c r="JL29" s="109">
        <v>1202123</v>
      </c>
      <c r="JM29" s="109">
        <v>1604424</v>
      </c>
      <c r="JN29" s="109">
        <v>745395</v>
      </c>
      <c r="JO29" s="109">
        <v>245704</v>
      </c>
      <c r="JP29" s="110">
        <v>5450366</v>
      </c>
      <c r="JQ29" s="298">
        <v>5450366</v>
      </c>
      <c r="JR29" s="129">
        <v>0</v>
      </c>
      <c r="JS29" s="109">
        <v>0</v>
      </c>
      <c r="JT29" s="128">
        <v>0</v>
      </c>
      <c r="JU29" s="108">
        <v>0</v>
      </c>
      <c r="JV29" s="109">
        <v>456439</v>
      </c>
      <c r="JW29" s="109">
        <v>678024</v>
      </c>
      <c r="JX29" s="109">
        <v>489272</v>
      </c>
      <c r="JY29" s="109">
        <v>546766</v>
      </c>
      <c r="JZ29" s="109">
        <v>88680</v>
      </c>
      <c r="KA29" s="110">
        <v>2259181</v>
      </c>
      <c r="KB29" s="298">
        <v>2259181</v>
      </c>
      <c r="KC29" s="221">
        <v>0</v>
      </c>
      <c r="KD29" s="217">
        <v>329325</v>
      </c>
      <c r="KE29" s="110">
        <v>329325</v>
      </c>
      <c r="KF29" s="108">
        <v>0</v>
      </c>
      <c r="KG29" s="109">
        <v>1584988</v>
      </c>
      <c r="KH29" s="109">
        <v>1573359</v>
      </c>
      <c r="KI29" s="109">
        <v>1806853</v>
      </c>
      <c r="KJ29" s="109">
        <v>1538037</v>
      </c>
      <c r="KK29" s="109">
        <v>314582</v>
      </c>
      <c r="KL29" s="110">
        <v>6817819</v>
      </c>
      <c r="KM29" s="130">
        <v>7147144</v>
      </c>
      <c r="KN29" s="219">
        <v>0</v>
      </c>
      <c r="KO29" s="223">
        <v>0</v>
      </c>
      <c r="KP29" s="224">
        <v>0</v>
      </c>
      <c r="KQ29" s="127"/>
      <c r="KR29" s="109">
        <v>258740</v>
      </c>
      <c r="KS29" s="109">
        <v>1295428</v>
      </c>
      <c r="KT29" s="109">
        <v>1789482</v>
      </c>
      <c r="KU29" s="109">
        <v>1662413</v>
      </c>
      <c r="KV29" s="109">
        <v>768045</v>
      </c>
      <c r="KW29" s="110">
        <v>5774108</v>
      </c>
      <c r="KX29" s="298">
        <v>5774108</v>
      </c>
      <c r="KY29" s="129">
        <v>0</v>
      </c>
      <c r="KZ29" s="109">
        <v>0</v>
      </c>
      <c r="LA29" s="110">
        <v>0</v>
      </c>
      <c r="LB29" s="132"/>
      <c r="LC29" s="109">
        <v>0</v>
      </c>
      <c r="LD29" s="109">
        <v>0</v>
      </c>
      <c r="LE29" s="109">
        <v>0</v>
      </c>
      <c r="LF29" s="109">
        <v>0</v>
      </c>
      <c r="LG29" s="109">
        <v>0</v>
      </c>
      <c r="LH29" s="110">
        <v>0</v>
      </c>
      <c r="LI29" s="111">
        <v>0</v>
      </c>
      <c r="LJ29" s="129">
        <v>0</v>
      </c>
      <c r="LK29" s="109">
        <v>0</v>
      </c>
      <c r="LL29" s="110">
        <v>0</v>
      </c>
      <c r="LM29" s="132"/>
      <c r="LN29" s="109">
        <v>0</v>
      </c>
      <c r="LO29" s="109">
        <v>0</v>
      </c>
      <c r="LP29" s="109">
        <v>0</v>
      </c>
      <c r="LQ29" s="109">
        <v>0</v>
      </c>
      <c r="LR29" s="109">
        <v>0</v>
      </c>
      <c r="LS29" s="110">
        <v>0</v>
      </c>
      <c r="LT29" s="298">
        <v>0</v>
      </c>
      <c r="LU29" s="129">
        <v>0</v>
      </c>
      <c r="LV29" s="109">
        <v>0</v>
      </c>
      <c r="LW29" s="110">
        <v>0</v>
      </c>
      <c r="LX29" s="132"/>
      <c r="LY29" s="109">
        <v>0</v>
      </c>
      <c r="LZ29" s="109">
        <v>0</v>
      </c>
      <c r="MA29" s="109">
        <v>0</v>
      </c>
      <c r="MB29" s="109">
        <v>0</v>
      </c>
      <c r="MC29" s="109">
        <v>0</v>
      </c>
      <c r="MD29" s="110">
        <v>0</v>
      </c>
      <c r="ME29" s="111">
        <v>0</v>
      </c>
      <c r="MF29" s="129">
        <v>0</v>
      </c>
      <c r="MG29" s="109">
        <v>0</v>
      </c>
      <c r="MH29" s="110">
        <v>0</v>
      </c>
      <c r="MI29" s="132"/>
      <c r="MJ29" s="109">
        <v>3113450</v>
      </c>
      <c r="MK29" s="109">
        <v>2759602</v>
      </c>
      <c r="ML29" s="109">
        <v>13026037</v>
      </c>
      <c r="MM29" s="109">
        <v>32631387</v>
      </c>
      <c r="MN29" s="109">
        <v>21522012</v>
      </c>
      <c r="MO29" s="110">
        <v>73052488</v>
      </c>
      <c r="MP29" s="130">
        <v>73052488</v>
      </c>
      <c r="MQ29" s="129">
        <v>0</v>
      </c>
      <c r="MR29" s="109">
        <v>0</v>
      </c>
      <c r="MS29" s="110">
        <v>0</v>
      </c>
      <c r="MT29" s="132"/>
      <c r="MU29" s="109">
        <v>0</v>
      </c>
      <c r="MV29" s="109">
        <v>0</v>
      </c>
      <c r="MW29" s="109">
        <v>6725591</v>
      </c>
      <c r="MX29" s="109">
        <v>23688751</v>
      </c>
      <c r="MY29" s="109">
        <v>16506650</v>
      </c>
      <c r="MZ29" s="110">
        <v>46920992</v>
      </c>
      <c r="NA29" s="130">
        <v>46920992</v>
      </c>
      <c r="NB29" s="129">
        <v>0</v>
      </c>
      <c r="NC29" s="109">
        <v>0</v>
      </c>
      <c r="ND29" s="110">
        <v>0</v>
      </c>
      <c r="NE29" s="132"/>
      <c r="NF29" s="109">
        <v>3113450</v>
      </c>
      <c r="NG29" s="109">
        <v>2759602</v>
      </c>
      <c r="NH29" s="109">
        <v>6300446</v>
      </c>
      <c r="NI29" s="109">
        <v>8942636</v>
      </c>
      <c r="NJ29" s="109">
        <v>5015362</v>
      </c>
      <c r="NK29" s="110">
        <v>26131496</v>
      </c>
      <c r="NL29" s="298">
        <v>26131496</v>
      </c>
      <c r="NM29" s="129">
        <v>0</v>
      </c>
      <c r="NN29" s="109">
        <v>0</v>
      </c>
      <c r="NO29" s="110">
        <v>0</v>
      </c>
      <c r="NP29" s="132"/>
      <c r="NQ29" s="109">
        <v>0</v>
      </c>
      <c r="NR29" s="109">
        <v>0</v>
      </c>
      <c r="NS29" s="109">
        <v>0</v>
      </c>
      <c r="NT29" s="109">
        <v>0</v>
      </c>
      <c r="NU29" s="109">
        <v>0</v>
      </c>
      <c r="NV29" s="110">
        <v>0</v>
      </c>
      <c r="NW29" s="111">
        <v>0</v>
      </c>
      <c r="NX29" s="129">
        <v>0</v>
      </c>
      <c r="NY29" s="109">
        <v>0</v>
      </c>
      <c r="NZ29" s="110">
        <v>0</v>
      </c>
      <c r="OA29" s="132"/>
      <c r="OB29" s="109">
        <v>0</v>
      </c>
      <c r="OC29" s="109">
        <v>0</v>
      </c>
      <c r="OD29" s="109">
        <v>0</v>
      </c>
      <c r="OE29" s="109">
        <v>0</v>
      </c>
      <c r="OF29" s="109">
        <v>0</v>
      </c>
      <c r="OG29" s="110">
        <v>0</v>
      </c>
      <c r="OH29" s="111">
        <v>0</v>
      </c>
      <c r="OI29" s="129">
        <v>3210779</v>
      </c>
      <c r="OJ29" s="109">
        <v>4038146</v>
      </c>
      <c r="OK29" s="128">
        <v>7248925</v>
      </c>
      <c r="OL29" s="108">
        <v>0</v>
      </c>
      <c r="OM29" s="109">
        <v>35507900</v>
      </c>
      <c r="ON29" s="109">
        <v>36884969</v>
      </c>
      <c r="OO29" s="109">
        <v>44265728</v>
      </c>
      <c r="OP29" s="109">
        <v>63293408</v>
      </c>
      <c r="OQ29" s="109">
        <v>42313205</v>
      </c>
      <c r="OR29" s="110">
        <v>222265210</v>
      </c>
      <c r="OS29" s="130">
        <v>229514135</v>
      </c>
    </row>
    <row r="30" spans="2:409" ht="21" customHeight="1" x14ac:dyDescent="0.2">
      <c r="B30" s="472" t="s">
        <v>25</v>
      </c>
      <c r="C30" s="100">
        <v>2874606</v>
      </c>
      <c r="D30" s="104">
        <v>4516457</v>
      </c>
      <c r="E30" s="103">
        <v>7391063</v>
      </c>
      <c r="F30" s="99">
        <v>0</v>
      </c>
      <c r="G30" s="104">
        <v>28909561</v>
      </c>
      <c r="H30" s="104">
        <v>32070181</v>
      </c>
      <c r="I30" s="104">
        <v>30283575</v>
      </c>
      <c r="J30" s="104">
        <v>28607311</v>
      </c>
      <c r="K30" s="104">
        <v>17162686</v>
      </c>
      <c r="L30" s="160">
        <v>137033314</v>
      </c>
      <c r="M30" s="106">
        <v>144424377</v>
      </c>
      <c r="N30" s="100">
        <v>621061</v>
      </c>
      <c r="O30" s="104">
        <v>1660409</v>
      </c>
      <c r="P30" s="103">
        <v>2281470</v>
      </c>
      <c r="Q30" s="100">
        <v>0</v>
      </c>
      <c r="R30" s="104">
        <v>8371663</v>
      </c>
      <c r="S30" s="104">
        <v>10283831</v>
      </c>
      <c r="T30" s="104">
        <v>9307572</v>
      </c>
      <c r="U30" s="104">
        <v>9757634</v>
      </c>
      <c r="V30" s="104">
        <v>7851693</v>
      </c>
      <c r="W30" s="103">
        <v>45572393</v>
      </c>
      <c r="X30" s="106">
        <v>47853863</v>
      </c>
      <c r="Y30" s="100">
        <v>0</v>
      </c>
      <c r="Z30" s="104">
        <v>0</v>
      </c>
      <c r="AA30" s="103">
        <v>0</v>
      </c>
      <c r="AB30" s="100">
        <v>0</v>
      </c>
      <c r="AC30" s="104">
        <v>4260272</v>
      </c>
      <c r="AD30" s="104">
        <v>4619941</v>
      </c>
      <c r="AE30" s="104">
        <v>5759225</v>
      </c>
      <c r="AF30" s="104">
        <v>5555802</v>
      </c>
      <c r="AG30" s="104">
        <v>4352998</v>
      </c>
      <c r="AH30" s="103">
        <v>24548238</v>
      </c>
      <c r="AI30" s="106">
        <v>24548238</v>
      </c>
      <c r="AJ30" s="100">
        <v>0</v>
      </c>
      <c r="AK30" s="104">
        <v>0</v>
      </c>
      <c r="AL30" s="103">
        <v>0</v>
      </c>
      <c r="AM30" s="100">
        <v>0</v>
      </c>
      <c r="AN30" s="104">
        <v>121047</v>
      </c>
      <c r="AO30" s="104">
        <v>599280</v>
      </c>
      <c r="AP30" s="104">
        <v>592508</v>
      </c>
      <c r="AQ30" s="104">
        <v>1206307</v>
      </c>
      <c r="AR30" s="104">
        <v>1239077</v>
      </c>
      <c r="AS30" s="103">
        <v>3758219</v>
      </c>
      <c r="AT30" s="106">
        <v>3758219</v>
      </c>
      <c r="AU30" s="100">
        <v>486833</v>
      </c>
      <c r="AV30" s="104">
        <v>1418436</v>
      </c>
      <c r="AW30" s="103">
        <v>1905269</v>
      </c>
      <c r="AX30" s="100">
        <v>0</v>
      </c>
      <c r="AY30" s="104">
        <v>2914750</v>
      </c>
      <c r="AZ30" s="104">
        <v>3736104</v>
      </c>
      <c r="BA30" s="104">
        <v>1805922</v>
      </c>
      <c r="BB30" s="104">
        <v>1628940</v>
      </c>
      <c r="BC30" s="104">
        <v>1394778</v>
      </c>
      <c r="BD30" s="103">
        <v>11480494</v>
      </c>
      <c r="BE30" s="106">
        <v>13385763</v>
      </c>
      <c r="BF30" s="100">
        <v>0</v>
      </c>
      <c r="BG30" s="104">
        <v>132235</v>
      </c>
      <c r="BH30" s="102">
        <v>132235</v>
      </c>
      <c r="BI30" s="101">
        <v>0</v>
      </c>
      <c r="BJ30" s="104">
        <v>133459</v>
      </c>
      <c r="BK30" s="104">
        <v>464867</v>
      </c>
      <c r="BL30" s="104">
        <v>187494</v>
      </c>
      <c r="BM30" s="104">
        <v>226337</v>
      </c>
      <c r="BN30" s="104">
        <v>195489</v>
      </c>
      <c r="BO30" s="103">
        <v>1207646</v>
      </c>
      <c r="BP30" s="106">
        <v>1339881</v>
      </c>
      <c r="BQ30" s="100">
        <v>134228</v>
      </c>
      <c r="BR30" s="104">
        <v>109738</v>
      </c>
      <c r="BS30" s="103">
        <v>243966</v>
      </c>
      <c r="BT30" s="100">
        <v>0</v>
      </c>
      <c r="BU30" s="104">
        <v>942135</v>
      </c>
      <c r="BV30" s="104">
        <v>863639</v>
      </c>
      <c r="BW30" s="104">
        <v>962423</v>
      </c>
      <c r="BX30" s="104">
        <v>1140248</v>
      </c>
      <c r="BY30" s="104">
        <v>669351</v>
      </c>
      <c r="BZ30" s="103">
        <v>4577796</v>
      </c>
      <c r="CA30" s="106">
        <v>4821762</v>
      </c>
      <c r="CB30" s="100">
        <v>303514</v>
      </c>
      <c r="CC30" s="104">
        <v>489050</v>
      </c>
      <c r="CD30" s="103">
        <v>792564</v>
      </c>
      <c r="CE30" s="100">
        <v>0</v>
      </c>
      <c r="CF30" s="104">
        <v>10657794</v>
      </c>
      <c r="CG30" s="104">
        <v>11079942</v>
      </c>
      <c r="CH30" s="104">
        <v>9941303</v>
      </c>
      <c r="CI30" s="104">
        <v>7272477</v>
      </c>
      <c r="CJ30" s="104">
        <v>1239446</v>
      </c>
      <c r="CK30" s="103">
        <v>40190962</v>
      </c>
      <c r="CL30" s="106">
        <v>40983526</v>
      </c>
      <c r="CM30" s="100">
        <v>0</v>
      </c>
      <c r="CN30" s="104">
        <v>0</v>
      </c>
      <c r="CO30" s="103">
        <v>0</v>
      </c>
      <c r="CP30" s="101">
        <v>0</v>
      </c>
      <c r="CQ30" s="104">
        <v>8511554</v>
      </c>
      <c r="CR30" s="104">
        <v>7577773</v>
      </c>
      <c r="CS30" s="104">
        <v>7437273</v>
      </c>
      <c r="CT30" s="104">
        <v>5141412</v>
      </c>
      <c r="CU30" s="104">
        <v>944037</v>
      </c>
      <c r="CV30" s="103">
        <v>29612049</v>
      </c>
      <c r="CW30" s="106">
        <v>29612049</v>
      </c>
      <c r="CX30" s="100">
        <v>303514</v>
      </c>
      <c r="CY30" s="104">
        <v>489050</v>
      </c>
      <c r="CZ30" s="103">
        <v>792564</v>
      </c>
      <c r="DA30" s="100">
        <v>0</v>
      </c>
      <c r="DB30" s="104">
        <v>2146240</v>
      </c>
      <c r="DC30" s="104">
        <v>3502169</v>
      </c>
      <c r="DD30" s="104">
        <v>2504030</v>
      </c>
      <c r="DE30" s="104">
        <v>2131065</v>
      </c>
      <c r="DF30" s="104">
        <v>295409</v>
      </c>
      <c r="DG30" s="103">
        <v>10578913</v>
      </c>
      <c r="DH30" s="106">
        <v>11371477</v>
      </c>
      <c r="DI30" s="100">
        <v>0</v>
      </c>
      <c r="DJ30" s="104">
        <v>20626</v>
      </c>
      <c r="DK30" s="102">
        <v>20626</v>
      </c>
      <c r="DL30" s="101">
        <v>0</v>
      </c>
      <c r="DM30" s="104">
        <v>1255505</v>
      </c>
      <c r="DN30" s="104">
        <v>1829008</v>
      </c>
      <c r="DO30" s="104">
        <v>2937446</v>
      </c>
      <c r="DP30" s="104">
        <v>2476227</v>
      </c>
      <c r="DQ30" s="104">
        <v>1143779</v>
      </c>
      <c r="DR30" s="103">
        <v>9641965</v>
      </c>
      <c r="DS30" s="106">
        <v>9662591</v>
      </c>
      <c r="DT30" s="100">
        <v>0</v>
      </c>
      <c r="DU30" s="104">
        <v>20626</v>
      </c>
      <c r="DV30" s="103">
        <v>20626</v>
      </c>
      <c r="DW30" s="100">
        <v>0</v>
      </c>
      <c r="DX30" s="104">
        <v>1080762</v>
      </c>
      <c r="DY30" s="104">
        <v>1448618</v>
      </c>
      <c r="DZ30" s="104">
        <v>2348041</v>
      </c>
      <c r="EA30" s="104">
        <v>1775862</v>
      </c>
      <c r="EB30" s="104">
        <v>776581</v>
      </c>
      <c r="EC30" s="103">
        <v>7429864</v>
      </c>
      <c r="ED30" s="106">
        <v>7450490</v>
      </c>
      <c r="EE30" s="100">
        <v>0</v>
      </c>
      <c r="EF30" s="102">
        <v>0</v>
      </c>
      <c r="EG30" s="103">
        <v>0</v>
      </c>
      <c r="EH30" s="100">
        <v>0</v>
      </c>
      <c r="EI30" s="104">
        <v>174743</v>
      </c>
      <c r="EJ30" s="104">
        <v>380390</v>
      </c>
      <c r="EK30" s="104">
        <v>589405</v>
      </c>
      <c r="EL30" s="104">
        <v>700365</v>
      </c>
      <c r="EM30" s="104">
        <v>367198</v>
      </c>
      <c r="EN30" s="102">
        <v>2212101</v>
      </c>
      <c r="EO30" s="106">
        <v>2212101</v>
      </c>
      <c r="EP30" s="100">
        <v>0</v>
      </c>
      <c r="EQ30" s="104">
        <v>0</v>
      </c>
      <c r="ER30" s="102">
        <v>0</v>
      </c>
      <c r="ES30" s="101">
        <v>0</v>
      </c>
      <c r="ET30" s="104">
        <v>0</v>
      </c>
      <c r="EU30" s="104">
        <v>0</v>
      </c>
      <c r="EV30" s="104">
        <v>0</v>
      </c>
      <c r="EW30" s="104">
        <v>0</v>
      </c>
      <c r="EX30" s="104">
        <v>0</v>
      </c>
      <c r="EY30" s="103">
        <v>0</v>
      </c>
      <c r="EZ30" s="106">
        <v>0</v>
      </c>
      <c r="FA30" s="100">
        <v>0</v>
      </c>
      <c r="FB30" s="104">
        <v>0</v>
      </c>
      <c r="FC30" s="102">
        <v>0</v>
      </c>
      <c r="FD30" s="324"/>
      <c r="FE30" s="104">
        <v>0</v>
      </c>
      <c r="FF30" s="104">
        <v>0</v>
      </c>
      <c r="FG30" s="104">
        <v>0</v>
      </c>
      <c r="FH30" s="104">
        <v>0</v>
      </c>
      <c r="FI30" s="104">
        <v>0</v>
      </c>
      <c r="FJ30" s="103">
        <v>0</v>
      </c>
      <c r="FK30" s="106">
        <v>0</v>
      </c>
      <c r="FL30" s="100">
        <v>1018359</v>
      </c>
      <c r="FM30" s="104">
        <v>1287256</v>
      </c>
      <c r="FN30" s="103">
        <v>2305615</v>
      </c>
      <c r="FO30" s="100">
        <v>0</v>
      </c>
      <c r="FP30" s="104">
        <v>1117789</v>
      </c>
      <c r="FQ30" s="104">
        <v>3628145</v>
      </c>
      <c r="FR30" s="104">
        <v>2222848</v>
      </c>
      <c r="FS30" s="104">
        <v>2106686</v>
      </c>
      <c r="FT30" s="104">
        <v>1141155</v>
      </c>
      <c r="FU30" s="103">
        <v>10216623</v>
      </c>
      <c r="FV30" s="106">
        <v>12522238</v>
      </c>
      <c r="FW30" s="105">
        <v>399429</v>
      </c>
      <c r="FX30" s="104">
        <v>944705</v>
      </c>
      <c r="FY30" s="102">
        <v>1344134</v>
      </c>
      <c r="FZ30" s="101">
        <v>0</v>
      </c>
      <c r="GA30" s="104">
        <v>1034586</v>
      </c>
      <c r="GB30" s="104">
        <v>3315982</v>
      </c>
      <c r="GC30" s="104">
        <v>2193148</v>
      </c>
      <c r="GD30" s="104">
        <v>1988786</v>
      </c>
      <c r="GE30" s="104">
        <v>1042623</v>
      </c>
      <c r="GF30" s="103">
        <v>9575125</v>
      </c>
      <c r="GG30" s="296">
        <v>10919259</v>
      </c>
      <c r="GH30" s="105">
        <v>99270</v>
      </c>
      <c r="GI30" s="104">
        <v>11700</v>
      </c>
      <c r="GJ30" s="102">
        <v>110970</v>
      </c>
      <c r="GK30" s="101">
        <v>0</v>
      </c>
      <c r="GL30" s="104">
        <v>83203</v>
      </c>
      <c r="GM30" s="104">
        <v>64232</v>
      </c>
      <c r="GN30" s="104">
        <v>29700</v>
      </c>
      <c r="GO30" s="104">
        <v>90000</v>
      </c>
      <c r="GP30" s="104">
        <v>55332</v>
      </c>
      <c r="GQ30" s="103">
        <v>322467</v>
      </c>
      <c r="GR30" s="106">
        <v>433437</v>
      </c>
      <c r="GS30" s="100">
        <v>519660</v>
      </c>
      <c r="GT30" s="104">
        <v>330851</v>
      </c>
      <c r="GU30" s="103">
        <v>850511</v>
      </c>
      <c r="GV30" s="100">
        <v>0</v>
      </c>
      <c r="GW30" s="104">
        <v>0</v>
      </c>
      <c r="GX30" s="104">
        <v>247931</v>
      </c>
      <c r="GY30" s="104">
        <v>0</v>
      </c>
      <c r="GZ30" s="104">
        <v>27900</v>
      </c>
      <c r="HA30" s="104">
        <v>43200</v>
      </c>
      <c r="HB30" s="102">
        <v>319031</v>
      </c>
      <c r="HC30" s="106">
        <v>1169542</v>
      </c>
      <c r="HD30" s="100">
        <v>443812</v>
      </c>
      <c r="HE30" s="104">
        <v>195676</v>
      </c>
      <c r="HF30" s="102">
        <v>639488</v>
      </c>
      <c r="HG30" s="101">
        <v>0</v>
      </c>
      <c r="HH30" s="104">
        <v>2718950</v>
      </c>
      <c r="HI30" s="104">
        <v>1337820</v>
      </c>
      <c r="HJ30" s="104">
        <v>3299346</v>
      </c>
      <c r="HK30" s="104">
        <v>5080948</v>
      </c>
      <c r="HL30" s="104">
        <v>4944532</v>
      </c>
      <c r="HM30" s="103">
        <v>17381596</v>
      </c>
      <c r="HN30" s="99">
        <v>18021084</v>
      </c>
      <c r="HO30" s="105">
        <v>487860</v>
      </c>
      <c r="HP30" s="104">
        <v>863440</v>
      </c>
      <c r="HQ30" s="103">
        <v>1351300</v>
      </c>
      <c r="HR30" s="100">
        <v>0</v>
      </c>
      <c r="HS30" s="104">
        <v>4787860</v>
      </c>
      <c r="HT30" s="104">
        <v>3911435</v>
      </c>
      <c r="HU30" s="104">
        <v>2575060</v>
      </c>
      <c r="HV30" s="104">
        <v>1913339</v>
      </c>
      <c r="HW30" s="104">
        <v>842081</v>
      </c>
      <c r="HX30" s="102">
        <v>14029775</v>
      </c>
      <c r="HY30" s="106">
        <v>15381075</v>
      </c>
      <c r="HZ30" s="137">
        <v>87720</v>
      </c>
      <c r="IA30" s="122">
        <v>60407</v>
      </c>
      <c r="IB30" s="137">
        <v>148127</v>
      </c>
      <c r="IC30" s="121">
        <v>0</v>
      </c>
      <c r="ID30" s="122">
        <v>8153009</v>
      </c>
      <c r="IE30" s="123">
        <v>5044493</v>
      </c>
      <c r="IF30" s="124">
        <v>4726909</v>
      </c>
      <c r="IG30" s="122">
        <v>3049932</v>
      </c>
      <c r="IH30" s="124">
        <v>479802</v>
      </c>
      <c r="II30" s="125">
        <v>21454145</v>
      </c>
      <c r="IJ30" s="137">
        <v>21602272</v>
      </c>
      <c r="IK30" s="219">
        <v>0</v>
      </c>
      <c r="IL30" s="223">
        <v>0</v>
      </c>
      <c r="IM30" s="224">
        <v>0</v>
      </c>
      <c r="IN30" s="324"/>
      <c r="IO30" s="109">
        <v>0</v>
      </c>
      <c r="IP30" s="109">
        <v>0</v>
      </c>
      <c r="IQ30" s="109">
        <v>0</v>
      </c>
      <c r="IR30" s="109">
        <v>0</v>
      </c>
      <c r="IS30" s="109">
        <v>0</v>
      </c>
      <c r="IT30" s="128">
        <v>0</v>
      </c>
      <c r="IU30" s="298">
        <v>0</v>
      </c>
      <c r="IV30" s="129">
        <v>0</v>
      </c>
      <c r="IW30" s="109">
        <v>0</v>
      </c>
      <c r="IX30" s="110">
        <v>0</v>
      </c>
      <c r="IY30" s="324"/>
      <c r="IZ30" s="109">
        <v>0</v>
      </c>
      <c r="JA30" s="109">
        <v>0</v>
      </c>
      <c r="JB30" s="109">
        <v>0</v>
      </c>
      <c r="JC30" s="109">
        <v>0</v>
      </c>
      <c r="JD30" s="109">
        <v>0</v>
      </c>
      <c r="JE30" s="110">
        <v>0</v>
      </c>
      <c r="JF30" s="111">
        <v>0</v>
      </c>
      <c r="JG30" s="129">
        <v>0</v>
      </c>
      <c r="JH30" s="109">
        <v>60407</v>
      </c>
      <c r="JI30" s="128">
        <v>60407</v>
      </c>
      <c r="JJ30" s="108">
        <v>0</v>
      </c>
      <c r="JK30" s="109">
        <v>5114454</v>
      </c>
      <c r="JL30" s="109">
        <v>2149939</v>
      </c>
      <c r="JM30" s="109">
        <v>1462382</v>
      </c>
      <c r="JN30" s="109">
        <v>306112</v>
      </c>
      <c r="JO30" s="109">
        <v>95149</v>
      </c>
      <c r="JP30" s="110">
        <v>9128036</v>
      </c>
      <c r="JQ30" s="298">
        <v>9188443</v>
      </c>
      <c r="JR30" s="129">
        <v>0</v>
      </c>
      <c r="JS30" s="109">
        <v>0</v>
      </c>
      <c r="JT30" s="128">
        <v>0</v>
      </c>
      <c r="JU30" s="108">
        <v>0</v>
      </c>
      <c r="JV30" s="109">
        <v>0</v>
      </c>
      <c r="JW30" s="109">
        <v>0</v>
      </c>
      <c r="JX30" s="109">
        <v>0</v>
      </c>
      <c r="JY30" s="109">
        <v>0</v>
      </c>
      <c r="JZ30" s="109">
        <v>0</v>
      </c>
      <c r="KA30" s="110">
        <v>0</v>
      </c>
      <c r="KB30" s="298">
        <v>0</v>
      </c>
      <c r="KC30" s="221">
        <v>87720</v>
      </c>
      <c r="KD30" s="217">
        <v>0</v>
      </c>
      <c r="KE30" s="110">
        <v>87720</v>
      </c>
      <c r="KF30" s="108">
        <v>0</v>
      </c>
      <c r="KG30" s="109">
        <v>478088</v>
      </c>
      <c r="KH30" s="109">
        <v>698649</v>
      </c>
      <c r="KI30" s="109">
        <v>739229</v>
      </c>
      <c r="KJ30" s="109">
        <v>732080</v>
      </c>
      <c r="KK30" s="109">
        <v>86365</v>
      </c>
      <c r="KL30" s="110">
        <v>2734411</v>
      </c>
      <c r="KM30" s="130">
        <v>2822131</v>
      </c>
      <c r="KN30" s="219">
        <v>0</v>
      </c>
      <c r="KO30" s="223">
        <v>0</v>
      </c>
      <c r="KP30" s="224">
        <v>0</v>
      </c>
      <c r="KQ30" s="127"/>
      <c r="KR30" s="109">
        <v>2560467</v>
      </c>
      <c r="KS30" s="109">
        <v>2195905</v>
      </c>
      <c r="KT30" s="109">
        <v>2525298</v>
      </c>
      <c r="KU30" s="109">
        <v>2011740</v>
      </c>
      <c r="KV30" s="109">
        <v>298288</v>
      </c>
      <c r="KW30" s="110">
        <v>9591698</v>
      </c>
      <c r="KX30" s="298">
        <v>9591698</v>
      </c>
      <c r="KY30" s="129">
        <v>0</v>
      </c>
      <c r="KZ30" s="109">
        <v>0</v>
      </c>
      <c r="LA30" s="110">
        <v>0</v>
      </c>
      <c r="LB30" s="132"/>
      <c r="LC30" s="109">
        <v>0</v>
      </c>
      <c r="LD30" s="109">
        <v>0</v>
      </c>
      <c r="LE30" s="109">
        <v>0</v>
      </c>
      <c r="LF30" s="109">
        <v>0</v>
      </c>
      <c r="LG30" s="109">
        <v>0</v>
      </c>
      <c r="LH30" s="110">
        <v>0</v>
      </c>
      <c r="LI30" s="111">
        <v>0</v>
      </c>
      <c r="LJ30" s="129">
        <v>0</v>
      </c>
      <c r="LK30" s="109">
        <v>0</v>
      </c>
      <c r="LL30" s="110">
        <v>0</v>
      </c>
      <c r="LM30" s="132"/>
      <c r="LN30" s="109">
        <v>0</v>
      </c>
      <c r="LO30" s="109">
        <v>0</v>
      </c>
      <c r="LP30" s="109">
        <v>0</v>
      </c>
      <c r="LQ30" s="109">
        <v>0</v>
      </c>
      <c r="LR30" s="109">
        <v>0</v>
      </c>
      <c r="LS30" s="110">
        <v>0</v>
      </c>
      <c r="LT30" s="298">
        <v>0</v>
      </c>
      <c r="LU30" s="129">
        <v>0</v>
      </c>
      <c r="LV30" s="109">
        <v>0</v>
      </c>
      <c r="LW30" s="110">
        <v>0</v>
      </c>
      <c r="LX30" s="132"/>
      <c r="LY30" s="109">
        <v>0</v>
      </c>
      <c r="LZ30" s="109">
        <v>0</v>
      </c>
      <c r="MA30" s="109">
        <v>0</v>
      </c>
      <c r="MB30" s="109">
        <v>0</v>
      </c>
      <c r="MC30" s="109">
        <v>0</v>
      </c>
      <c r="MD30" s="110">
        <v>0</v>
      </c>
      <c r="ME30" s="111">
        <v>0</v>
      </c>
      <c r="MF30" s="129">
        <v>0</v>
      </c>
      <c r="MG30" s="109">
        <v>0</v>
      </c>
      <c r="MH30" s="110">
        <v>0</v>
      </c>
      <c r="MI30" s="132"/>
      <c r="MJ30" s="109">
        <v>4283273</v>
      </c>
      <c r="MK30" s="109">
        <v>6572621</v>
      </c>
      <c r="ML30" s="109">
        <v>20757196</v>
      </c>
      <c r="MM30" s="109">
        <v>36440277</v>
      </c>
      <c r="MN30" s="109">
        <v>23173846</v>
      </c>
      <c r="MO30" s="110">
        <v>91227213</v>
      </c>
      <c r="MP30" s="130">
        <v>91227213</v>
      </c>
      <c r="MQ30" s="129">
        <v>0</v>
      </c>
      <c r="MR30" s="109">
        <v>0</v>
      </c>
      <c r="MS30" s="110">
        <v>0</v>
      </c>
      <c r="MT30" s="132"/>
      <c r="MU30" s="109">
        <v>0</v>
      </c>
      <c r="MV30" s="109">
        <v>1152695</v>
      </c>
      <c r="MW30" s="109">
        <v>15169456</v>
      </c>
      <c r="MX30" s="109">
        <v>21548248</v>
      </c>
      <c r="MY30" s="109">
        <v>14903598</v>
      </c>
      <c r="MZ30" s="110">
        <v>52773997</v>
      </c>
      <c r="NA30" s="130">
        <v>52773997</v>
      </c>
      <c r="NB30" s="129">
        <v>0</v>
      </c>
      <c r="NC30" s="109">
        <v>0</v>
      </c>
      <c r="ND30" s="110">
        <v>0</v>
      </c>
      <c r="NE30" s="132"/>
      <c r="NF30" s="109">
        <v>4283273</v>
      </c>
      <c r="NG30" s="109">
        <v>5419926</v>
      </c>
      <c r="NH30" s="109">
        <v>5587740</v>
      </c>
      <c r="NI30" s="109">
        <v>14892029</v>
      </c>
      <c r="NJ30" s="109">
        <v>6990964</v>
      </c>
      <c r="NK30" s="110">
        <v>37173932</v>
      </c>
      <c r="NL30" s="298">
        <v>37173932</v>
      </c>
      <c r="NM30" s="129">
        <v>0</v>
      </c>
      <c r="NN30" s="109">
        <v>0</v>
      </c>
      <c r="NO30" s="110">
        <v>0</v>
      </c>
      <c r="NP30" s="132"/>
      <c r="NQ30" s="109">
        <v>0</v>
      </c>
      <c r="NR30" s="109">
        <v>0</v>
      </c>
      <c r="NS30" s="109">
        <v>0</v>
      </c>
      <c r="NT30" s="109">
        <v>0</v>
      </c>
      <c r="NU30" s="109">
        <v>0</v>
      </c>
      <c r="NV30" s="110">
        <v>0</v>
      </c>
      <c r="NW30" s="111">
        <v>0</v>
      </c>
      <c r="NX30" s="129">
        <v>0</v>
      </c>
      <c r="NY30" s="109">
        <v>0</v>
      </c>
      <c r="NZ30" s="110">
        <v>0</v>
      </c>
      <c r="OA30" s="132"/>
      <c r="OB30" s="109">
        <v>0</v>
      </c>
      <c r="OC30" s="109">
        <v>0</v>
      </c>
      <c r="OD30" s="109">
        <v>0</v>
      </c>
      <c r="OE30" s="109">
        <v>0</v>
      </c>
      <c r="OF30" s="109">
        <v>1279284</v>
      </c>
      <c r="OG30" s="110">
        <v>1279284</v>
      </c>
      <c r="OH30" s="111">
        <v>1279284</v>
      </c>
      <c r="OI30" s="129">
        <v>2962326</v>
      </c>
      <c r="OJ30" s="109">
        <v>4576864</v>
      </c>
      <c r="OK30" s="128">
        <v>7539190</v>
      </c>
      <c r="OL30" s="108">
        <v>0</v>
      </c>
      <c r="OM30" s="109">
        <v>41345843</v>
      </c>
      <c r="ON30" s="109">
        <v>43687295</v>
      </c>
      <c r="OO30" s="109">
        <v>55767680</v>
      </c>
      <c r="OP30" s="109">
        <v>68097520</v>
      </c>
      <c r="OQ30" s="109">
        <v>40816334</v>
      </c>
      <c r="OR30" s="110">
        <v>249714672</v>
      </c>
      <c r="OS30" s="130">
        <v>257253862</v>
      </c>
    </row>
    <row r="31" spans="2:409" ht="21" customHeight="1" x14ac:dyDescent="0.2">
      <c r="B31" s="472" t="s">
        <v>26</v>
      </c>
      <c r="C31" s="100">
        <v>1951492</v>
      </c>
      <c r="D31" s="104">
        <v>2848416</v>
      </c>
      <c r="E31" s="103">
        <v>4799908</v>
      </c>
      <c r="F31" s="99">
        <v>0</v>
      </c>
      <c r="G31" s="104">
        <v>24331782</v>
      </c>
      <c r="H31" s="104">
        <v>28108268</v>
      </c>
      <c r="I31" s="104">
        <v>29444004</v>
      </c>
      <c r="J31" s="104">
        <v>19665212</v>
      </c>
      <c r="K31" s="104">
        <v>21841165</v>
      </c>
      <c r="L31" s="160">
        <v>123390431</v>
      </c>
      <c r="M31" s="106">
        <v>128190339</v>
      </c>
      <c r="N31" s="100">
        <v>400955</v>
      </c>
      <c r="O31" s="104">
        <v>543437</v>
      </c>
      <c r="P31" s="103">
        <v>944392</v>
      </c>
      <c r="Q31" s="100">
        <v>0</v>
      </c>
      <c r="R31" s="104">
        <v>6076793</v>
      </c>
      <c r="S31" s="104">
        <v>8247305</v>
      </c>
      <c r="T31" s="104">
        <v>8878335</v>
      </c>
      <c r="U31" s="104">
        <v>7872174</v>
      </c>
      <c r="V31" s="104">
        <v>10594496</v>
      </c>
      <c r="W31" s="103">
        <v>41669103</v>
      </c>
      <c r="X31" s="106">
        <v>42613495</v>
      </c>
      <c r="Y31" s="100">
        <v>0</v>
      </c>
      <c r="Z31" s="104">
        <v>0</v>
      </c>
      <c r="AA31" s="103">
        <v>0</v>
      </c>
      <c r="AB31" s="100">
        <v>0</v>
      </c>
      <c r="AC31" s="104">
        <v>2899688</v>
      </c>
      <c r="AD31" s="104">
        <v>4436862</v>
      </c>
      <c r="AE31" s="104">
        <v>5262338</v>
      </c>
      <c r="AF31" s="104">
        <v>5052268</v>
      </c>
      <c r="AG31" s="104">
        <v>6492012</v>
      </c>
      <c r="AH31" s="103">
        <v>24143168</v>
      </c>
      <c r="AI31" s="106">
        <v>24143168</v>
      </c>
      <c r="AJ31" s="100">
        <v>0</v>
      </c>
      <c r="AK31" s="104">
        <v>0</v>
      </c>
      <c r="AL31" s="103">
        <v>0</v>
      </c>
      <c r="AM31" s="100">
        <v>0</v>
      </c>
      <c r="AN31" s="104">
        <v>0</v>
      </c>
      <c r="AO31" s="104">
        <v>13154</v>
      </c>
      <c r="AP31" s="104">
        <v>236752</v>
      </c>
      <c r="AQ31" s="104">
        <v>504090</v>
      </c>
      <c r="AR31" s="104">
        <v>1106743</v>
      </c>
      <c r="AS31" s="103">
        <v>1860739</v>
      </c>
      <c r="AT31" s="106">
        <v>1860739</v>
      </c>
      <c r="AU31" s="100">
        <v>265582</v>
      </c>
      <c r="AV31" s="104">
        <v>411895</v>
      </c>
      <c r="AW31" s="103">
        <v>677477</v>
      </c>
      <c r="AX31" s="100">
        <v>0</v>
      </c>
      <c r="AY31" s="104">
        <v>2436872</v>
      </c>
      <c r="AZ31" s="104">
        <v>2835743</v>
      </c>
      <c r="BA31" s="104">
        <v>1781918</v>
      </c>
      <c r="BB31" s="104">
        <v>1462874</v>
      </c>
      <c r="BC31" s="104">
        <v>2322696</v>
      </c>
      <c r="BD31" s="103">
        <v>10840103</v>
      </c>
      <c r="BE31" s="106">
        <v>11517580</v>
      </c>
      <c r="BF31" s="100">
        <v>0</v>
      </c>
      <c r="BG31" s="104">
        <v>61108</v>
      </c>
      <c r="BH31" s="102">
        <v>61108</v>
      </c>
      <c r="BI31" s="101">
        <v>0</v>
      </c>
      <c r="BJ31" s="104">
        <v>0</v>
      </c>
      <c r="BK31" s="104">
        <v>102531</v>
      </c>
      <c r="BL31" s="104">
        <v>352444</v>
      </c>
      <c r="BM31" s="104">
        <v>77189</v>
      </c>
      <c r="BN31" s="104">
        <v>180584</v>
      </c>
      <c r="BO31" s="103">
        <v>712748</v>
      </c>
      <c r="BP31" s="106">
        <v>773856</v>
      </c>
      <c r="BQ31" s="100">
        <v>135373</v>
      </c>
      <c r="BR31" s="104">
        <v>70434</v>
      </c>
      <c r="BS31" s="103">
        <v>205807</v>
      </c>
      <c r="BT31" s="100">
        <v>0</v>
      </c>
      <c r="BU31" s="104">
        <v>740233</v>
      </c>
      <c r="BV31" s="104">
        <v>859015</v>
      </c>
      <c r="BW31" s="104">
        <v>1244883</v>
      </c>
      <c r="BX31" s="104">
        <v>775753</v>
      </c>
      <c r="BY31" s="104">
        <v>492461</v>
      </c>
      <c r="BZ31" s="103">
        <v>4112345</v>
      </c>
      <c r="CA31" s="106">
        <v>4318152</v>
      </c>
      <c r="CB31" s="100">
        <v>159539</v>
      </c>
      <c r="CC31" s="104">
        <v>256689</v>
      </c>
      <c r="CD31" s="103">
        <v>416228</v>
      </c>
      <c r="CE31" s="100">
        <v>0</v>
      </c>
      <c r="CF31" s="104">
        <v>7146201</v>
      </c>
      <c r="CG31" s="104">
        <v>8638030</v>
      </c>
      <c r="CH31" s="104">
        <v>6670367</v>
      </c>
      <c r="CI31" s="104">
        <v>3284536</v>
      </c>
      <c r="CJ31" s="104">
        <v>3982878</v>
      </c>
      <c r="CK31" s="103">
        <v>29722012</v>
      </c>
      <c r="CL31" s="106">
        <v>30138240</v>
      </c>
      <c r="CM31" s="100">
        <v>0</v>
      </c>
      <c r="CN31" s="104">
        <v>0</v>
      </c>
      <c r="CO31" s="103">
        <v>0</v>
      </c>
      <c r="CP31" s="101">
        <v>0</v>
      </c>
      <c r="CQ31" s="104">
        <v>6034094</v>
      </c>
      <c r="CR31" s="104">
        <v>6884166</v>
      </c>
      <c r="CS31" s="104">
        <v>5319984</v>
      </c>
      <c r="CT31" s="104">
        <v>2384086</v>
      </c>
      <c r="CU31" s="104">
        <v>3447230</v>
      </c>
      <c r="CV31" s="103">
        <v>24069560</v>
      </c>
      <c r="CW31" s="106">
        <v>24069560</v>
      </c>
      <c r="CX31" s="100">
        <v>159539</v>
      </c>
      <c r="CY31" s="104">
        <v>256689</v>
      </c>
      <c r="CZ31" s="103">
        <v>416228</v>
      </c>
      <c r="DA31" s="100">
        <v>0</v>
      </c>
      <c r="DB31" s="104">
        <v>1112107</v>
      </c>
      <c r="DC31" s="104">
        <v>1753864</v>
      </c>
      <c r="DD31" s="104">
        <v>1350383</v>
      </c>
      <c r="DE31" s="104">
        <v>900450</v>
      </c>
      <c r="DF31" s="104">
        <v>535648</v>
      </c>
      <c r="DG31" s="103">
        <v>5652452</v>
      </c>
      <c r="DH31" s="106">
        <v>6068680</v>
      </c>
      <c r="DI31" s="100">
        <v>20211</v>
      </c>
      <c r="DJ31" s="104">
        <v>0</v>
      </c>
      <c r="DK31" s="102">
        <v>20211</v>
      </c>
      <c r="DL31" s="101">
        <v>0</v>
      </c>
      <c r="DM31" s="104">
        <v>1087761</v>
      </c>
      <c r="DN31" s="104">
        <v>1638321</v>
      </c>
      <c r="DO31" s="104">
        <v>2842945</v>
      </c>
      <c r="DP31" s="104">
        <v>2355486</v>
      </c>
      <c r="DQ31" s="104">
        <v>1709569</v>
      </c>
      <c r="DR31" s="103">
        <v>9634082</v>
      </c>
      <c r="DS31" s="106">
        <v>9654293</v>
      </c>
      <c r="DT31" s="100">
        <v>20211</v>
      </c>
      <c r="DU31" s="104">
        <v>0</v>
      </c>
      <c r="DV31" s="103">
        <v>20211</v>
      </c>
      <c r="DW31" s="100">
        <v>0</v>
      </c>
      <c r="DX31" s="104">
        <v>987170</v>
      </c>
      <c r="DY31" s="104">
        <v>1509754</v>
      </c>
      <c r="DZ31" s="104">
        <v>2666455</v>
      </c>
      <c r="EA31" s="104">
        <v>2078804</v>
      </c>
      <c r="EB31" s="104">
        <v>1652291</v>
      </c>
      <c r="EC31" s="103">
        <v>8894474</v>
      </c>
      <c r="ED31" s="106">
        <v>8914685</v>
      </c>
      <c r="EE31" s="100">
        <v>0</v>
      </c>
      <c r="EF31" s="102">
        <v>0</v>
      </c>
      <c r="EG31" s="103">
        <v>0</v>
      </c>
      <c r="EH31" s="100">
        <v>0</v>
      </c>
      <c r="EI31" s="104">
        <v>100591</v>
      </c>
      <c r="EJ31" s="104">
        <v>128567</v>
      </c>
      <c r="EK31" s="104">
        <v>176490</v>
      </c>
      <c r="EL31" s="104">
        <v>276682</v>
      </c>
      <c r="EM31" s="104">
        <v>57278</v>
      </c>
      <c r="EN31" s="102">
        <v>739608</v>
      </c>
      <c r="EO31" s="106">
        <v>739608</v>
      </c>
      <c r="EP31" s="100">
        <v>0</v>
      </c>
      <c r="EQ31" s="104">
        <v>0</v>
      </c>
      <c r="ER31" s="102">
        <v>0</v>
      </c>
      <c r="ES31" s="101">
        <v>0</v>
      </c>
      <c r="ET31" s="104">
        <v>0</v>
      </c>
      <c r="EU31" s="104">
        <v>0</v>
      </c>
      <c r="EV31" s="104">
        <v>0</v>
      </c>
      <c r="EW31" s="104">
        <v>0</v>
      </c>
      <c r="EX31" s="104">
        <v>0</v>
      </c>
      <c r="EY31" s="103">
        <v>0</v>
      </c>
      <c r="EZ31" s="106">
        <v>0</v>
      </c>
      <c r="FA31" s="100">
        <v>0</v>
      </c>
      <c r="FB31" s="104">
        <v>0</v>
      </c>
      <c r="FC31" s="102">
        <v>0</v>
      </c>
      <c r="FD31" s="324"/>
      <c r="FE31" s="104">
        <v>0</v>
      </c>
      <c r="FF31" s="104">
        <v>0</v>
      </c>
      <c r="FG31" s="104">
        <v>0</v>
      </c>
      <c r="FH31" s="104">
        <v>0</v>
      </c>
      <c r="FI31" s="104">
        <v>0</v>
      </c>
      <c r="FJ31" s="103">
        <v>0</v>
      </c>
      <c r="FK31" s="106">
        <v>0</v>
      </c>
      <c r="FL31" s="100">
        <v>581339</v>
      </c>
      <c r="FM31" s="104">
        <v>1098882</v>
      </c>
      <c r="FN31" s="103">
        <v>1680221</v>
      </c>
      <c r="FO31" s="100">
        <v>0</v>
      </c>
      <c r="FP31" s="104">
        <v>1347703</v>
      </c>
      <c r="FQ31" s="104">
        <v>2401048</v>
      </c>
      <c r="FR31" s="104">
        <v>1862129</v>
      </c>
      <c r="FS31" s="104">
        <v>1209418</v>
      </c>
      <c r="FT31" s="104">
        <v>1352501</v>
      </c>
      <c r="FU31" s="103">
        <v>8172799</v>
      </c>
      <c r="FV31" s="106">
        <v>9853020</v>
      </c>
      <c r="FW31" s="105">
        <v>310934</v>
      </c>
      <c r="FX31" s="104">
        <v>543492</v>
      </c>
      <c r="FY31" s="102">
        <v>854426</v>
      </c>
      <c r="FZ31" s="101">
        <v>0</v>
      </c>
      <c r="GA31" s="104">
        <v>1063025</v>
      </c>
      <c r="GB31" s="104">
        <v>2230138</v>
      </c>
      <c r="GC31" s="104">
        <v>1781412</v>
      </c>
      <c r="GD31" s="104">
        <v>1174333</v>
      </c>
      <c r="GE31" s="104">
        <v>1352501</v>
      </c>
      <c r="GF31" s="103">
        <v>7601409</v>
      </c>
      <c r="GG31" s="296">
        <v>8455835</v>
      </c>
      <c r="GH31" s="105">
        <v>0</v>
      </c>
      <c r="GI31" s="104">
        <v>200970</v>
      </c>
      <c r="GJ31" s="102">
        <v>200970</v>
      </c>
      <c r="GK31" s="101">
        <v>0</v>
      </c>
      <c r="GL31" s="104">
        <v>108638</v>
      </c>
      <c r="GM31" s="104">
        <v>170910</v>
      </c>
      <c r="GN31" s="104">
        <v>0</v>
      </c>
      <c r="GO31" s="104">
        <v>35085</v>
      </c>
      <c r="GP31" s="104">
        <v>0</v>
      </c>
      <c r="GQ31" s="103">
        <v>314633</v>
      </c>
      <c r="GR31" s="106">
        <v>515603</v>
      </c>
      <c r="GS31" s="100">
        <v>270405</v>
      </c>
      <c r="GT31" s="104">
        <v>354420</v>
      </c>
      <c r="GU31" s="103">
        <v>624825</v>
      </c>
      <c r="GV31" s="100">
        <v>0</v>
      </c>
      <c r="GW31" s="104">
        <v>176040</v>
      </c>
      <c r="GX31" s="104">
        <v>0</v>
      </c>
      <c r="GY31" s="104">
        <v>80717</v>
      </c>
      <c r="GZ31" s="104">
        <v>0</v>
      </c>
      <c r="HA31" s="104">
        <v>0</v>
      </c>
      <c r="HB31" s="102">
        <v>256757</v>
      </c>
      <c r="HC31" s="106">
        <v>881582</v>
      </c>
      <c r="HD31" s="100">
        <v>422215</v>
      </c>
      <c r="HE31" s="104">
        <v>417537</v>
      </c>
      <c r="HF31" s="102">
        <v>839752</v>
      </c>
      <c r="HG31" s="101">
        <v>0</v>
      </c>
      <c r="HH31" s="104">
        <v>4347556</v>
      </c>
      <c r="HI31" s="104">
        <v>3541721</v>
      </c>
      <c r="HJ31" s="104">
        <v>6299642</v>
      </c>
      <c r="HK31" s="104">
        <v>3253211</v>
      </c>
      <c r="HL31" s="104">
        <v>2850995</v>
      </c>
      <c r="HM31" s="103">
        <v>20293125</v>
      </c>
      <c r="HN31" s="99">
        <v>21132877</v>
      </c>
      <c r="HO31" s="105">
        <v>367233</v>
      </c>
      <c r="HP31" s="104">
        <v>531871</v>
      </c>
      <c r="HQ31" s="103">
        <v>899104</v>
      </c>
      <c r="HR31" s="100">
        <v>0</v>
      </c>
      <c r="HS31" s="104">
        <v>4325768</v>
      </c>
      <c r="HT31" s="104">
        <v>3641843</v>
      </c>
      <c r="HU31" s="104">
        <v>2890586</v>
      </c>
      <c r="HV31" s="104">
        <v>1690387</v>
      </c>
      <c r="HW31" s="104">
        <v>1350726</v>
      </c>
      <c r="HX31" s="102">
        <v>13899310</v>
      </c>
      <c r="HY31" s="106">
        <v>14798414</v>
      </c>
      <c r="HZ31" s="118">
        <v>0</v>
      </c>
      <c r="IA31" s="119">
        <v>91695</v>
      </c>
      <c r="IB31" s="120">
        <v>91695</v>
      </c>
      <c r="IC31" s="133">
        <v>0</v>
      </c>
      <c r="ID31" s="119">
        <v>4304317</v>
      </c>
      <c r="IE31" s="134">
        <v>8495841</v>
      </c>
      <c r="IF31" s="120">
        <v>10037875</v>
      </c>
      <c r="IG31" s="119">
        <v>5019694</v>
      </c>
      <c r="IH31" s="120">
        <v>1650007</v>
      </c>
      <c r="II31" s="135">
        <v>29507734</v>
      </c>
      <c r="IJ31" s="126">
        <v>29599429</v>
      </c>
      <c r="IK31" s="219">
        <v>0</v>
      </c>
      <c r="IL31" s="223">
        <v>0</v>
      </c>
      <c r="IM31" s="224">
        <v>0</v>
      </c>
      <c r="IN31" s="324"/>
      <c r="IO31" s="109">
        <v>0</v>
      </c>
      <c r="IP31" s="109">
        <v>0</v>
      </c>
      <c r="IQ31" s="109">
        <v>0</v>
      </c>
      <c r="IR31" s="109">
        <v>0</v>
      </c>
      <c r="IS31" s="109">
        <v>0</v>
      </c>
      <c r="IT31" s="128">
        <v>0</v>
      </c>
      <c r="IU31" s="298">
        <v>0</v>
      </c>
      <c r="IV31" s="129">
        <v>0</v>
      </c>
      <c r="IW31" s="109">
        <v>0</v>
      </c>
      <c r="IX31" s="110">
        <v>0</v>
      </c>
      <c r="IY31" s="324"/>
      <c r="IZ31" s="109">
        <v>0</v>
      </c>
      <c r="JA31" s="109">
        <v>0</v>
      </c>
      <c r="JB31" s="109">
        <v>0</v>
      </c>
      <c r="JC31" s="109">
        <v>0</v>
      </c>
      <c r="JD31" s="109">
        <v>0</v>
      </c>
      <c r="JE31" s="110">
        <v>0</v>
      </c>
      <c r="JF31" s="111">
        <v>0</v>
      </c>
      <c r="JG31" s="129">
        <v>0</v>
      </c>
      <c r="JH31" s="109">
        <v>0</v>
      </c>
      <c r="JI31" s="128">
        <v>0</v>
      </c>
      <c r="JJ31" s="108">
        <v>0</v>
      </c>
      <c r="JK31" s="109">
        <v>2090894</v>
      </c>
      <c r="JL31" s="109">
        <v>2597762</v>
      </c>
      <c r="JM31" s="109">
        <v>2657826</v>
      </c>
      <c r="JN31" s="109">
        <v>1120939</v>
      </c>
      <c r="JO31" s="109">
        <v>600294</v>
      </c>
      <c r="JP31" s="110">
        <v>9067715</v>
      </c>
      <c r="JQ31" s="298">
        <v>9067715</v>
      </c>
      <c r="JR31" s="129">
        <v>0</v>
      </c>
      <c r="JS31" s="109">
        <v>0</v>
      </c>
      <c r="JT31" s="128">
        <v>0</v>
      </c>
      <c r="JU31" s="108">
        <v>0</v>
      </c>
      <c r="JV31" s="109">
        <v>0</v>
      </c>
      <c r="JW31" s="109">
        <v>314232</v>
      </c>
      <c r="JX31" s="109">
        <v>431569</v>
      </c>
      <c r="JY31" s="109">
        <v>519923</v>
      </c>
      <c r="JZ31" s="109">
        <v>168982</v>
      </c>
      <c r="KA31" s="110">
        <v>1434706</v>
      </c>
      <c r="KB31" s="298">
        <v>1434706</v>
      </c>
      <c r="KC31" s="221">
        <v>0</v>
      </c>
      <c r="KD31" s="217">
        <v>91695</v>
      </c>
      <c r="KE31" s="110">
        <v>91695</v>
      </c>
      <c r="KF31" s="108">
        <v>0</v>
      </c>
      <c r="KG31" s="109">
        <v>638237</v>
      </c>
      <c r="KH31" s="109">
        <v>974581</v>
      </c>
      <c r="KI31" s="109">
        <v>1484178</v>
      </c>
      <c r="KJ31" s="109">
        <v>295653</v>
      </c>
      <c r="KK31" s="109">
        <v>322271</v>
      </c>
      <c r="KL31" s="110">
        <v>3714920</v>
      </c>
      <c r="KM31" s="130">
        <v>3806615</v>
      </c>
      <c r="KN31" s="219">
        <v>0</v>
      </c>
      <c r="KO31" s="223">
        <v>0</v>
      </c>
      <c r="KP31" s="224">
        <v>0</v>
      </c>
      <c r="KQ31" s="127"/>
      <c r="KR31" s="109">
        <v>1575186</v>
      </c>
      <c r="KS31" s="109">
        <v>4609266</v>
      </c>
      <c r="KT31" s="109">
        <v>5464302</v>
      </c>
      <c r="KU31" s="109">
        <v>3083179</v>
      </c>
      <c r="KV31" s="109">
        <v>558460</v>
      </c>
      <c r="KW31" s="110">
        <v>15290393</v>
      </c>
      <c r="KX31" s="298">
        <v>15290393</v>
      </c>
      <c r="KY31" s="129">
        <v>0</v>
      </c>
      <c r="KZ31" s="109">
        <v>0</v>
      </c>
      <c r="LA31" s="110">
        <v>0</v>
      </c>
      <c r="LB31" s="132"/>
      <c r="LC31" s="109">
        <v>0</v>
      </c>
      <c r="LD31" s="109">
        <v>0</v>
      </c>
      <c r="LE31" s="109">
        <v>0</v>
      </c>
      <c r="LF31" s="109">
        <v>0</v>
      </c>
      <c r="LG31" s="109">
        <v>0</v>
      </c>
      <c r="LH31" s="110">
        <v>0</v>
      </c>
      <c r="LI31" s="111">
        <v>0</v>
      </c>
      <c r="LJ31" s="129">
        <v>0</v>
      </c>
      <c r="LK31" s="109">
        <v>0</v>
      </c>
      <c r="LL31" s="110">
        <v>0</v>
      </c>
      <c r="LM31" s="132"/>
      <c r="LN31" s="109">
        <v>0</v>
      </c>
      <c r="LO31" s="109">
        <v>0</v>
      </c>
      <c r="LP31" s="109">
        <v>0</v>
      </c>
      <c r="LQ31" s="109">
        <v>0</v>
      </c>
      <c r="LR31" s="109">
        <v>0</v>
      </c>
      <c r="LS31" s="110">
        <v>0</v>
      </c>
      <c r="LT31" s="298">
        <v>0</v>
      </c>
      <c r="LU31" s="129">
        <v>0</v>
      </c>
      <c r="LV31" s="109">
        <v>0</v>
      </c>
      <c r="LW31" s="110">
        <v>0</v>
      </c>
      <c r="LX31" s="132"/>
      <c r="LY31" s="109">
        <v>0</v>
      </c>
      <c r="LZ31" s="109">
        <v>0</v>
      </c>
      <c r="MA31" s="109">
        <v>0</v>
      </c>
      <c r="MB31" s="109">
        <v>0</v>
      </c>
      <c r="MC31" s="109">
        <v>0</v>
      </c>
      <c r="MD31" s="110">
        <v>0</v>
      </c>
      <c r="ME31" s="111">
        <v>0</v>
      </c>
      <c r="MF31" s="129">
        <v>0</v>
      </c>
      <c r="MG31" s="109">
        <v>0</v>
      </c>
      <c r="MH31" s="110">
        <v>0</v>
      </c>
      <c r="MI31" s="132"/>
      <c r="MJ31" s="109">
        <v>1964438</v>
      </c>
      <c r="MK31" s="109">
        <v>7166485</v>
      </c>
      <c r="ML31" s="109">
        <v>15454226</v>
      </c>
      <c r="MM31" s="109">
        <v>24629996</v>
      </c>
      <c r="MN31" s="109">
        <v>20432538</v>
      </c>
      <c r="MO31" s="110">
        <v>69647683</v>
      </c>
      <c r="MP31" s="130">
        <v>69647683</v>
      </c>
      <c r="MQ31" s="129">
        <v>0</v>
      </c>
      <c r="MR31" s="109">
        <v>0</v>
      </c>
      <c r="MS31" s="110">
        <v>0</v>
      </c>
      <c r="MT31" s="132"/>
      <c r="MU31" s="109">
        <v>245959</v>
      </c>
      <c r="MV31" s="109">
        <v>1511020</v>
      </c>
      <c r="MW31" s="109">
        <v>9119961</v>
      </c>
      <c r="MX31" s="109">
        <v>19117668</v>
      </c>
      <c r="MY31" s="109">
        <v>14387306</v>
      </c>
      <c r="MZ31" s="110">
        <v>44381914</v>
      </c>
      <c r="NA31" s="130">
        <v>44381914</v>
      </c>
      <c r="NB31" s="129">
        <v>0</v>
      </c>
      <c r="NC31" s="109">
        <v>0</v>
      </c>
      <c r="ND31" s="110">
        <v>0</v>
      </c>
      <c r="NE31" s="132"/>
      <c r="NF31" s="109">
        <v>1718479</v>
      </c>
      <c r="NG31" s="109">
        <v>5655465</v>
      </c>
      <c r="NH31" s="109">
        <v>5956726</v>
      </c>
      <c r="NI31" s="109">
        <v>5512328</v>
      </c>
      <c r="NJ31" s="109">
        <v>5165881</v>
      </c>
      <c r="NK31" s="110">
        <v>24008879</v>
      </c>
      <c r="NL31" s="298">
        <v>24008879</v>
      </c>
      <c r="NM31" s="129">
        <v>0</v>
      </c>
      <c r="NN31" s="109">
        <v>0</v>
      </c>
      <c r="NO31" s="110">
        <v>0</v>
      </c>
      <c r="NP31" s="132"/>
      <c r="NQ31" s="109">
        <v>0</v>
      </c>
      <c r="NR31" s="109">
        <v>0</v>
      </c>
      <c r="NS31" s="109">
        <v>0</v>
      </c>
      <c r="NT31" s="109">
        <v>0</v>
      </c>
      <c r="NU31" s="109">
        <v>0</v>
      </c>
      <c r="NV31" s="110">
        <v>0</v>
      </c>
      <c r="NW31" s="111">
        <v>0</v>
      </c>
      <c r="NX31" s="129">
        <v>0</v>
      </c>
      <c r="NY31" s="109">
        <v>0</v>
      </c>
      <c r="NZ31" s="110">
        <v>0</v>
      </c>
      <c r="OA31" s="132"/>
      <c r="OB31" s="109">
        <v>0</v>
      </c>
      <c r="OC31" s="109">
        <v>0</v>
      </c>
      <c r="OD31" s="109">
        <v>377539</v>
      </c>
      <c r="OE31" s="109">
        <v>0</v>
      </c>
      <c r="OF31" s="109">
        <v>879351</v>
      </c>
      <c r="OG31" s="110">
        <v>1256890</v>
      </c>
      <c r="OH31" s="111">
        <v>1256890</v>
      </c>
      <c r="OI31" s="129">
        <v>1951492</v>
      </c>
      <c r="OJ31" s="109">
        <v>2940111</v>
      </c>
      <c r="OK31" s="128">
        <v>4891603</v>
      </c>
      <c r="OL31" s="108">
        <v>0</v>
      </c>
      <c r="OM31" s="109">
        <v>30600537</v>
      </c>
      <c r="ON31" s="109">
        <v>43770594</v>
      </c>
      <c r="OO31" s="109">
        <v>54936105</v>
      </c>
      <c r="OP31" s="109">
        <v>49314902</v>
      </c>
      <c r="OQ31" s="109">
        <v>43923710</v>
      </c>
      <c r="OR31" s="110">
        <v>222545848</v>
      </c>
      <c r="OS31" s="130">
        <v>227437451</v>
      </c>
    </row>
    <row r="32" spans="2:409" ht="21" customHeight="1" x14ac:dyDescent="0.2">
      <c r="B32" s="472" t="s">
        <v>27</v>
      </c>
      <c r="C32" s="100">
        <v>2877002</v>
      </c>
      <c r="D32" s="104">
        <v>5652099</v>
      </c>
      <c r="E32" s="103">
        <v>8529101</v>
      </c>
      <c r="F32" s="99">
        <v>0</v>
      </c>
      <c r="G32" s="104">
        <v>25442318</v>
      </c>
      <c r="H32" s="104">
        <v>23736589</v>
      </c>
      <c r="I32" s="104">
        <v>21179451</v>
      </c>
      <c r="J32" s="104">
        <v>19131896</v>
      </c>
      <c r="K32" s="104">
        <v>19822864</v>
      </c>
      <c r="L32" s="160">
        <v>109313118</v>
      </c>
      <c r="M32" s="106">
        <v>117842219</v>
      </c>
      <c r="N32" s="100">
        <v>709443</v>
      </c>
      <c r="O32" s="104">
        <v>1249536</v>
      </c>
      <c r="P32" s="103">
        <v>1958979</v>
      </c>
      <c r="Q32" s="100">
        <v>0</v>
      </c>
      <c r="R32" s="104">
        <v>4992243</v>
      </c>
      <c r="S32" s="104">
        <v>5699614</v>
      </c>
      <c r="T32" s="104">
        <v>5801768</v>
      </c>
      <c r="U32" s="104">
        <v>4804969</v>
      </c>
      <c r="V32" s="104">
        <v>9594211</v>
      </c>
      <c r="W32" s="103">
        <v>30892805</v>
      </c>
      <c r="X32" s="106">
        <v>32851784</v>
      </c>
      <c r="Y32" s="100">
        <v>0</v>
      </c>
      <c r="Z32" s="104">
        <v>0</v>
      </c>
      <c r="AA32" s="103">
        <v>0</v>
      </c>
      <c r="AB32" s="100">
        <v>0</v>
      </c>
      <c r="AC32" s="104">
        <v>2605446</v>
      </c>
      <c r="AD32" s="104">
        <v>2698957</v>
      </c>
      <c r="AE32" s="104">
        <v>3099953</v>
      </c>
      <c r="AF32" s="104">
        <v>2488016</v>
      </c>
      <c r="AG32" s="104">
        <v>4755598</v>
      </c>
      <c r="AH32" s="103">
        <v>15647970</v>
      </c>
      <c r="AI32" s="106">
        <v>15647970</v>
      </c>
      <c r="AJ32" s="100">
        <v>0</v>
      </c>
      <c r="AK32" s="104">
        <v>0</v>
      </c>
      <c r="AL32" s="103">
        <v>0</v>
      </c>
      <c r="AM32" s="100">
        <v>0</v>
      </c>
      <c r="AN32" s="104">
        <v>64847</v>
      </c>
      <c r="AO32" s="104">
        <v>363688</v>
      </c>
      <c r="AP32" s="104">
        <v>227965</v>
      </c>
      <c r="AQ32" s="104">
        <v>387734</v>
      </c>
      <c r="AR32" s="104">
        <v>1301948</v>
      </c>
      <c r="AS32" s="103">
        <v>2346182</v>
      </c>
      <c r="AT32" s="106">
        <v>2346182</v>
      </c>
      <c r="AU32" s="100">
        <v>569855</v>
      </c>
      <c r="AV32" s="104">
        <v>951448</v>
      </c>
      <c r="AW32" s="103">
        <v>1521303</v>
      </c>
      <c r="AX32" s="100">
        <v>0</v>
      </c>
      <c r="AY32" s="104">
        <v>1325423</v>
      </c>
      <c r="AZ32" s="104">
        <v>1760985</v>
      </c>
      <c r="BA32" s="104">
        <v>1569622</v>
      </c>
      <c r="BB32" s="104">
        <v>1029431</v>
      </c>
      <c r="BC32" s="104">
        <v>2692199</v>
      </c>
      <c r="BD32" s="103">
        <v>8377660</v>
      </c>
      <c r="BE32" s="106">
        <v>9898963</v>
      </c>
      <c r="BF32" s="100">
        <v>34919</v>
      </c>
      <c r="BG32" s="104">
        <v>57752</v>
      </c>
      <c r="BH32" s="102">
        <v>92671</v>
      </c>
      <c r="BI32" s="101">
        <v>0</v>
      </c>
      <c r="BJ32" s="104">
        <v>75231</v>
      </c>
      <c r="BK32" s="104">
        <v>68139</v>
      </c>
      <c r="BL32" s="104">
        <v>42988</v>
      </c>
      <c r="BM32" s="104">
        <v>0</v>
      </c>
      <c r="BN32" s="104">
        <v>14202</v>
      </c>
      <c r="BO32" s="103">
        <v>200560</v>
      </c>
      <c r="BP32" s="106">
        <v>293231</v>
      </c>
      <c r="BQ32" s="100">
        <v>104669</v>
      </c>
      <c r="BR32" s="104">
        <v>240336</v>
      </c>
      <c r="BS32" s="103">
        <v>345005</v>
      </c>
      <c r="BT32" s="100">
        <v>0</v>
      </c>
      <c r="BU32" s="104">
        <v>921296</v>
      </c>
      <c r="BV32" s="104">
        <v>807845</v>
      </c>
      <c r="BW32" s="104">
        <v>861240</v>
      </c>
      <c r="BX32" s="104">
        <v>899788</v>
      </c>
      <c r="BY32" s="104">
        <v>830264</v>
      </c>
      <c r="BZ32" s="103">
        <v>4320433</v>
      </c>
      <c r="CA32" s="106">
        <v>4665438</v>
      </c>
      <c r="CB32" s="100">
        <v>231953</v>
      </c>
      <c r="CC32" s="104">
        <v>1206148</v>
      </c>
      <c r="CD32" s="103">
        <v>1438101</v>
      </c>
      <c r="CE32" s="100">
        <v>0</v>
      </c>
      <c r="CF32" s="104">
        <v>8284987</v>
      </c>
      <c r="CG32" s="104">
        <v>6692024</v>
      </c>
      <c r="CH32" s="104">
        <v>4330557</v>
      </c>
      <c r="CI32" s="104">
        <v>3220799</v>
      </c>
      <c r="CJ32" s="104">
        <v>2081743</v>
      </c>
      <c r="CK32" s="103">
        <v>24610110</v>
      </c>
      <c r="CL32" s="106">
        <v>26048211</v>
      </c>
      <c r="CM32" s="100">
        <v>0</v>
      </c>
      <c r="CN32" s="104">
        <v>0</v>
      </c>
      <c r="CO32" s="103">
        <v>0</v>
      </c>
      <c r="CP32" s="101">
        <v>0</v>
      </c>
      <c r="CQ32" s="104">
        <v>7215251</v>
      </c>
      <c r="CR32" s="104">
        <v>4691434</v>
      </c>
      <c r="CS32" s="104">
        <v>3230528</v>
      </c>
      <c r="CT32" s="104">
        <v>2734704</v>
      </c>
      <c r="CU32" s="104">
        <v>1699461</v>
      </c>
      <c r="CV32" s="103">
        <v>19571378</v>
      </c>
      <c r="CW32" s="106">
        <v>19571378</v>
      </c>
      <c r="CX32" s="100">
        <v>231953</v>
      </c>
      <c r="CY32" s="104">
        <v>1206148</v>
      </c>
      <c r="CZ32" s="103">
        <v>1438101</v>
      </c>
      <c r="DA32" s="100">
        <v>0</v>
      </c>
      <c r="DB32" s="104">
        <v>1069736</v>
      </c>
      <c r="DC32" s="104">
        <v>2000590</v>
      </c>
      <c r="DD32" s="104">
        <v>1100029</v>
      </c>
      <c r="DE32" s="104">
        <v>486095</v>
      </c>
      <c r="DF32" s="104">
        <v>382282</v>
      </c>
      <c r="DG32" s="103">
        <v>5038732</v>
      </c>
      <c r="DH32" s="106">
        <v>6476833</v>
      </c>
      <c r="DI32" s="100">
        <v>85809</v>
      </c>
      <c r="DJ32" s="104">
        <v>60708</v>
      </c>
      <c r="DK32" s="102">
        <v>146517</v>
      </c>
      <c r="DL32" s="101">
        <v>0</v>
      </c>
      <c r="DM32" s="104">
        <v>833005</v>
      </c>
      <c r="DN32" s="104">
        <v>697597</v>
      </c>
      <c r="DO32" s="104">
        <v>914782</v>
      </c>
      <c r="DP32" s="104">
        <v>840890</v>
      </c>
      <c r="DQ32" s="104">
        <v>1158237</v>
      </c>
      <c r="DR32" s="103">
        <v>4444511</v>
      </c>
      <c r="DS32" s="106">
        <v>4591028</v>
      </c>
      <c r="DT32" s="100">
        <v>28569</v>
      </c>
      <c r="DU32" s="104">
        <v>60708</v>
      </c>
      <c r="DV32" s="103">
        <v>89277</v>
      </c>
      <c r="DW32" s="100">
        <v>0</v>
      </c>
      <c r="DX32" s="104">
        <v>749818</v>
      </c>
      <c r="DY32" s="104">
        <v>622181</v>
      </c>
      <c r="DZ32" s="104">
        <v>840595</v>
      </c>
      <c r="EA32" s="104">
        <v>732488</v>
      </c>
      <c r="EB32" s="104">
        <v>1005129</v>
      </c>
      <c r="EC32" s="103">
        <v>3950211</v>
      </c>
      <c r="ED32" s="106">
        <v>4039488</v>
      </c>
      <c r="EE32" s="100">
        <v>57240</v>
      </c>
      <c r="EF32" s="102">
        <v>0</v>
      </c>
      <c r="EG32" s="103">
        <v>57240</v>
      </c>
      <c r="EH32" s="100">
        <v>0</v>
      </c>
      <c r="EI32" s="104">
        <v>83187</v>
      </c>
      <c r="EJ32" s="104">
        <v>75416</v>
      </c>
      <c r="EK32" s="104">
        <v>74187</v>
      </c>
      <c r="EL32" s="104">
        <v>108402</v>
      </c>
      <c r="EM32" s="104">
        <v>153108</v>
      </c>
      <c r="EN32" s="102">
        <v>494300</v>
      </c>
      <c r="EO32" s="106">
        <v>551540</v>
      </c>
      <c r="EP32" s="100">
        <v>0</v>
      </c>
      <c r="EQ32" s="104">
        <v>0</v>
      </c>
      <c r="ER32" s="102">
        <v>0</v>
      </c>
      <c r="ES32" s="101">
        <v>0</v>
      </c>
      <c r="ET32" s="104">
        <v>0</v>
      </c>
      <c r="EU32" s="104">
        <v>0</v>
      </c>
      <c r="EV32" s="104">
        <v>0</v>
      </c>
      <c r="EW32" s="104">
        <v>0</v>
      </c>
      <c r="EX32" s="104">
        <v>0</v>
      </c>
      <c r="EY32" s="103">
        <v>0</v>
      </c>
      <c r="EZ32" s="106">
        <v>0</v>
      </c>
      <c r="FA32" s="100">
        <v>0</v>
      </c>
      <c r="FB32" s="104">
        <v>0</v>
      </c>
      <c r="FC32" s="102">
        <v>0</v>
      </c>
      <c r="FD32" s="324"/>
      <c r="FE32" s="104">
        <v>0</v>
      </c>
      <c r="FF32" s="104">
        <v>0</v>
      </c>
      <c r="FG32" s="104">
        <v>0</v>
      </c>
      <c r="FH32" s="104">
        <v>0</v>
      </c>
      <c r="FI32" s="104">
        <v>0</v>
      </c>
      <c r="FJ32" s="103">
        <v>0</v>
      </c>
      <c r="FK32" s="106">
        <v>0</v>
      </c>
      <c r="FL32" s="100">
        <v>605730</v>
      </c>
      <c r="FM32" s="104">
        <v>1161814</v>
      </c>
      <c r="FN32" s="103">
        <v>1767544</v>
      </c>
      <c r="FO32" s="100">
        <v>0</v>
      </c>
      <c r="FP32" s="104">
        <v>676112</v>
      </c>
      <c r="FQ32" s="104">
        <v>2305548</v>
      </c>
      <c r="FR32" s="104">
        <v>2113920</v>
      </c>
      <c r="FS32" s="104">
        <v>1118874</v>
      </c>
      <c r="FT32" s="104">
        <v>1458178</v>
      </c>
      <c r="FU32" s="103">
        <v>7672632</v>
      </c>
      <c r="FV32" s="106">
        <v>9440176</v>
      </c>
      <c r="FW32" s="105">
        <v>416310</v>
      </c>
      <c r="FX32" s="104">
        <v>924603</v>
      </c>
      <c r="FY32" s="102">
        <v>1340913</v>
      </c>
      <c r="FZ32" s="101">
        <v>0</v>
      </c>
      <c r="GA32" s="104">
        <v>609386</v>
      </c>
      <c r="GB32" s="104">
        <v>1914479</v>
      </c>
      <c r="GC32" s="104">
        <v>2080304</v>
      </c>
      <c r="GD32" s="104">
        <v>958098</v>
      </c>
      <c r="GE32" s="104">
        <v>1458178</v>
      </c>
      <c r="GF32" s="103">
        <v>7020445</v>
      </c>
      <c r="GG32" s="296">
        <v>8361358</v>
      </c>
      <c r="GH32" s="105">
        <v>0</v>
      </c>
      <c r="GI32" s="104">
        <v>80476</v>
      </c>
      <c r="GJ32" s="102">
        <v>80476</v>
      </c>
      <c r="GK32" s="101">
        <v>0</v>
      </c>
      <c r="GL32" s="104">
        <v>22176</v>
      </c>
      <c r="GM32" s="104">
        <v>137904</v>
      </c>
      <c r="GN32" s="104">
        <v>33616</v>
      </c>
      <c r="GO32" s="104">
        <v>41976</v>
      </c>
      <c r="GP32" s="104">
        <v>0</v>
      </c>
      <c r="GQ32" s="103">
        <v>235672</v>
      </c>
      <c r="GR32" s="106">
        <v>316148</v>
      </c>
      <c r="GS32" s="100">
        <v>189420</v>
      </c>
      <c r="GT32" s="104">
        <v>156735</v>
      </c>
      <c r="GU32" s="103">
        <v>346155</v>
      </c>
      <c r="GV32" s="100">
        <v>0</v>
      </c>
      <c r="GW32" s="104">
        <v>44550</v>
      </c>
      <c r="GX32" s="104">
        <v>253165</v>
      </c>
      <c r="GY32" s="104">
        <v>0</v>
      </c>
      <c r="GZ32" s="104">
        <v>118800</v>
      </c>
      <c r="HA32" s="104">
        <v>0</v>
      </c>
      <c r="HB32" s="102">
        <v>416515</v>
      </c>
      <c r="HC32" s="106">
        <v>762670</v>
      </c>
      <c r="HD32" s="100">
        <v>656373</v>
      </c>
      <c r="HE32" s="104">
        <v>1208040</v>
      </c>
      <c r="HF32" s="102">
        <v>1864413</v>
      </c>
      <c r="HG32" s="101">
        <v>0</v>
      </c>
      <c r="HH32" s="104">
        <v>7331761</v>
      </c>
      <c r="HI32" s="104">
        <v>6004019</v>
      </c>
      <c r="HJ32" s="104">
        <v>6157097</v>
      </c>
      <c r="HK32" s="104">
        <v>8087474</v>
      </c>
      <c r="HL32" s="104">
        <v>4457838</v>
      </c>
      <c r="HM32" s="103">
        <v>32038189</v>
      </c>
      <c r="HN32" s="99">
        <v>33902602</v>
      </c>
      <c r="HO32" s="105">
        <v>587694</v>
      </c>
      <c r="HP32" s="104">
        <v>765853</v>
      </c>
      <c r="HQ32" s="103">
        <v>1353547</v>
      </c>
      <c r="HR32" s="100">
        <v>0</v>
      </c>
      <c r="HS32" s="104">
        <v>3324210</v>
      </c>
      <c r="HT32" s="104">
        <v>2337787</v>
      </c>
      <c r="HU32" s="104">
        <v>1861327</v>
      </c>
      <c r="HV32" s="104">
        <v>1058890</v>
      </c>
      <c r="HW32" s="104">
        <v>1072657</v>
      </c>
      <c r="HX32" s="102">
        <v>9654871</v>
      </c>
      <c r="HY32" s="106">
        <v>11008418</v>
      </c>
      <c r="HZ32" s="137">
        <v>0</v>
      </c>
      <c r="IA32" s="122">
        <v>0</v>
      </c>
      <c r="IB32" s="137">
        <v>0</v>
      </c>
      <c r="IC32" s="121">
        <v>0</v>
      </c>
      <c r="ID32" s="122">
        <v>4697204</v>
      </c>
      <c r="IE32" s="123">
        <v>2219594</v>
      </c>
      <c r="IF32" s="124">
        <v>6459471</v>
      </c>
      <c r="IG32" s="122">
        <v>5695481</v>
      </c>
      <c r="IH32" s="124">
        <v>4677291</v>
      </c>
      <c r="II32" s="125">
        <v>23749041</v>
      </c>
      <c r="IJ32" s="137">
        <v>23749041</v>
      </c>
      <c r="IK32" s="219">
        <v>0</v>
      </c>
      <c r="IL32" s="223">
        <v>0</v>
      </c>
      <c r="IM32" s="224">
        <v>0</v>
      </c>
      <c r="IN32" s="324"/>
      <c r="IO32" s="109">
        <v>0</v>
      </c>
      <c r="IP32" s="109">
        <v>0</v>
      </c>
      <c r="IQ32" s="109">
        <v>175496</v>
      </c>
      <c r="IR32" s="109">
        <v>0</v>
      </c>
      <c r="IS32" s="109">
        <v>0</v>
      </c>
      <c r="IT32" s="128">
        <v>175496</v>
      </c>
      <c r="IU32" s="298">
        <v>175496</v>
      </c>
      <c r="IV32" s="129">
        <v>0</v>
      </c>
      <c r="IW32" s="109">
        <v>0</v>
      </c>
      <c r="IX32" s="110">
        <v>0</v>
      </c>
      <c r="IY32" s="324"/>
      <c r="IZ32" s="109">
        <v>0</v>
      </c>
      <c r="JA32" s="109">
        <v>0</v>
      </c>
      <c r="JB32" s="109">
        <v>0</v>
      </c>
      <c r="JC32" s="109">
        <v>0</v>
      </c>
      <c r="JD32" s="109">
        <v>0</v>
      </c>
      <c r="JE32" s="110">
        <v>0</v>
      </c>
      <c r="JF32" s="111">
        <v>0</v>
      </c>
      <c r="JG32" s="129">
        <v>0</v>
      </c>
      <c r="JH32" s="109">
        <v>0</v>
      </c>
      <c r="JI32" s="128">
        <v>0</v>
      </c>
      <c r="JJ32" s="108">
        <v>0</v>
      </c>
      <c r="JK32" s="109">
        <v>1770267</v>
      </c>
      <c r="JL32" s="109">
        <v>803971</v>
      </c>
      <c r="JM32" s="109">
        <v>680064</v>
      </c>
      <c r="JN32" s="109">
        <v>157259</v>
      </c>
      <c r="JO32" s="109">
        <v>0</v>
      </c>
      <c r="JP32" s="110">
        <v>3411561</v>
      </c>
      <c r="JQ32" s="298">
        <v>3411561</v>
      </c>
      <c r="JR32" s="129">
        <v>0</v>
      </c>
      <c r="JS32" s="109">
        <v>0</v>
      </c>
      <c r="JT32" s="128">
        <v>0</v>
      </c>
      <c r="JU32" s="108">
        <v>0</v>
      </c>
      <c r="JV32" s="109">
        <v>185562</v>
      </c>
      <c r="JW32" s="109">
        <v>37674</v>
      </c>
      <c r="JX32" s="109">
        <v>92652</v>
      </c>
      <c r="JY32" s="109">
        <v>253792</v>
      </c>
      <c r="JZ32" s="109">
        <v>354402</v>
      </c>
      <c r="KA32" s="110">
        <v>924082</v>
      </c>
      <c r="KB32" s="298">
        <v>924082</v>
      </c>
      <c r="KC32" s="221">
        <v>0</v>
      </c>
      <c r="KD32" s="217">
        <v>0</v>
      </c>
      <c r="KE32" s="110">
        <v>0</v>
      </c>
      <c r="KF32" s="108">
        <v>0</v>
      </c>
      <c r="KG32" s="109">
        <v>864466</v>
      </c>
      <c r="KH32" s="109">
        <v>441703</v>
      </c>
      <c r="KI32" s="109">
        <v>928116</v>
      </c>
      <c r="KJ32" s="109">
        <v>690318</v>
      </c>
      <c r="KK32" s="109">
        <v>274140</v>
      </c>
      <c r="KL32" s="110">
        <v>3198743</v>
      </c>
      <c r="KM32" s="130">
        <v>3198743</v>
      </c>
      <c r="KN32" s="219">
        <v>0</v>
      </c>
      <c r="KO32" s="223">
        <v>0</v>
      </c>
      <c r="KP32" s="224">
        <v>0</v>
      </c>
      <c r="KQ32" s="127"/>
      <c r="KR32" s="109">
        <v>1876909</v>
      </c>
      <c r="KS32" s="109">
        <v>936246</v>
      </c>
      <c r="KT32" s="109">
        <v>3059623</v>
      </c>
      <c r="KU32" s="109">
        <v>1154788</v>
      </c>
      <c r="KV32" s="109">
        <v>1925012</v>
      </c>
      <c r="KW32" s="110">
        <v>8952578</v>
      </c>
      <c r="KX32" s="298">
        <v>8952578</v>
      </c>
      <c r="KY32" s="129">
        <v>0</v>
      </c>
      <c r="KZ32" s="109">
        <v>0</v>
      </c>
      <c r="LA32" s="110">
        <v>0</v>
      </c>
      <c r="LB32" s="132"/>
      <c r="LC32" s="109">
        <v>0</v>
      </c>
      <c r="LD32" s="109">
        <v>0</v>
      </c>
      <c r="LE32" s="109">
        <v>0</v>
      </c>
      <c r="LF32" s="109">
        <v>0</v>
      </c>
      <c r="LG32" s="109">
        <v>0</v>
      </c>
      <c r="LH32" s="110">
        <v>0</v>
      </c>
      <c r="LI32" s="111">
        <v>0</v>
      </c>
      <c r="LJ32" s="129">
        <v>0</v>
      </c>
      <c r="LK32" s="109">
        <v>0</v>
      </c>
      <c r="LL32" s="110">
        <v>0</v>
      </c>
      <c r="LM32" s="132"/>
      <c r="LN32" s="109">
        <v>0</v>
      </c>
      <c r="LO32" s="109">
        <v>0</v>
      </c>
      <c r="LP32" s="109">
        <v>1523520</v>
      </c>
      <c r="LQ32" s="109">
        <v>3133343</v>
      </c>
      <c r="LR32" s="109">
        <v>2123737</v>
      </c>
      <c r="LS32" s="110">
        <v>6780600</v>
      </c>
      <c r="LT32" s="298">
        <v>6780600</v>
      </c>
      <c r="LU32" s="129">
        <v>0</v>
      </c>
      <c r="LV32" s="109">
        <v>0</v>
      </c>
      <c r="LW32" s="110">
        <v>0</v>
      </c>
      <c r="LX32" s="132"/>
      <c r="LY32" s="109">
        <v>0</v>
      </c>
      <c r="LZ32" s="109">
        <v>0</v>
      </c>
      <c r="MA32" s="109">
        <v>0</v>
      </c>
      <c r="MB32" s="109">
        <v>305981</v>
      </c>
      <c r="MC32" s="109">
        <v>0</v>
      </c>
      <c r="MD32" s="110">
        <v>305981</v>
      </c>
      <c r="ME32" s="111">
        <v>305981</v>
      </c>
      <c r="MF32" s="129">
        <v>0</v>
      </c>
      <c r="MG32" s="109">
        <v>0</v>
      </c>
      <c r="MH32" s="110">
        <v>0</v>
      </c>
      <c r="MI32" s="132"/>
      <c r="MJ32" s="109">
        <v>2756849</v>
      </c>
      <c r="MK32" s="109">
        <v>4764596</v>
      </c>
      <c r="ML32" s="109">
        <v>13818313</v>
      </c>
      <c r="MM32" s="109">
        <v>22533126</v>
      </c>
      <c r="MN32" s="109">
        <v>17239534</v>
      </c>
      <c r="MO32" s="110">
        <v>61112418</v>
      </c>
      <c r="MP32" s="130">
        <v>61112418</v>
      </c>
      <c r="MQ32" s="129">
        <v>0</v>
      </c>
      <c r="MR32" s="109">
        <v>0</v>
      </c>
      <c r="MS32" s="110">
        <v>0</v>
      </c>
      <c r="MT32" s="132"/>
      <c r="MU32" s="109">
        <v>694610</v>
      </c>
      <c r="MV32" s="109">
        <v>466936</v>
      </c>
      <c r="MW32" s="109">
        <v>8053545</v>
      </c>
      <c r="MX32" s="109">
        <v>16267167</v>
      </c>
      <c r="MY32" s="109">
        <v>11568753</v>
      </c>
      <c r="MZ32" s="110">
        <v>37051011</v>
      </c>
      <c r="NA32" s="130">
        <v>37051011</v>
      </c>
      <c r="NB32" s="129">
        <v>0</v>
      </c>
      <c r="NC32" s="109">
        <v>0</v>
      </c>
      <c r="ND32" s="110">
        <v>0</v>
      </c>
      <c r="NE32" s="132"/>
      <c r="NF32" s="109">
        <v>2062239</v>
      </c>
      <c r="NG32" s="109">
        <v>4297660</v>
      </c>
      <c r="NH32" s="109">
        <v>5764768</v>
      </c>
      <c r="NI32" s="109">
        <v>5029971</v>
      </c>
      <c r="NJ32" s="109">
        <v>4851422</v>
      </c>
      <c r="NK32" s="110">
        <v>22006060</v>
      </c>
      <c r="NL32" s="298">
        <v>22006060</v>
      </c>
      <c r="NM32" s="129">
        <v>0</v>
      </c>
      <c r="NN32" s="109">
        <v>0</v>
      </c>
      <c r="NO32" s="110">
        <v>0</v>
      </c>
      <c r="NP32" s="132"/>
      <c r="NQ32" s="109">
        <v>0</v>
      </c>
      <c r="NR32" s="109">
        <v>0</v>
      </c>
      <c r="NS32" s="109">
        <v>0</v>
      </c>
      <c r="NT32" s="109">
        <v>0</v>
      </c>
      <c r="NU32" s="109">
        <v>0</v>
      </c>
      <c r="NV32" s="110">
        <v>0</v>
      </c>
      <c r="NW32" s="111">
        <v>0</v>
      </c>
      <c r="NX32" s="129">
        <v>0</v>
      </c>
      <c r="NY32" s="109">
        <v>0</v>
      </c>
      <c r="NZ32" s="110">
        <v>0</v>
      </c>
      <c r="OA32" s="132"/>
      <c r="OB32" s="109">
        <v>0</v>
      </c>
      <c r="OC32" s="109">
        <v>0</v>
      </c>
      <c r="OD32" s="109">
        <v>0</v>
      </c>
      <c r="OE32" s="109">
        <v>1235988</v>
      </c>
      <c r="OF32" s="109">
        <v>819359</v>
      </c>
      <c r="OG32" s="110">
        <v>2055347</v>
      </c>
      <c r="OH32" s="111">
        <v>2055347</v>
      </c>
      <c r="OI32" s="129">
        <v>2877002</v>
      </c>
      <c r="OJ32" s="109">
        <v>5652099</v>
      </c>
      <c r="OK32" s="128">
        <v>8529101</v>
      </c>
      <c r="OL32" s="108">
        <v>0</v>
      </c>
      <c r="OM32" s="109">
        <v>32896371</v>
      </c>
      <c r="ON32" s="109">
        <v>30720779</v>
      </c>
      <c r="OO32" s="109">
        <v>41457235</v>
      </c>
      <c r="OP32" s="109">
        <v>47360503</v>
      </c>
      <c r="OQ32" s="109">
        <v>41739689</v>
      </c>
      <c r="OR32" s="110">
        <v>194174577</v>
      </c>
      <c r="OS32" s="130">
        <v>202703678</v>
      </c>
    </row>
    <row r="33" spans="2:409" ht="21" customHeight="1" x14ac:dyDescent="0.2">
      <c r="B33" s="472" t="s">
        <v>28</v>
      </c>
      <c r="C33" s="100">
        <v>142682</v>
      </c>
      <c r="D33" s="104">
        <v>534258</v>
      </c>
      <c r="E33" s="103">
        <v>676940</v>
      </c>
      <c r="F33" s="99">
        <v>0</v>
      </c>
      <c r="G33" s="104">
        <v>5623489</v>
      </c>
      <c r="H33" s="104">
        <v>8974191</v>
      </c>
      <c r="I33" s="104">
        <v>7098216</v>
      </c>
      <c r="J33" s="104">
        <v>6558003</v>
      </c>
      <c r="K33" s="104">
        <v>4153592</v>
      </c>
      <c r="L33" s="160">
        <v>32407491</v>
      </c>
      <c r="M33" s="106">
        <v>33084431</v>
      </c>
      <c r="N33" s="100">
        <v>33966</v>
      </c>
      <c r="O33" s="104">
        <v>141156</v>
      </c>
      <c r="P33" s="103">
        <v>175122</v>
      </c>
      <c r="Q33" s="100">
        <v>0</v>
      </c>
      <c r="R33" s="104">
        <v>998968</v>
      </c>
      <c r="S33" s="104">
        <v>1716000</v>
      </c>
      <c r="T33" s="104">
        <v>1584742</v>
      </c>
      <c r="U33" s="104">
        <v>1710680</v>
      </c>
      <c r="V33" s="104">
        <v>1769610</v>
      </c>
      <c r="W33" s="103">
        <v>7780000</v>
      </c>
      <c r="X33" s="106">
        <v>7955122</v>
      </c>
      <c r="Y33" s="100">
        <v>0</v>
      </c>
      <c r="Z33" s="104">
        <v>0</v>
      </c>
      <c r="AA33" s="103">
        <v>0</v>
      </c>
      <c r="AB33" s="100">
        <v>0</v>
      </c>
      <c r="AC33" s="104">
        <v>358048</v>
      </c>
      <c r="AD33" s="104">
        <v>868109</v>
      </c>
      <c r="AE33" s="104">
        <v>843208</v>
      </c>
      <c r="AF33" s="104">
        <v>728645</v>
      </c>
      <c r="AG33" s="104">
        <v>799727</v>
      </c>
      <c r="AH33" s="103">
        <v>3597737</v>
      </c>
      <c r="AI33" s="106">
        <v>3597737</v>
      </c>
      <c r="AJ33" s="100">
        <v>0</v>
      </c>
      <c r="AK33" s="104">
        <v>0</v>
      </c>
      <c r="AL33" s="103">
        <v>0</v>
      </c>
      <c r="AM33" s="100">
        <v>0</v>
      </c>
      <c r="AN33" s="104">
        <v>0</v>
      </c>
      <c r="AO33" s="104">
        <v>0</v>
      </c>
      <c r="AP33" s="104">
        <v>153941</v>
      </c>
      <c r="AQ33" s="104">
        <v>230510</v>
      </c>
      <c r="AR33" s="104">
        <v>268863</v>
      </c>
      <c r="AS33" s="103">
        <v>653314</v>
      </c>
      <c r="AT33" s="106">
        <v>653314</v>
      </c>
      <c r="AU33" s="100">
        <v>24660</v>
      </c>
      <c r="AV33" s="104">
        <v>135792</v>
      </c>
      <c r="AW33" s="103">
        <v>160452</v>
      </c>
      <c r="AX33" s="100">
        <v>0</v>
      </c>
      <c r="AY33" s="104">
        <v>450321</v>
      </c>
      <c r="AZ33" s="104">
        <v>489857</v>
      </c>
      <c r="BA33" s="104">
        <v>330611</v>
      </c>
      <c r="BB33" s="104">
        <v>555837</v>
      </c>
      <c r="BC33" s="104">
        <v>496584</v>
      </c>
      <c r="BD33" s="103">
        <v>2323210</v>
      </c>
      <c r="BE33" s="106">
        <v>2483662</v>
      </c>
      <c r="BF33" s="100">
        <v>0</v>
      </c>
      <c r="BG33" s="104">
        <v>0</v>
      </c>
      <c r="BH33" s="102">
        <v>0</v>
      </c>
      <c r="BI33" s="101">
        <v>0</v>
      </c>
      <c r="BJ33" s="104">
        <v>25789</v>
      </c>
      <c r="BK33" s="104">
        <v>74170</v>
      </c>
      <c r="BL33" s="104">
        <v>0</v>
      </c>
      <c r="BM33" s="104">
        <v>35550</v>
      </c>
      <c r="BN33" s="104">
        <v>37057</v>
      </c>
      <c r="BO33" s="103">
        <v>172566</v>
      </c>
      <c r="BP33" s="106">
        <v>172566</v>
      </c>
      <c r="BQ33" s="100">
        <v>9306</v>
      </c>
      <c r="BR33" s="104">
        <v>5364</v>
      </c>
      <c r="BS33" s="103">
        <v>14670</v>
      </c>
      <c r="BT33" s="100">
        <v>0</v>
      </c>
      <c r="BU33" s="104">
        <v>164810</v>
      </c>
      <c r="BV33" s="104">
        <v>283864</v>
      </c>
      <c r="BW33" s="104">
        <v>256982</v>
      </c>
      <c r="BX33" s="104">
        <v>160138</v>
      </c>
      <c r="BY33" s="104">
        <v>167379</v>
      </c>
      <c r="BZ33" s="103">
        <v>1033173</v>
      </c>
      <c r="CA33" s="106">
        <v>1047843</v>
      </c>
      <c r="CB33" s="100">
        <v>24896</v>
      </c>
      <c r="CC33" s="104">
        <v>134980</v>
      </c>
      <c r="CD33" s="103">
        <v>159876</v>
      </c>
      <c r="CE33" s="100">
        <v>0</v>
      </c>
      <c r="CF33" s="104">
        <v>2228078</v>
      </c>
      <c r="CG33" s="104">
        <v>3447946</v>
      </c>
      <c r="CH33" s="104">
        <v>2225555</v>
      </c>
      <c r="CI33" s="104">
        <v>2349491</v>
      </c>
      <c r="CJ33" s="104">
        <v>1203527</v>
      </c>
      <c r="CK33" s="103">
        <v>11454597</v>
      </c>
      <c r="CL33" s="106">
        <v>11614473</v>
      </c>
      <c r="CM33" s="100">
        <v>0</v>
      </c>
      <c r="CN33" s="104">
        <v>0</v>
      </c>
      <c r="CO33" s="103">
        <v>0</v>
      </c>
      <c r="CP33" s="101">
        <v>0</v>
      </c>
      <c r="CQ33" s="104">
        <v>1831720</v>
      </c>
      <c r="CR33" s="104">
        <v>2373844</v>
      </c>
      <c r="CS33" s="104">
        <v>1627376</v>
      </c>
      <c r="CT33" s="104">
        <v>1724966</v>
      </c>
      <c r="CU33" s="104">
        <v>759856</v>
      </c>
      <c r="CV33" s="103">
        <v>8317762</v>
      </c>
      <c r="CW33" s="106">
        <v>8317762</v>
      </c>
      <c r="CX33" s="100">
        <v>24896</v>
      </c>
      <c r="CY33" s="104">
        <v>134980</v>
      </c>
      <c r="CZ33" s="103">
        <v>159876</v>
      </c>
      <c r="DA33" s="100">
        <v>0</v>
      </c>
      <c r="DB33" s="104">
        <v>396358</v>
      </c>
      <c r="DC33" s="104">
        <v>1074102</v>
      </c>
      <c r="DD33" s="104">
        <v>598179</v>
      </c>
      <c r="DE33" s="104">
        <v>624525</v>
      </c>
      <c r="DF33" s="104">
        <v>443671</v>
      </c>
      <c r="DG33" s="103">
        <v>3136835</v>
      </c>
      <c r="DH33" s="106">
        <v>3296711</v>
      </c>
      <c r="DI33" s="100">
        <v>0</v>
      </c>
      <c r="DJ33" s="104">
        <v>29982</v>
      </c>
      <c r="DK33" s="102">
        <v>29982</v>
      </c>
      <c r="DL33" s="101">
        <v>0</v>
      </c>
      <c r="DM33" s="104">
        <v>159894</v>
      </c>
      <c r="DN33" s="104">
        <v>258195</v>
      </c>
      <c r="DO33" s="104">
        <v>900747</v>
      </c>
      <c r="DP33" s="104">
        <v>727317</v>
      </c>
      <c r="DQ33" s="104">
        <v>261484</v>
      </c>
      <c r="DR33" s="103">
        <v>2307637</v>
      </c>
      <c r="DS33" s="106">
        <v>2337619</v>
      </c>
      <c r="DT33" s="100">
        <v>0</v>
      </c>
      <c r="DU33" s="104">
        <v>29982</v>
      </c>
      <c r="DV33" s="103">
        <v>29982</v>
      </c>
      <c r="DW33" s="100">
        <v>0</v>
      </c>
      <c r="DX33" s="104">
        <v>63369</v>
      </c>
      <c r="DY33" s="104">
        <v>226252</v>
      </c>
      <c r="DZ33" s="104">
        <v>735512</v>
      </c>
      <c r="EA33" s="104">
        <v>575874</v>
      </c>
      <c r="EB33" s="104">
        <v>261484</v>
      </c>
      <c r="EC33" s="103">
        <v>1862491</v>
      </c>
      <c r="ED33" s="106">
        <v>1892473</v>
      </c>
      <c r="EE33" s="100">
        <v>0</v>
      </c>
      <c r="EF33" s="102">
        <v>0</v>
      </c>
      <c r="EG33" s="103">
        <v>0</v>
      </c>
      <c r="EH33" s="100">
        <v>0</v>
      </c>
      <c r="EI33" s="104">
        <v>96525</v>
      </c>
      <c r="EJ33" s="104">
        <v>31943</v>
      </c>
      <c r="EK33" s="104">
        <v>165235</v>
      </c>
      <c r="EL33" s="104">
        <v>151443</v>
      </c>
      <c r="EM33" s="104">
        <v>0</v>
      </c>
      <c r="EN33" s="102">
        <v>445146</v>
      </c>
      <c r="EO33" s="106">
        <v>445146</v>
      </c>
      <c r="EP33" s="100">
        <v>0</v>
      </c>
      <c r="EQ33" s="104">
        <v>0</v>
      </c>
      <c r="ER33" s="102">
        <v>0</v>
      </c>
      <c r="ES33" s="101">
        <v>0</v>
      </c>
      <c r="ET33" s="104">
        <v>0</v>
      </c>
      <c r="EU33" s="104">
        <v>0</v>
      </c>
      <c r="EV33" s="104">
        <v>0</v>
      </c>
      <c r="EW33" s="104">
        <v>0</v>
      </c>
      <c r="EX33" s="104">
        <v>0</v>
      </c>
      <c r="EY33" s="103">
        <v>0</v>
      </c>
      <c r="EZ33" s="106">
        <v>0</v>
      </c>
      <c r="FA33" s="100">
        <v>0</v>
      </c>
      <c r="FB33" s="104">
        <v>0</v>
      </c>
      <c r="FC33" s="102">
        <v>0</v>
      </c>
      <c r="FD33" s="324"/>
      <c r="FE33" s="104">
        <v>0</v>
      </c>
      <c r="FF33" s="104">
        <v>0</v>
      </c>
      <c r="FG33" s="104">
        <v>0</v>
      </c>
      <c r="FH33" s="104">
        <v>0</v>
      </c>
      <c r="FI33" s="104">
        <v>0</v>
      </c>
      <c r="FJ33" s="103">
        <v>0</v>
      </c>
      <c r="FK33" s="106">
        <v>0</v>
      </c>
      <c r="FL33" s="100">
        <v>41400</v>
      </c>
      <c r="FM33" s="104">
        <v>146300</v>
      </c>
      <c r="FN33" s="103">
        <v>187700</v>
      </c>
      <c r="FO33" s="100">
        <v>0</v>
      </c>
      <c r="FP33" s="104">
        <v>375337</v>
      </c>
      <c r="FQ33" s="104">
        <v>892928</v>
      </c>
      <c r="FR33" s="104">
        <v>614288</v>
      </c>
      <c r="FS33" s="104">
        <v>479486</v>
      </c>
      <c r="FT33" s="104">
        <v>350730</v>
      </c>
      <c r="FU33" s="103">
        <v>2712769</v>
      </c>
      <c r="FV33" s="106">
        <v>2900469</v>
      </c>
      <c r="FW33" s="105">
        <v>41400</v>
      </c>
      <c r="FX33" s="104">
        <v>108500</v>
      </c>
      <c r="FY33" s="102">
        <v>149900</v>
      </c>
      <c r="FZ33" s="101">
        <v>0</v>
      </c>
      <c r="GA33" s="104">
        <v>315937</v>
      </c>
      <c r="GB33" s="104">
        <v>818436</v>
      </c>
      <c r="GC33" s="104">
        <v>554067</v>
      </c>
      <c r="GD33" s="104">
        <v>479486</v>
      </c>
      <c r="GE33" s="104">
        <v>334530</v>
      </c>
      <c r="GF33" s="103">
        <v>2502456</v>
      </c>
      <c r="GG33" s="296">
        <v>2652356</v>
      </c>
      <c r="GH33" s="105">
        <v>0</v>
      </c>
      <c r="GI33" s="104">
        <v>0</v>
      </c>
      <c r="GJ33" s="102">
        <v>0</v>
      </c>
      <c r="GK33" s="101">
        <v>0</v>
      </c>
      <c r="GL33" s="104">
        <v>0</v>
      </c>
      <c r="GM33" s="104">
        <v>34892</v>
      </c>
      <c r="GN33" s="104">
        <v>0</v>
      </c>
      <c r="GO33" s="104">
        <v>0</v>
      </c>
      <c r="GP33" s="104">
        <v>16200</v>
      </c>
      <c r="GQ33" s="103">
        <v>51092</v>
      </c>
      <c r="GR33" s="106">
        <v>51092</v>
      </c>
      <c r="GS33" s="100">
        <v>0</v>
      </c>
      <c r="GT33" s="104">
        <v>37800</v>
      </c>
      <c r="GU33" s="103">
        <v>37800</v>
      </c>
      <c r="GV33" s="100">
        <v>0</v>
      </c>
      <c r="GW33" s="104">
        <v>59400</v>
      </c>
      <c r="GX33" s="104">
        <v>39600</v>
      </c>
      <c r="GY33" s="104">
        <v>60221</v>
      </c>
      <c r="GZ33" s="104">
        <v>0</v>
      </c>
      <c r="HA33" s="104">
        <v>0</v>
      </c>
      <c r="HB33" s="102">
        <v>159221</v>
      </c>
      <c r="HC33" s="106">
        <v>197021</v>
      </c>
      <c r="HD33" s="100">
        <v>0</v>
      </c>
      <c r="HE33" s="104">
        <v>0</v>
      </c>
      <c r="HF33" s="102">
        <v>0</v>
      </c>
      <c r="HG33" s="101">
        <v>0</v>
      </c>
      <c r="HH33" s="104">
        <v>827445</v>
      </c>
      <c r="HI33" s="104">
        <v>1593195</v>
      </c>
      <c r="HJ33" s="104">
        <v>1029363</v>
      </c>
      <c r="HK33" s="104">
        <v>829061</v>
      </c>
      <c r="HL33" s="104">
        <v>256338</v>
      </c>
      <c r="HM33" s="103">
        <v>4535402</v>
      </c>
      <c r="HN33" s="99">
        <v>4535402</v>
      </c>
      <c r="HO33" s="105">
        <v>42420</v>
      </c>
      <c r="HP33" s="104">
        <v>81840</v>
      </c>
      <c r="HQ33" s="103">
        <v>124260</v>
      </c>
      <c r="HR33" s="100">
        <v>0</v>
      </c>
      <c r="HS33" s="104">
        <v>1033767</v>
      </c>
      <c r="HT33" s="104">
        <v>1065927</v>
      </c>
      <c r="HU33" s="104">
        <v>743521</v>
      </c>
      <c r="HV33" s="104">
        <v>461968</v>
      </c>
      <c r="HW33" s="104">
        <v>311903</v>
      </c>
      <c r="HX33" s="102">
        <v>3617086</v>
      </c>
      <c r="HY33" s="106">
        <v>3741346</v>
      </c>
      <c r="HZ33" s="118">
        <v>0</v>
      </c>
      <c r="IA33" s="119">
        <v>0</v>
      </c>
      <c r="IB33" s="120">
        <v>0</v>
      </c>
      <c r="IC33" s="133">
        <v>0</v>
      </c>
      <c r="ID33" s="119">
        <v>1006088</v>
      </c>
      <c r="IE33" s="134">
        <v>1890686</v>
      </c>
      <c r="IF33" s="120">
        <v>1293352</v>
      </c>
      <c r="IG33" s="119">
        <v>1638486</v>
      </c>
      <c r="IH33" s="120">
        <v>568867</v>
      </c>
      <c r="II33" s="135">
        <v>6397479</v>
      </c>
      <c r="IJ33" s="126">
        <v>6397479</v>
      </c>
      <c r="IK33" s="219">
        <v>0</v>
      </c>
      <c r="IL33" s="223">
        <v>0</v>
      </c>
      <c r="IM33" s="224">
        <v>0</v>
      </c>
      <c r="IN33" s="324"/>
      <c r="IO33" s="109">
        <v>0</v>
      </c>
      <c r="IP33" s="109">
        <v>0</v>
      </c>
      <c r="IQ33" s="109">
        <v>0</v>
      </c>
      <c r="IR33" s="109">
        <v>0</v>
      </c>
      <c r="IS33" s="109">
        <v>0</v>
      </c>
      <c r="IT33" s="128">
        <v>0</v>
      </c>
      <c r="IU33" s="298">
        <v>0</v>
      </c>
      <c r="IV33" s="129">
        <v>0</v>
      </c>
      <c r="IW33" s="109">
        <v>0</v>
      </c>
      <c r="IX33" s="110">
        <v>0</v>
      </c>
      <c r="IY33" s="324"/>
      <c r="IZ33" s="109">
        <v>0</v>
      </c>
      <c r="JA33" s="109">
        <v>0</v>
      </c>
      <c r="JB33" s="109">
        <v>0</v>
      </c>
      <c r="JC33" s="109">
        <v>0</v>
      </c>
      <c r="JD33" s="109">
        <v>0</v>
      </c>
      <c r="JE33" s="110">
        <v>0</v>
      </c>
      <c r="JF33" s="111">
        <v>0</v>
      </c>
      <c r="JG33" s="129">
        <v>0</v>
      </c>
      <c r="JH33" s="109">
        <v>0</v>
      </c>
      <c r="JI33" s="128">
        <v>0</v>
      </c>
      <c r="JJ33" s="108">
        <v>0</v>
      </c>
      <c r="JK33" s="109">
        <v>642965</v>
      </c>
      <c r="JL33" s="109">
        <v>500508</v>
      </c>
      <c r="JM33" s="109">
        <v>350548</v>
      </c>
      <c r="JN33" s="109">
        <v>159075</v>
      </c>
      <c r="JO33" s="109">
        <v>13239</v>
      </c>
      <c r="JP33" s="110">
        <v>1666335</v>
      </c>
      <c r="JQ33" s="298">
        <v>1666335</v>
      </c>
      <c r="JR33" s="129">
        <v>0</v>
      </c>
      <c r="JS33" s="109">
        <v>0</v>
      </c>
      <c r="JT33" s="128">
        <v>0</v>
      </c>
      <c r="JU33" s="108">
        <v>0</v>
      </c>
      <c r="JV33" s="109">
        <v>98865</v>
      </c>
      <c r="JW33" s="109">
        <v>108999</v>
      </c>
      <c r="JX33" s="109">
        <v>105894</v>
      </c>
      <c r="JY33" s="109">
        <v>324891</v>
      </c>
      <c r="JZ33" s="109">
        <v>0</v>
      </c>
      <c r="KA33" s="110">
        <v>638649</v>
      </c>
      <c r="KB33" s="298">
        <v>638649</v>
      </c>
      <c r="KC33" s="221">
        <v>0</v>
      </c>
      <c r="KD33" s="217">
        <v>0</v>
      </c>
      <c r="KE33" s="110">
        <v>0</v>
      </c>
      <c r="KF33" s="108">
        <v>0</v>
      </c>
      <c r="KG33" s="109">
        <v>0</v>
      </c>
      <c r="KH33" s="109">
        <v>0</v>
      </c>
      <c r="KI33" s="109">
        <v>0</v>
      </c>
      <c r="KJ33" s="109">
        <v>0</v>
      </c>
      <c r="KK33" s="109">
        <v>0</v>
      </c>
      <c r="KL33" s="110">
        <v>0</v>
      </c>
      <c r="KM33" s="130">
        <v>0</v>
      </c>
      <c r="KN33" s="219">
        <v>0</v>
      </c>
      <c r="KO33" s="223">
        <v>0</v>
      </c>
      <c r="KP33" s="224">
        <v>0</v>
      </c>
      <c r="KQ33" s="127"/>
      <c r="KR33" s="109">
        <v>264258</v>
      </c>
      <c r="KS33" s="109">
        <v>1281179</v>
      </c>
      <c r="KT33" s="109">
        <v>566874</v>
      </c>
      <c r="KU33" s="109">
        <v>1154520</v>
      </c>
      <c r="KV33" s="109">
        <v>555628</v>
      </c>
      <c r="KW33" s="110">
        <v>3822459</v>
      </c>
      <c r="KX33" s="298">
        <v>3822459</v>
      </c>
      <c r="KY33" s="129">
        <v>0</v>
      </c>
      <c r="KZ33" s="109">
        <v>0</v>
      </c>
      <c r="LA33" s="110">
        <v>0</v>
      </c>
      <c r="LB33" s="132"/>
      <c r="LC33" s="109">
        <v>0</v>
      </c>
      <c r="LD33" s="109">
        <v>0</v>
      </c>
      <c r="LE33" s="109">
        <v>0</v>
      </c>
      <c r="LF33" s="109">
        <v>0</v>
      </c>
      <c r="LG33" s="109">
        <v>0</v>
      </c>
      <c r="LH33" s="110">
        <v>0</v>
      </c>
      <c r="LI33" s="111">
        <v>0</v>
      </c>
      <c r="LJ33" s="129">
        <v>0</v>
      </c>
      <c r="LK33" s="109">
        <v>0</v>
      </c>
      <c r="LL33" s="110">
        <v>0</v>
      </c>
      <c r="LM33" s="132"/>
      <c r="LN33" s="109">
        <v>0</v>
      </c>
      <c r="LO33" s="109">
        <v>0</v>
      </c>
      <c r="LP33" s="109">
        <v>270036</v>
      </c>
      <c r="LQ33" s="109">
        <v>0</v>
      </c>
      <c r="LR33" s="109">
        <v>0</v>
      </c>
      <c r="LS33" s="110">
        <v>270036</v>
      </c>
      <c r="LT33" s="298">
        <v>270036</v>
      </c>
      <c r="LU33" s="129">
        <v>0</v>
      </c>
      <c r="LV33" s="109">
        <v>0</v>
      </c>
      <c r="LW33" s="110">
        <v>0</v>
      </c>
      <c r="LX33" s="132"/>
      <c r="LY33" s="109">
        <v>0</v>
      </c>
      <c r="LZ33" s="109">
        <v>0</v>
      </c>
      <c r="MA33" s="109">
        <v>0</v>
      </c>
      <c r="MB33" s="109">
        <v>0</v>
      </c>
      <c r="MC33" s="109">
        <v>0</v>
      </c>
      <c r="MD33" s="110">
        <v>0</v>
      </c>
      <c r="ME33" s="111">
        <v>0</v>
      </c>
      <c r="MF33" s="129">
        <v>0</v>
      </c>
      <c r="MG33" s="109">
        <v>0</v>
      </c>
      <c r="MH33" s="110">
        <v>0</v>
      </c>
      <c r="MI33" s="132"/>
      <c r="MJ33" s="109">
        <v>726852</v>
      </c>
      <c r="MK33" s="109">
        <v>2880735</v>
      </c>
      <c r="ML33" s="109">
        <v>6386244</v>
      </c>
      <c r="MM33" s="109">
        <v>6327846</v>
      </c>
      <c r="MN33" s="109">
        <v>6418262</v>
      </c>
      <c r="MO33" s="110">
        <v>22739939</v>
      </c>
      <c r="MP33" s="130">
        <v>22739939</v>
      </c>
      <c r="MQ33" s="129">
        <v>0</v>
      </c>
      <c r="MR33" s="109">
        <v>0</v>
      </c>
      <c r="MS33" s="110">
        <v>0</v>
      </c>
      <c r="MT33" s="132"/>
      <c r="MU33" s="109">
        <v>0</v>
      </c>
      <c r="MV33" s="109">
        <v>478439</v>
      </c>
      <c r="MW33" s="109">
        <v>3368635</v>
      </c>
      <c r="MX33" s="109">
        <v>4575928</v>
      </c>
      <c r="MY33" s="109">
        <v>5460163</v>
      </c>
      <c r="MZ33" s="110">
        <v>13883165</v>
      </c>
      <c r="NA33" s="130">
        <v>13883165</v>
      </c>
      <c r="NB33" s="129">
        <v>0</v>
      </c>
      <c r="NC33" s="109">
        <v>0</v>
      </c>
      <c r="ND33" s="110">
        <v>0</v>
      </c>
      <c r="NE33" s="132"/>
      <c r="NF33" s="109">
        <v>726852</v>
      </c>
      <c r="NG33" s="109">
        <v>2402296</v>
      </c>
      <c r="NH33" s="109">
        <v>3017609</v>
      </c>
      <c r="NI33" s="109">
        <v>1751918</v>
      </c>
      <c r="NJ33" s="109">
        <v>958099</v>
      </c>
      <c r="NK33" s="110">
        <v>8856774</v>
      </c>
      <c r="NL33" s="298">
        <v>8856774</v>
      </c>
      <c r="NM33" s="129">
        <v>0</v>
      </c>
      <c r="NN33" s="109">
        <v>0</v>
      </c>
      <c r="NO33" s="110">
        <v>0</v>
      </c>
      <c r="NP33" s="132"/>
      <c r="NQ33" s="109">
        <v>0</v>
      </c>
      <c r="NR33" s="109">
        <v>0</v>
      </c>
      <c r="NS33" s="109">
        <v>0</v>
      </c>
      <c r="NT33" s="109">
        <v>0</v>
      </c>
      <c r="NU33" s="109">
        <v>0</v>
      </c>
      <c r="NV33" s="110">
        <v>0</v>
      </c>
      <c r="NW33" s="111">
        <v>0</v>
      </c>
      <c r="NX33" s="129">
        <v>0</v>
      </c>
      <c r="NY33" s="109">
        <v>0</v>
      </c>
      <c r="NZ33" s="110">
        <v>0</v>
      </c>
      <c r="OA33" s="132"/>
      <c r="OB33" s="109">
        <v>0</v>
      </c>
      <c r="OC33" s="109">
        <v>0</v>
      </c>
      <c r="OD33" s="109">
        <v>0</v>
      </c>
      <c r="OE33" s="109">
        <v>0</v>
      </c>
      <c r="OF33" s="109">
        <v>0</v>
      </c>
      <c r="OG33" s="110">
        <v>0</v>
      </c>
      <c r="OH33" s="111">
        <v>0</v>
      </c>
      <c r="OI33" s="129">
        <v>142682</v>
      </c>
      <c r="OJ33" s="109">
        <v>534258</v>
      </c>
      <c r="OK33" s="128">
        <v>676940</v>
      </c>
      <c r="OL33" s="108">
        <v>0</v>
      </c>
      <c r="OM33" s="109">
        <v>7356429</v>
      </c>
      <c r="ON33" s="109">
        <v>13745612</v>
      </c>
      <c r="OO33" s="109">
        <v>14777812</v>
      </c>
      <c r="OP33" s="109">
        <v>14524335</v>
      </c>
      <c r="OQ33" s="109">
        <v>11140721</v>
      </c>
      <c r="OR33" s="110">
        <v>61544909</v>
      </c>
      <c r="OS33" s="130">
        <v>62221849</v>
      </c>
    </row>
    <row r="34" spans="2:409" ht="21" customHeight="1" x14ac:dyDescent="0.2">
      <c r="B34" s="472" t="s">
        <v>29</v>
      </c>
      <c r="C34" s="100">
        <v>524465</v>
      </c>
      <c r="D34" s="104">
        <v>831229</v>
      </c>
      <c r="E34" s="103">
        <v>1355694</v>
      </c>
      <c r="F34" s="99">
        <v>0</v>
      </c>
      <c r="G34" s="104">
        <v>8478702</v>
      </c>
      <c r="H34" s="104">
        <v>10473303</v>
      </c>
      <c r="I34" s="104">
        <v>10013742</v>
      </c>
      <c r="J34" s="104">
        <v>7553359</v>
      </c>
      <c r="K34" s="104">
        <v>6767352</v>
      </c>
      <c r="L34" s="160">
        <v>43286458</v>
      </c>
      <c r="M34" s="106">
        <v>44642152</v>
      </c>
      <c r="N34" s="100">
        <v>41031</v>
      </c>
      <c r="O34" s="104">
        <v>274204</v>
      </c>
      <c r="P34" s="103">
        <v>315235</v>
      </c>
      <c r="Q34" s="100">
        <v>0</v>
      </c>
      <c r="R34" s="104">
        <v>2470078</v>
      </c>
      <c r="S34" s="104">
        <v>2409425</v>
      </c>
      <c r="T34" s="104">
        <v>2417628</v>
      </c>
      <c r="U34" s="104">
        <v>2738118</v>
      </c>
      <c r="V34" s="104">
        <v>3272005</v>
      </c>
      <c r="W34" s="103">
        <v>13307254</v>
      </c>
      <c r="X34" s="106">
        <v>13622489</v>
      </c>
      <c r="Y34" s="100">
        <v>0</v>
      </c>
      <c r="Z34" s="104">
        <v>0</v>
      </c>
      <c r="AA34" s="103">
        <v>0</v>
      </c>
      <c r="AB34" s="100">
        <v>0</v>
      </c>
      <c r="AC34" s="104">
        <v>1143202</v>
      </c>
      <c r="AD34" s="104">
        <v>1119188</v>
      </c>
      <c r="AE34" s="104">
        <v>1332768</v>
      </c>
      <c r="AF34" s="104">
        <v>1758581</v>
      </c>
      <c r="AG34" s="104">
        <v>1822531</v>
      </c>
      <c r="AH34" s="103">
        <v>7176270</v>
      </c>
      <c r="AI34" s="106">
        <v>7176270</v>
      </c>
      <c r="AJ34" s="100">
        <v>0</v>
      </c>
      <c r="AK34" s="104">
        <v>0</v>
      </c>
      <c r="AL34" s="103">
        <v>0</v>
      </c>
      <c r="AM34" s="100">
        <v>0</v>
      </c>
      <c r="AN34" s="104">
        <v>0</v>
      </c>
      <c r="AO34" s="104">
        <v>0</v>
      </c>
      <c r="AP34" s="104">
        <v>131469</v>
      </c>
      <c r="AQ34" s="104">
        <v>174679</v>
      </c>
      <c r="AR34" s="104">
        <v>677783</v>
      </c>
      <c r="AS34" s="103">
        <v>983931</v>
      </c>
      <c r="AT34" s="106">
        <v>983931</v>
      </c>
      <c r="AU34" s="100">
        <v>23832</v>
      </c>
      <c r="AV34" s="104">
        <v>213301</v>
      </c>
      <c r="AW34" s="103">
        <v>237133</v>
      </c>
      <c r="AX34" s="100">
        <v>0</v>
      </c>
      <c r="AY34" s="104">
        <v>1012174</v>
      </c>
      <c r="AZ34" s="104">
        <v>897386</v>
      </c>
      <c r="BA34" s="104">
        <v>586796</v>
      </c>
      <c r="BB34" s="104">
        <v>472353</v>
      </c>
      <c r="BC34" s="104">
        <v>615234</v>
      </c>
      <c r="BD34" s="103">
        <v>3583943</v>
      </c>
      <c r="BE34" s="106">
        <v>3821076</v>
      </c>
      <c r="BF34" s="100">
        <v>0</v>
      </c>
      <c r="BG34" s="104">
        <v>41580</v>
      </c>
      <c r="BH34" s="102">
        <v>41580</v>
      </c>
      <c r="BI34" s="101">
        <v>0</v>
      </c>
      <c r="BJ34" s="104">
        <v>67876</v>
      </c>
      <c r="BK34" s="104">
        <v>30592</v>
      </c>
      <c r="BL34" s="104">
        <v>100025</v>
      </c>
      <c r="BM34" s="104">
        <v>54815</v>
      </c>
      <c r="BN34" s="104">
        <v>0</v>
      </c>
      <c r="BO34" s="103">
        <v>253308</v>
      </c>
      <c r="BP34" s="106">
        <v>294888</v>
      </c>
      <c r="BQ34" s="100">
        <v>17199</v>
      </c>
      <c r="BR34" s="104">
        <v>19323</v>
      </c>
      <c r="BS34" s="103">
        <v>36522</v>
      </c>
      <c r="BT34" s="100">
        <v>0</v>
      </c>
      <c r="BU34" s="104">
        <v>246826</v>
      </c>
      <c r="BV34" s="104">
        <v>362259</v>
      </c>
      <c r="BW34" s="104">
        <v>266570</v>
      </c>
      <c r="BX34" s="104">
        <v>277690</v>
      </c>
      <c r="BY34" s="104">
        <v>156457</v>
      </c>
      <c r="BZ34" s="103">
        <v>1309802</v>
      </c>
      <c r="CA34" s="106">
        <v>1346324</v>
      </c>
      <c r="CB34" s="100">
        <v>83930</v>
      </c>
      <c r="CC34" s="104">
        <v>159174</v>
      </c>
      <c r="CD34" s="103">
        <v>243104</v>
      </c>
      <c r="CE34" s="100">
        <v>0</v>
      </c>
      <c r="CF34" s="104">
        <v>2557541</v>
      </c>
      <c r="CG34" s="104">
        <v>3834734</v>
      </c>
      <c r="CH34" s="104">
        <v>3778426</v>
      </c>
      <c r="CI34" s="104">
        <v>1541977</v>
      </c>
      <c r="CJ34" s="104">
        <v>944587</v>
      </c>
      <c r="CK34" s="103">
        <v>12657265</v>
      </c>
      <c r="CL34" s="106">
        <v>12900369</v>
      </c>
      <c r="CM34" s="100">
        <v>0</v>
      </c>
      <c r="CN34" s="104">
        <v>0</v>
      </c>
      <c r="CO34" s="103">
        <v>0</v>
      </c>
      <c r="CP34" s="101">
        <v>0</v>
      </c>
      <c r="CQ34" s="104">
        <v>1606170</v>
      </c>
      <c r="CR34" s="104">
        <v>3292604</v>
      </c>
      <c r="CS34" s="104">
        <v>2979885</v>
      </c>
      <c r="CT34" s="104">
        <v>1450267</v>
      </c>
      <c r="CU34" s="104">
        <v>944587</v>
      </c>
      <c r="CV34" s="103">
        <v>10273513</v>
      </c>
      <c r="CW34" s="106">
        <v>10273513</v>
      </c>
      <c r="CX34" s="100">
        <v>83930</v>
      </c>
      <c r="CY34" s="104">
        <v>159174</v>
      </c>
      <c r="CZ34" s="103">
        <v>243104</v>
      </c>
      <c r="DA34" s="100">
        <v>0</v>
      </c>
      <c r="DB34" s="104">
        <v>951371</v>
      </c>
      <c r="DC34" s="104">
        <v>542130</v>
      </c>
      <c r="DD34" s="104">
        <v>798541</v>
      </c>
      <c r="DE34" s="104">
        <v>91710</v>
      </c>
      <c r="DF34" s="104">
        <v>0</v>
      </c>
      <c r="DG34" s="103">
        <v>2383752</v>
      </c>
      <c r="DH34" s="106">
        <v>2626856</v>
      </c>
      <c r="DI34" s="100">
        <v>0</v>
      </c>
      <c r="DJ34" s="104">
        <v>0</v>
      </c>
      <c r="DK34" s="102">
        <v>0</v>
      </c>
      <c r="DL34" s="101">
        <v>0</v>
      </c>
      <c r="DM34" s="104">
        <v>309794</v>
      </c>
      <c r="DN34" s="104">
        <v>602994</v>
      </c>
      <c r="DO34" s="104">
        <v>1059606</v>
      </c>
      <c r="DP34" s="104">
        <v>575163</v>
      </c>
      <c r="DQ34" s="104">
        <v>459795</v>
      </c>
      <c r="DR34" s="103">
        <v>3007352</v>
      </c>
      <c r="DS34" s="106">
        <v>3007352</v>
      </c>
      <c r="DT34" s="100">
        <v>0</v>
      </c>
      <c r="DU34" s="104">
        <v>0</v>
      </c>
      <c r="DV34" s="103">
        <v>0</v>
      </c>
      <c r="DW34" s="100">
        <v>0</v>
      </c>
      <c r="DX34" s="104">
        <v>274306</v>
      </c>
      <c r="DY34" s="104">
        <v>576896</v>
      </c>
      <c r="DZ34" s="104">
        <v>1029510</v>
      </c>
      <c r="EA34" s="104">
        <v>575163</v>
      </c>
      <c r="EB34" s="104">
        <v>459795</v>
      </c>
      <c r="EC34" s="103">
        <v>2915670</v>
      </c>
      <c r="ED34" s="106">
        <v>2915670</v>
      </c>
      <c r="EE34" s="100">
        <v>0</v>
      </c>
      <c r="EF34" s="102">
        <v>0</v>
      </c>
      <c r="EG34" s="103">
        <v>0</v>
      </c>
      <c r="EH34" s="100">
        <v>0</v>
      </c>
      <c r="EI34" s="104">
        <v>35488</v>
      </c>
      <c r="EJ34" s="104">
        <v>26098</v>
      </c>
      <c r="EK34" s="104">
        <v>30096</v>
      </c>
      <c r="EL34" s="104">
        <v>0</v>
      </c>
      <c r="EM34" s="104">
        <v>0</v>
      </c>
      <c r="EN34" s="102">
        <v>91682</v>
      </c>
      <c r="EO34" s="106">
        <v>91682</v>
      </c>
      <c r="EP34" s="100">
        <v>0</v>
      </c>
      <c r="EQ34" s="104">
        <v>0</v>
      </c>
      <c r="ER34" s="102">
        <v>0</v>
      </c>
      <c r="ES34" s="101">
        <v>0</v>
      </c>
      <c r="ET34" s="104">
        <v>0</v>
      </c>
      <c r="EU34" s="104">
        <v>0</v>
      </c>
      <c r="EV34" s="104">
        <v>0</v>
      </c>
      <c r="EW34" s="104">
        <v>0</v>
      </c>
      <c r="EX34" s="104">
        <v>0</v>
      </c>
      <c r="EY34" s="103">
        <v>0</v>
      </c>
      <c r="EZ34" s="106">
        <v>0</v>
      </c>
      <c r="FA34" s="100">
        <v>0</v>
      </c>
      <c r="FB34" s="104">
        <v>0</v>
      </c>
      <c r="FC34" s="102">
        <v>0</v>
      </c>
      <c r="FD34" s="324"/>
      <c r="FE34" s="104">
        <v>0</v>
      </c>
      <c r="FF34" s="104">
        <v>0</v>
      </c>
      <c r="FG34" s="104">
        <v>0</v>
      </c>
      <c r="FH34" s="104">
        <v>0</v>
      </c>
      <c r="FI34" s="104">
        <v>0</v>
      </c>
      <c r="FJ34" s="103">
        <v>0</v>
      </c>
      <c r="FK34" s="106">
        <v>0</v>
      </c>
      <c r="FL34" s="100">
        <v>201120</v>
      </c>
      <c r="FM34" s="104">
        <v>213651</v>
      </c>
      <c r="FN34" s="103">
        <v>414771</v>
      </c>
      <c r="FO34" s="100">
        <v>0</v>
      </c>
      <c r="FP34" s="104">
        <v>508675</v>
      </c>
      <c r="FQ34" s="104">
        <v>885325</v>
      </c>
      <c r="FR34" s="104">
        <v>939661</v>
      </c>
      <c r="FS34" s="104">
        <v>576091</v>
      </c>
      <c r="FT34" s="104">
        <v>693010</v>
      </c>
      <c r="FU34" s="103">
        <v>3602762</v>
      </c>
      <c r="FV34" s="106">
        <v>4017533</v>
      </c>
      <c r="FW34" s="105">
        <v>167820</v>
      </c>
      <c r="FX34" s="104">
        <v>213651</v>
      </c>
      <c r="FY34" s="102">
        <v>381471</v>
      </c>
      <c r="FZ34" s="101">
        <v>0</v>
      </c>
      <c r="GA34" s="104">
        <v>407805</v>
      </c>
      <c r="GB34" s="104">
        <v>826420</v>
      </c>
      <c r="GC34" s="104">
        <v>884221</v>
      </c>
      <c r="GD34" s="104">
        <v>576091</v>
      </c>
      <c r="GE34" s="104">
        <v>675910</v>
      </c>
      <c r="GF34" s="103">
        <v>3370447</v>
      </c>
      <c r="GG34" s="296">
        <v>3751918</v>
      </c>
      <c r="GH34" s="105">
        <v>33300</v>
      </c>
      <c r="GI34" s="104">
        <v>0</v>
      </c>
      <c r="GJ34" s="102">
        <v>33300</v>
      </c>
      <c r="GK34" s="101">
        <v>0</v>
      </c>
      <c r="GL34" s="104">
        <v>0</v>
      </c>
      <c r="GM34" s="104">
        <v>31185</v>
      </c>
      <c r="GN34" s="104">
        <v>55440</v>
      </c>
      <c r="GO34" s="104">
        <v>0</v>
      </c>
      <c r="GP34" s="104">
        <v>17100</v>
      </c>
      <c r="GQ34" s="103">
        <v>103725</v>
      </c>
      <c r="GR34" s="106">
        <v>137025</v>
      </c>
      <c r="GS34" s="100">
        <v>0</v>
      </c>
      <c r="GT34" s="104">
        <v>0</v>
      </c>
      <c r="GU34" s="103">
        <v>0</v>
      </c>
      <c r="GV34" s="100">
        <v>0</v>
      </c>
      <c r="GW34" s="104">
        <v>100870</v>
      </c>
      <c r="GX34" s="104">
        <v>27720</v>
      </c>
      <c r="GY34" s="104">
        <v>0</v>
      </c>
      <c r="GZ34" s="104">
        <v>0</v>
      </c>
      <c r="HA34" s="104">
        <v>0</v>
      </c>
      <c r="HB34" s="102">
        <v>128590</v>
      </c>
      <c r="HC34" s="106">
        <v>128590</v>
      </c>
      <c r="HD34" s="100">
        <v>59364</v>
      </c>
      <c r="HE34" s="104">
        <v>0</v>
      </c>
      <c r="HF34" s="102">
        <v>59364</v>
      </c>
      <c r="HG34" s="101">
        <v>0</v>
      </c>
      <c r="HH34" s="104">
        <v>1453194</v>
      </c>
      <c r="HI34" s="104">
        <v>1654137</v>
      </c>
      <c r="HJ34" s="104">
        <v>703045</v>
      </c>
      <c r="HK34" s="104">
        <v>1627951</v>
      </c>
      <c r="HL34" s="104">
        <v>1010323</v>
      </c>
      <c r="HM34" s="103">
        <v>6448650</v>
      </c>
      <c r="HN34" s="99">
        <v>6508014</v>
      </c>
      <c r="HO34" s="105">
        <v>139020</v>
      </c>
      <c r="HP34" s="104">
        <v>184200</v>
      </c>
      <c r="HQ34" s="103">
        <v>323220</v>
      </c>
      <c r="HR34" s="100">
        <v>0</v>
      </c>
      <c r="HS34" s="104">
        <v>1179420</v>
      </c>
      <c r="HT34" s="104">
        <v>1086688</v>
      </c>
      <c r="HU34" s="104">
        <v>1115376</v>
      </c>
      <c r="HV34" s="104">
        <v>494059</v>
      </c>
      <c r="HW34" s="104">
        <v>387632</v>
      </c>
      <c r="HX34" s="102">
        <v>4263175</v>
      </c>
      <c r="HY34" s="106">
        <v>4586395</v>
      </c>
      <c r="HZ34" s="137">
        <v>0</v>
      </c>
      <c r="IA34" s="122">
        <v>169587</v>
      </c>
      <c r="IB34" s="137">
        <v>169587</v>
      </c>
      <c r="IC34" s="121">
        <v>0</v>
      </c>
      <c r="ID34" s="122">
        <v>4303027</v>
      </c>
      <c r="IE34" s="123">
        <v>3446076</v>
      </c>
      <c r="IF34" s="124">
        <v>6943869</v>
      </c>
      <c r="IG34" s="122">
        <v>4310780</v>
      </c>
      <c r="IH34" s="124">
        <v>2092851</v>
      </c>
      <c r="II34" s="125">
        <v>21096603</v>
      </c>
      <c r="IJ34" s="137">
        <v>21266190</v>
      </c>
      <c r="IK34" s="219">
        <v>0</v>
      </c>
      <c r="IL34" s="223">
        <v>0</v>
      </c>
      <c r="IM34" s="224">
        <v>0</v>
      </c>
      <c r="IN34" s="324"/>
      <c r="IO34" s="109">
        <v>111450</v>
      </c>
      <c r="IP34" s="109">
        <v>0</v>
      </c>
      <c r="IQ34" s="109">
        <v>0</v>
      </c>
      <c r="IR34" s="109">
        <v>0</v>
      </c>
      <c r="IS34" s="109">
        <v>0</v>
      </c>
      <c r="IT34" s="128">
        <v>111450</v>
      </c>
      <c r="IU34" s="298">
        <v>111450</v>
      </c>
      <c r="IV34" s="129">
        <v>0</v>
      </c>
      <c r="IW34" s="109">
        <v>0</v>
      </c>
      <c r="IX34" s="110">
        <v>0</v>
      </c>
      <c r="IY34" s="324"/>
      <c r="IZ34" s="109">
        <v>0</v>
      </c>
      <c r="JA34" s="109">
        <v>0</v>
      </c>
      <c r="JB34" s="109">
        <v>0</v>
      </c>
      <c r="JC34" s="109">
        <v>0</v>
      </c>
      <c r="JD34" s="109">
        <v>0</v>
      </c>
      <c r="JE34" s="110">
        <v>0</v>
      </c>
      <c r="JF34" s="111">
        <v>0</v>
      </c>
      <c r="JG34" s="129">
        <v>0</v>
      </c>
      <c r="JH34" s="109">
        <v>0</v>
      </c>
      <c r="JI34" s="128">
        <v>0</v>
      </c>
      <c r="JJ34" s="108">
        <v>0</v>
      </c>
      <c r="JK34" s="109">
        <v>1034276</v>
      </c>
      <c r="JL34" s="109">
        <v>1270549</v>
      </c>
      <c r="JM34" s="109">
        <v>644986</v>
      </c>
      <c r="JN34" s="109">
        <v>270719</v>
      </c>
      <c r="JO34" s="109">
        <v>0</v>
      </c>
      <c r="JP34" s="110">
        <v>3220530</v>
      </c>
      <c r="JQ34" s="298">
        <v>3220530</v>
      </c>
      <c r="JR34" s="129">
        <v>0</v>
      </c>
      <c r="JS34" s="109">
        <v>0</v>
      </c>
      <c r="JT34" s="128">
        <v>0</v>
      </c>
      <c r="JU34" s="108">
        <v>0</v>
      </c>
      <c r="JV34" s="109">
        <v>102123</v>
      </c>
      <c r="JW34" s="109">
        <v>0</v>
      </c>
      <c r="JX34" s="109">
        <v>0</v>
      </c>
      <c r="JY34" s="109">
        <v>0</v>
      </c>
      <c r="JZ34" s="109">
        <v>0</v>
      </c>
      <c r="KA34" s="110">
        <v>102123</v>
      </c>
      <c r="KB34" s="298">
        <v>102123</v>
      </c>
      <c r="KC34" s="221">
        <v>0</v>
      </c>
      <c r="KD34" s="217">
        <v>169587</v>
      </c>
      <c r="KE34" s="110">
        <v>169587</v>
      </c>
      <c r="KF34" s="108">
        <v>0</v>
      </c>
      <c r="KG34" s="109">
        <v>1217000</v>
      </c>
      <c r="KH34" s="109">
        <v>743132</v>
      </c>
      <c r="KI34" s="109">
        <v>1408648</v>
      </c>
      <c r="KJ34" s="109">
        <v>998145</v>
      </c>
      <c r="KK34" s="109">
        <v>321453</v>
      </c>
      <c r="KL34" s="110">
        <v>4688378</v>
      </c>
      <c r="KM34" s="130">
        <v>4857965</v>
      </c>
      <c r="KN34" s="219">
        <v>0</v>
      </c>
      <c r="KO34" s="223">
        <v>0</v>
      </c>
      <c r="KP34" s="224">
        <v>0</v>
      </c>
      <c r="KQ34" s="127"/>
      <c r="KR34" s="109">
        <v>1838178</v>
      </c>
      <c r="KS34" s="109">
        <v>1432395</v>
      </c>
      <c r="KT34" s="109">
        <v>1696671</v>
      </c>
      <c r="KU34" s="109">
        <v>1107396</v>
      </c>
      <c r="KV34" s="109">
        <v>291825</v>
      </c>
      <c r="KW34" s="110">
        <v>6366465</v>
      </c>
      <c r="KX34" s="298">
        <v>6366465</v>
      </c>
      <c r="KY34" s="129">
        <v>0</v>
      </c>
      <c r="KZ34" s="109">
        <v>0</v>
      </c>
      <c r="LA34" s="110">
        <v>0</v>
      </c>
      <c r="LB34" s="132"/>
      <c r="LC34" s="109">
        <v>0</v>
      </c>
      <c r="LD34" s="109">
        <v>0</v>
      </c>
      <c r="LE34" s="109">
        <v>0</v>
      </c>
      <c r="LF34" s="109">
        <v>0</v>
      </c>
      <c r="LG34" s="109">
        <v>0</v>
      </c>
      <c r="LH34" s="110">
        <v>0</v>
      </c>
      <c r="LI34" s="111">
        <v>0</v>
      </c>
      <c r="LJ34" s="129">
        <v>0</v>
      </c>
      <c r="LK34" s="109">
        <v>0</v>
      </c>
      <c r="LL34" s="110">
        <v>0</v>
      </c>
      <c r="LM34" s="132"/>
      <c r="LN34" s="109">
        <v>0</v>
      </c>
      <c r="LO34" s="109">
        <v>0</v>
      </c>
      <c r="LP34" s="109">
        <v>3193564</v>
      </c>
      <c r="LQ34" s="109">
        <v>1934520</v>
      </c>
      <c r="LR34" s="109">
        <v>1479573</v>
      </c>
      <c r="LS34" s="110">
        <v>6607657</v>
      </c>
      <c r="LT34" s="298">
        <v>6607657</v>
      </c>
      <c r="LU34" s="129">
        <v>0</v>
      </c>
      <c r="LV34" s="109">
        <v>0</v>
      </c>
      <c r="LW34" s="110">
        <v>0</v>
      </c>
      <c r="LX34" s="132"/>
      <c r="LY34" s="109">
        <v>0</v>
      </c>
      <c r="LZ34" s="109">
        <v>0</v>
      </c>
      <c r="MA34" s="109">
        <v>0</v>
      </c>
      <c r="MB34" s="109">
        <v>0</v>
      </c>
      <c r="MC34" s="109">
        <v>0</v>
      </c>
      <c r="MD34" s="110">
        <v>0</v>
      </c>
      <c r="ME34" s="111">
        <v>0</v>
      </c>
      <c r="MF34" s="129">
        <v>0</v>
      </c>
      <c r="MG34" s="109">
        <v>0</v>
      </c>
      <c r="MH34" s="110">
        <v>0</v>
      </c>
      <c r="MI34" s="132"/>
      <c r="MJ34" s="109">
        <v>528499</v>
      </c>
      <c r="MK34" s="109">
        <v>3327973</v>
      </c>
      <c r="ML34" s="109">
        <v>6146421</v>
      </c>
      <c r="MM34" s="109">
        <v>10836940</v>
      </c>
      <c r="MN34" s="109">
        <v>9618907</v>
      </c>
      <c r="MO34" s="110">
        <v>30458740</v>
      </c>
      <c r="MP34" s="130">
        <v>30458740</v>
      </c>
      <c r="MQ34" s="129">
        <v>0</v>
      </c>
      <c r="MR34" s="109">
        <v>0</v>
      </c>
      <c r="MS34" s="110">
        <v>0</v>
      </c>
      <c r="MT34" s="132"/>
      <c r="MU34" s="109">
        <v>0</v>
      </c>
      <c r="MV34" s="109">
        <v>431979</v>
      </c>
      <c r="MW34" s="109">
        <v>2490177</v>
      </c>
      <c r="MX34" s="109">
        <v>7453193</v>
      </c>
      <c r="MY34" s="109">
        <v>6015078</v>
      </c>
      <c r="MZ34" s="110">
        <v>16390427</v>
      </c>
      <c r="NA34" s="130">
        <v>16390427</v>
      </c>
      <c r="NB34" s="129">
        <v>0</v>
      </c>
      <c r="NC34" s="109">
        <v>0</v>
      </c>
      <c r="ND34" s="110">
        <v>0</v>
      </c>
      <c r="NE34" s="132"/>
      <c r="NF34" s="109">
        <v>528499</v>
      </c>
      <c r="NG34" s="109">
        <v>2895994</v>
      </c>
      <c r="NH34" s="109">
        <v>3656244</v>
      </c>
      <c r="NI34" s="109">
        <v>3383747</v>
      </c>
      <c r="NJ34" s="109">
        <v>3603829</v>
      </c>
      <c r="NK34" s="110">
        <v>14068313</v>
      </c>
      <c r="NL34" s="298">
        <v>14068313</v>
      </c>
      <c r="NM34" s="129">
        <v>0</v>
      </c>
      <c r="NN34" s="109">
        <v>0</v>
      </c>
      <c r="NO34" s="110">
        <v>0</v>
      </c>
      <c r="NP34" s="132"/>
      <c r="NQ34" s="109">
        <v>0</v>
      </c>
      <c r="NR34" s="109">
        <v>0</v>
      </c>
      <c r="NS34" s="109">
        <v>0</v>
      </c>
      <c r="NT34" s="109">
        <v>0</v>
      </c>
      <c r="NU34" s="109">
        <v>0</v>
      </c>
      <c r="NV34" s="110">
        <v>0</v>
      </c>
      <c r="NW34" s="111">
        <v>0</v>
      </c>
      <c r="NX34" s="129">
        <v>0</v>
      </c>
      <c r="NY34" s="109">
        <v>0</v>
      </c>
      <c r="NZ34" s="110">
        <v>0</v>
      </c>
      <c r="OA34" s="132"/>
      <c r="OB34" s="109">
        <v>0</v>
      </c>
      <c r="OC34" s="109">
        <v>0</v>
      </c>
      <c r="OD34" s="109">
        <v>0</v>
      </c>
      <c r="OE34" s="109">
        <v>0</v>
      </c>
      <c r="OF34" s="109">
        <v>0</v>
      </c>
      <c r="OG34" s="110">
        <v>0</v>
      </c>
      <c r="OH34" s="111">
        <v>0</v>
      </c>
      <c r="OI34" s="129">
        <v>524465</v>
      </c>
      <c r="OJ34" s="109">
        <v>1000816</v>
      </c>
      <c r="OK34" s="128">
        <v>1525281</v>
      </c>
      <c r="OL34" s="108">
        <v>0</v>
      </c>
      <c r="OM34" s="109">
        <v>13310228</v>
      </c>
      <c r="ON34" s="109">
        <v>17247352</v>
      </c>
      <c r="OO34" s="109">
        <v>23104032</v>
      </c>
      <c r="OP34" s="109">
        <v>22701079</v>
      </c>
      <c r="OQ34" s="109">
        <v>18479110</v>
      </c>
      <c r="OR34" s="110">
        <v>94841801</v>
      </c>
      <c r="OS34" s="130">
        <v>96367082</v>
      </c>
    </row>
    <row r="35" spans="2:409" ht="21" customHeight="1" x14ac:dyDescent="0.2">
      <c r="B35" s="472" t="s">
        <v>30</v>
      </c>
      <c r="C35" s="100">
        <v>809553</v>
      </c>
      <c r="D35" s="104">
        <v>1101613</v>
      </c>
      <c r="E35" s="161">
        <v>1911166</v>
      </c>
      <c r="F35" s="162">
        <v>0</v>
      </c>
      <c r="G35" s="163">
        <v>6740533</v>
      </c>
      <c r="H35" s="163">
        <v>7173877</v>
      </c>
      <c r="I35" s="163">
        <v>8311972</v>
      </c>
      <c r="J35" s="163">
        <v>7573040</v>
      </c>
      <c r="K35" s="163">
        <v>2828183</v>
      </c>
      <c r="L35" s="164">
        <v>32627605</v>
      </c>
      <c r="M35" s="106">
        <v>34538771</v>
      </c>
      <c r="N35" s="100">
        <v>114384</v>
      </c>
      <c r="O35" s="104">
        <v>286777</v>
      </c>
      <c r="P35" s="103">
        <v>401161</v>
      </c>
      <c r="Q35" s="100">
        <v>0</v>
      </c>
      <c r="R35" s="104">
        <v>1775482</v>
      </c>
      <c r="S35" s="104">
        <v>1943278</v>
      </c>
      <c r="T35" s="104">
        <v>3028370</v>
      </c>
      <c r="U35" s="104">
        <v>4184283</v>
      </c>
      <c r="V35" s="104">
        <v>1349618</v>
      </c>
      <c r="W35" s="103">
        <v>12281031</v>
      </c>
      <c r="X35" s="106">
        <v>12682192</v>
      </c>
      <c r="Y35" s="100">
        <v>0</v>
      </c>
      <c r="Z35" s="104">
        <v>0</v>
      </c>
      <c r="AA35" s="103">
        <v>0</v>
      </c>
      <c r="AB35" s="100">
        <v>0</v>
      </c>
      <c r="AC35" s="104">
        <v>535377</v>
      </c>
      <c r="AD35" s="104">
        <v>973144</v>
      </c>
      <c r="AE35" s="104">
        <v>1740192</v>
      </c>
      <c r="AF35" s="104">
        <v>2695305</v>
      </c>
      <c r="AG35" s="104">
        <v>936520</v>
      </c>
      <c r="AH35" s="103">
        <v>6880538</v>
      </c>
      <c r="AI35" s="106">
        <v>6880538</v>
      </c>
      <c r="AJ35" s="100">
        <v>0</v>
      </c>
      <c r="AK35" s="104">
        <v>0</v>
      </c>
      <c r="AL35" s="103">
        <v>0</v>
      </c>
      <c r="AM35" s="100">
        <v>0</v>
      </c>
      <c r="AN35" s="104">
        <v>103809</v>
      </c>
      <c r="AO35" s="104">
        <v>0</v>
      </c>
      <c r="AP35" s="104">
        <v>216051</v>
      </c>
      <c r="AQ35" s="104">
        <v>381823</v>
      </c>
      <c r="AR35" s="104">
        <v>212010</v>
      </c>
      <c r="AS35" s="103">
        <v>913693</v>
      </c>
      <c r="AT35" s="106">
        <v>913693</v>
      </c>
      <c r="AU35" s="100">
        <v>103584</v>
      </c>
      <c r="AV35" s="104">
        <v>277471</v>
      </c>
      <c r="AW35" s="103">
        <v>381055</v>
      </c>
      <c r="AX35" s="100">
        <v>0</v>
      </c>
      <c r="AY35" s="104">
        <v>766561</v>
      </c>
      <c r="AZ35" s="104">
        <v>574512</v>
      </c>
      <c r="BA35" s="104">
        <v>740794</v>
      </c>
      <c r="BB35" s="104">
        <v>719061</v>
      </c>
      <c r="BC35" s="104">
        <v>114391</v>
      </c>
      <c r="BD35" s="103">
        <v>2915319</v>
      </c>
      <c r="BE35" s="106">
        <v>3296374</v>
      </c>
      <c r="BF35" s="100">
        <v>0</v>
      </c>
      <c r="BG35" s="104">
        <v>0</v>
      </c>
      <c r="BH35" s="102">
        <v>0</v>
      </c>
      <c r="BI35" s="101">
        <v>0</v>
      </c>
      <c r="BJ35" s="104">
        <v>77436</v>
      </c>
      <c r="BK35" s="104">
        <v>90976</v>
      </c>
      <c r="BL35" s="104">
        <v>111852</v>
      </c>
      <c r="BM35" s="104">
        <v>71802</v>
      </c>
      <c r="BN35" s="104">
        <v>0</v>
      </c>
      <c r="BO35" s="103">
        <v>352066</v>
      </c>
      <c r="BP35" s="106">
        <v>352066</v>
      </c>
      <c r="BQ35" s="100">
        <v>10800</v>
      </c>
      <c r="BR35" s="104">
        <v>9306</v>
      </c>
      <c r="BS35" s="103">
        <v>20106</v>
      </c>
      <c r="BT35" s="100">
        <v>0</v>
      </c>
      <c r="BU35" s="104">
        <v>292299</v>
      </c>
      <c r="BV35" s="104">
        <v>304646</v>
      </c>
      <c r="BW35" s="104">
        <v>219481</v>
      </c>
      <c r="BX35" s="104">
        <v>316292</v>
      </c>
      <c r="BY35" s="104">
        <v>86697</v>
      </c>
      <c r="BZ35" s="103">
        <v>1219415</v>
      </c>
      <c r="CA35" s="106">
        <v>1239521</v>
      </c>
      <c r="CB35" s="100">
        <v>105672</v>
      </c>
      <c r="CC35" s="104">
        <v>304755</v>
      </c>
      <c r="CD35" s="103">
        <v>410427</v>
      </c>
      <c r="CE35" s="100">
        <v>0</v>
      </c>
      <c r="CF35" s="104">
        <v>2176265</v>
      </c>
      <c r="CG35" s="104">
        <v>1968315</v>
      </c>
      <c r="CH35" s="104">
        <v>1742983</v>
      </c>
      <c r="CI35" s="104">
        <v>1027001</v>
      </c>
      <c r="CJ35" s="104">
        <v>251294</v>
      </c>
      <c r="CK35" s="103">
        <v>7165858</v>
      </c>
      <c r="CL35" s="106">
        <v>7576285</v>
      </c>
      <c r="CM35" s="100">
        <v>0</v>
      </c>
      <c r="CN35" s="104">
        <v>0</v>
      </c>
      <c r="CO35" s="103">
        <v>0</v>
      </c>
      <c r="CP35" s="101">
        <v>0</v>
      </c>
      <c r="CQ35" s="104">
        <v>1789758</v>
      </c>
      <c r="CR35" s="104">
        <v>1585827</v>
      </c>
      <c r="CS35" s="104">
        <v>1531676</v>
      </c>
      <c r="CT35" s="104">
        <v>852988</v>
      </c>
      <c r="CU35" s="104">
        <v>143878</v>
      </c>
      <c r="CV35" s="103">
        <v>5904127</v>
      </c>
      <c r="CW35" s="106">
        <v>5904127</v>
      </c>
      <c r="CX35" s="100">
        <v>105672</v>
      </c>
      <c r="CY35" s="104">
        <v>304755</v>
      </c>
      <c r="CZ35" s="103">
        <v>410427</v>
      </c>
      <c r="DA35" s="100">
        <v>0</v>
      </c>
      <c r="DB35" s="104">
        <v>386507</v>
      </c>
      <c r="DC35" s="104">
        <v>382488</v>
      </c>
      <c r="DD35" s="104">
        <v>211307</v>
      </c>
      <c r="DE35" s="104">
        <v>174013</v>
      </c>
      <c r="DF35" s="104">
        <v>107416</v>
      </c>
      <c r="DG35" s="103">
        <v>1261731</v>
      </c>
      <c r="DH35" s="106">
        <v>1672158</v>
      </c>
      <c r="DI35" s="100">
        <v>0</v>
      </c>
      <c r="DJ35" s="104">
        <v>17181</v>
      </c>
      <c r="DK35" s="102">
        <v>17181</v>
      </c>
      <c r="DL35" s="101">
        <v>0</v>
      </c>
      <c r="DM35" s="104">
        <v>279246</v>
      </c>
      <c r="DN35" s="104">
        <v>578264</v>
      </c>
      <c r="DO35" s="104">
        <v>676449</v>
      </c>
      <c r="DP35" s="104">
        <v>138146</v>
      </c>
      <c r="DQ35" s="104">
        <v>101016</v>
      </c>
      <c r="DR35" s="103">
        <v>1773121</v>
      </c>
      <c r="DS35" s="106">
        <v>1790302</v>
      </c>
      <c r="DT35" s="100">
        <v>0</v>
      </c>
      <c r="DU35" s="104">
        <v>17181</v>
      </c>
      <c r="DV35" s="103">
        <v>17181</v>
      </c>
      <c r="DW35" s="100">
        <v>0</v>
      </c>
      <c r="DX35" s="104">
        <v>279246</v>
      </c>
      <c r="DY35" s="104">
        <v>521627</v>
      </c>
      <c r="DZ35" s="104">
        <v>593199</v>
      </c>
      <c r="EA35" s="104">
        <v>138146</v>
      </c>
      <c r="EB35" s="104">
        <v>49581</v>
      </c>
      <c r="EC35" s="103">
        <v>1581799</v>
      </c>
      <c r="ED35" s="106">
        <v>1598980</v>
      </c>
      <c r="EE35" s="100">
        <v>0</v>
      </c>
      <c r="EF35" s="102">
        <v>0</v>
      </c>
      <c r="EG35" s="103">
        <v>0</v>
      </c>
      <c r="EH35" s="100">
        <v>0</v>
      </c>
      <c r="EI35" s="104">
        <v>0</v>
      </c>
      <c r="EJ35" s="104">
        <v>56637</v>
      </c>
      <c r="EK35" s="104">
        <v>83250</v>
      </c>
      <c r="EL35" s="104">
        <v>0</v>
      </c>
      <c r="EM35" s="104">
        <v>51435</v>
      </c>
      <c r="EN35" s="102">
        <v>191322</v>
      </c>
      <c r="EO35" s="106">
        <v>191322</v>
      </c>
      <c r="EP35" s="100">
        <v>0</v>
      </c>
      <c r="EQ35" s="104">
        <v>0</v>
      </c>
      <c r="ER35" s="102">
        <v>0</v>
      </c>
      <c r="ES35" s="101">
        <v>0</v>
      </c>
      <c r="ET35" s="104">
        <v>0</v>
      </c>
      <c r="EU35" s="104">
        <v>0</v>
      </c>
      <c r="EV35" s="104">
        <v>0</v>
      </c>
      <c r="EW35" s="104">
        <v>0</v>
      </c>
      <c r="EX35" s="104">
        <v>0</v>
      </c>
      <c r="EY35" s="103">
        <v>0</v>
      </c>
      <c r="EZ35" s="106">
        <v>0</v>
      </c>
      <c r="FA35" s="100">
        <v>0</v>
      </c>
      <c r="FB35" s="104">
        <v>0</v>
      </c>
      <c r="FC35" s="102">
        <v>0</v>
      </c>
      <c r="FD35" s="324"/>
      <c r="FE35" s="104">
        <v>0</v>
      </c>
      <c r="FF35" s="104">
        <v>0</v>
      </c>
      <c r="FG35" s="104">
        <v>0</v>
      </c>
      <c r="FH35" s="104">
        <v>0</v>
      </c>
      <c r="FI35" s="104">
        <v>0</v>
      </c>
      <c r="FJ35" s="103">
        <v>0</v>
      </c>
      <c r="FK35" s="106">
        <v>0</v>
      </c>
      <c r="FL35" s="100">
        <v>341370</v>
      </c>
      <c r="FM35" s="104">
        <v>355500</v>
      </c>
      <c r="FN35" s="103">
        <v>696870</v>
      </c>
      <c r="FO35" s="100">
        <v>0</v>
      </c>
      <c r="FP35" s="104">
        <v>399104</v>
      </c>
      <c r="FQ35" s="104">
        <v>557230</v>
      </c>
      <c r="FR35" s="104">
        <v>866383</v>
      </c>
      <c r="FS35" s="104">
        <v>549663</v>
      </c>
      <c r="FT35" s="104">
        <v>435870</v>
      </c>
      <c r="FU35" s="103">
        <v>2808250</v>
      </c>
      <c r="FV35" s="106">
        <v>3505120</v>
      </c>
      <c r="FW35" s="105">
        <v>247770</v>
      </c>
      <c r="FX35" s="104">
        <v>175500</v>
      </c>
      <c r="FY35" s="102">
        <v>423270</v>
      </c>
      <c r="FZ35" s="101">
        <v>0</v>
      </c>
      <c r="GA35" s="104">
        <v>399104</v>
      </c>
      <c r="GB35" s="104">
        <v>557230</v>
      </c>
      <c r="GC35" s="104">
        <v>851533</v>
      </c>
      <c r="GD35" s="104">
        <v>549663</v>
      </c>
      <c r="GE35" s="104">
        <v>230922</v>
      </c>
      <c r="GF35" s="103">
        <v>2588452</v>
      </c>
      <c r="GG35" s="296">
        <v>3011722</v>
      </c>
      <c r="GH35" s="105">
        <v>0</v>
      </c>
      <c r="GI35" s="104">
        <v>0</v>
      </c>
      <c r="GJ35" s="102">
        <v>0</v>
      </c>
      <c r="GK35" s="101">
        <v>0</v>
      </c>
      <c r="GL35" s="104">
        <v>0</v>
      </c>
      <c r="GM35" s="104">
        <v>0</v>
      </c>
      <c r="GN35" s="104">
        <v>0</v>
      </c>
      <c r="GO35" s="104">
        <v>0</v>
      </c>
      <c r="GP35" s="104">
        <v>24948</v>
      </c>
      <c r="GQ35" s="103">
        <v>24948</v>
      </c>
      <c r="GR35" s="106">
        <v>24948</v>
      </c>
      <c r="GS35" s="100">
        <v>93600</v>
      </c>
      <c r="GT35" s="104">
        <v>180000</v>
      </c>
      <c r="GU35" s="103">
        <v>273600</v>
      </c>
      <c r="GV35" s="100">
        <v>0</v>
      </c>
      <c r="GW35" s="104">
        <v>0</v>
      </c>
      <c r="GX35" s="104">
        <v>0</v>
      </c>
      <c r="GY35" s="104">
        <v>14850</v>
      </c>
      <c r="GZ35" s="104">
        <v>0</v>
      </c>
      <c r="HA35" s="104">
        <v>180000</v>
      </c>
      <c r="HB35" s="102">
        <v>194850</v>
      </c>
      <c r="HC35" s="106">
        <v>468450</v>
      </c>
      <c r="HD35" s="100">
        <v>58167</v>
      </c>
      <c r="HE35" s="104">
        <v>0</v>
      </c>
      <c r="HF35" s="102">
        <v>58167</v>
      </c>
      <c r="HG35" s="101">
        <v>0</v>
      </c>
      <c r="HH35" s="104">
        <v>1005202</v>
      </c>
      <c r="HI35" s="104">
        <v>1426368</v>
      </c>
      <c r="HJ35" s="104">
        <v>1215700</v>
      </c>
      <c r="HK35" s="104">
        <v>1180033</v>
      </c>
      <c r="HL35" s="104">
        <v>525928</v>
      </c>
      <c r="HM35" s="103">
        <v>5353231</v>
      </c>
      <c r="HN35" s="99">
        <v>5411398</v>
      </c>
      <c r="HO35" s="105">
        <v>189960</v>
      </c>
      <c r="HP35" s="104">
        <v>137400</v>
      </c>
      <c r="HQ35" s="103">
        <v>327360</v>
      </c>
      <c r="HR35" s="100">
        <v>0</v>
      </c>
      <c r="HS35" s="104">
        <v>1105234</v>
      </c>
      <c r="HT35" s="104">
        <v>700422</v>
      </c>
      <c r="HU35" s="104">
        <v>782087</v>
      </c>
      <c r="HV35" s="104">
        <v>493914</v>
      </c>
      <c r="HW35" s="104">
        <v>164457</v>
      </c>
      <c r="HX35" s="102">
        <v>3246114</v>
      </c>
      <c r="HY35" s="106">
        <v>3573474</v>
      </c>
      <c r="HZ35" s="118">
        <v>0</v>
      </c>
      <c r="IA35" s="119">
        <v>0</v>
      </c>
      <c r="IB35" s="120">
        <v>0</v>
      </c>
      <c r="IC35" s="133">
        <v>0</v>
      </c>
      <c r="ID35" s="119">
        <v>2986186</v>
      </c>
      <c r="IE35" s="134">
        <v>2491513</v>
      </c>
      <c r="IF35" s="120">
        <v>1790858</v>
      </c>
      <c r="IG35" s="119">
        <v>2425676</v>
      </c>
      <c r="IH35" s="120">
        <v>310950</v>
      </c>
      <c r="II35" s="135">
        <v>10005183</v>
      </c>
      <c r="IJ35" s="126">
        <v>10005183</v>
      </c>
      <c r="IK35" s="219">
        <v>0</v>
      </c>
      <c r="IL35" s="223">
        <v>0</v>
      </c>
      <c r="IM35" s="224">
        <v>0</v>
      </c>
      <c r="IN35" s="324"/>
      <c r="IO35" s="109">
        <v>0</v>
      </c>
      <c r="IP35" s="109">
        <v>188964</v>
      </c>
      <c r="IQ35" s="109">
        <v>179199</v>
      </c>
      <c r="IR35" s="109">
        <v>0</v>
      </c>
      <c r="IS35" s="109">
        <v>0</v>
      </c>
      <c r="IT35" s="128">
        <v>368163</v>
      </c>
      <c r="IU35" s="298">
        <v>368163</v>
      </c>
      <c r="IV35" s="129">
        <v>0</v>
      </c>
      <c r="IW35" s="109">
        <v>0</v>
      </c>
      <c r="IX35" s="110">
        <v>0</v>
      </c>
      <c r="IY35" s="324"/>
      <c r="IZ35" s="109">
        <v>0</v>
      </c>
      <c r="JA35" s="109">
        <v>0</v>
      </c>
      <c r="JB35" s="109">
        <v>0</v>
      </c>
      <c r="JC35" s="109">
        <v>0</v>
      </c>
      <c r="JD35" s="109">
        <v>0</v>
      </c>
      <c r="JE35" s="110">
        <v>0</v>
      </c>
      <c r="JF35" s="111">
        <v>0</v>
      </c>
      <c r="JG35" s="129">
        <v>0</v>
      </c>
      <c r="JH35" s="109">
        <v>0</v>
      </c>
      <c r="JI35" s="128">
        <v>0</v>
      </c>
      <c r="JJ35" s="108">
        <v>0</v>
      </c>
      <c r="JK35" s="109">
        <v>1584517</v>
      </c>
      <c r="JL35" s="109">
        <v>430239</v>
      </c>
      <c r="JM35" s="109">
        <v>921944</v>
      </c>
      <c r="JN35" s="109">
        <v>471780</v>
      </c>
      <c r="JO35" s="109">
        <v>25506</v>
      </c>
      <c r="JP35" s="110">
        <v>3433986</v>
      </c>
      <c r="JQ35" s="298">
        <v>3433986</v>
      </c>
      <c r="JR35" s="129">
        <v>0</v>
      </c>
      <c r="JS35" s="109">
        <v>0</v>
      </c>
      <c r="JT35" s="128">
        <v>0</v>
      </c>
      <c r="JU35" s="108">
        <v>0</v>
      </c>
      <c r="JV35" s="109">
        <v>197721</v>
      </c>
      <c r="JW35" s="109">
        <v>252814</v>
      </c>
      <c r="JX35" s="109">
        <v>185301</v>
      </c>
      <c r="JY35" s="109">
        <v>0</v>
      </c>
      <c r="JZ35" s="109">
        <v>0</v>
      </c>
      <c r="KA35" s="110">
        <v>635836</v>
      </c>
      <c r="KB35" s="298">
        <v>635836</v>
      </c>
      <c r="KC35" s="221">
        <v>0</v>
      </c>
      <c r="KD35" s="217">
        <v>0</v>
      </c>
      <c r="KE35" s="110">
        <v>0</v>
      </c>
      <c r="KF35" s="108">
        <v>0</v>
      </c>
      <c r="KG35" s="109">
        <v>0</v>
      </c>
      <c r="KH35" s="109">
        <v>0</v>
      </c>
      <c r="KI35" s="109">
        <v>0</v>
      </c>
      <c r="KJ35" s="109">
        <v>295704</v>
      </c>
      <c r="KK35" s="109">
        <v>0</v>
      </c>
      <c r="KL35" s="110">
        <v>295704</v>
      </c>
      <c r="KM35" s="130">
        <v>295704</v>
      </c>
      <c r="KN35" s="219">
        <v>0</v>
      </c>
      <c r="KO35" s="223">
        <v>0</v>
      </c>
      <c r="KP35" s="224">
        <v>0</v>
      </c>
      <c r="KQ35" s="127"/>
      <c r="KR35" s="109">
        <v>1203948</v>
      </c>
      <c r="KS35" s="109">
        <v>1619496</v>
      </c>
      <c r="KT35" s="109">
        <v>504414</v>
      </c>
      <c r="KU35" s="109">
        <v>1658192</v>
      </c>
      <c r="KV35" s="109">
        <v>285444</v>
      </c>
      <c r="KW35" s="110">
        <v>5271494</v>
      </c>
      <c r="KX35" s="298">
        <v>5271494</v>
      </c>
      <c r="KY35" s="129">
        <v>0</v>
      </c>
      <c r="KZ35" s="109">
        <v>0</v>
      </c>
      <c r="LA35" s="110">
        <v>0</v>
      </c>
      <c r="LB35" s="132"/>
      <c r="LC35" s="109">
        <v>0</v>
      </c>
      <c r="LD35" s="109">
        <v>0</v>
      </c>
      <c r="LE35" s="109">
        <v>0</v>
      </c>
      <c r="LF35" s="109">
        <v>0</v>
      </c>
      <c r="LG35" s="109">
        <v>0</v>
      </c>
      <c r="LH35" s="110">
        <v>0</v>
      </c>
      <c r="LI35" s="111">
        <v>0</v>
      </c>
      <c r="LJ35" s="129">
        <v>0</v>
      </c>
      <c r="LK35" s="109">
        <v>0</v>
      </c>
      <c r="LL35" s="110">
        <v>0</v>
      </c>
      <c r="LM35" s="132"/>
      <c r="LN35" s="109">
        <v>0</v>
      </c>
      <c r="LO35" s="109">
        <v>0</v>
      </c>
      <c r="LP35" s="109">
        <v>0</v>
      </c>
      <c r="LQ35" s="109">
        <v>0</v>
      </c>
      <c r="LR35" s="109">
        <v>0</v>
      </c>
      <c r="LS35" s="110">
        <v>0</v>
      </c>
      <c r="LT35" s="298">
        <v>0</v>
      </c>
      <c r="LU35" s="129">
        <v>0</v>
      </c>
      <c r="LV35" s="109">
        <v>0</v>
      </c>
      <c r="LW35" s="110">
        <v>0</v>
      </c>
      <c r="LX35" s="132"/>
      <c r="LY35" s="109">
        <v>0</v>
      </c>
      <c r="LZ35" s="109">
        <v>0</v>
      </c>
      <c r="MA35" s="109">
        <v>0</v>
      </c>
      <c r="MB35" s="109">
        <v>0</v>
      </c>
      <c r="MC35" s="109">
        <v>0</v>
      </c>
      <c r="MD35" s="110">
        <v>0</v>
      </c>
      <c r="ME35" s="111">
        <v>0</v>
      </c>
      <c r="MF35" s="129">
        <v>0</v>
      </c>
      <c r="MG35" s="109">
        <v>0</v>
      </c>
      <c r="MH35" s="110">
        <v>0</v>
      </c>
      <c r="MI35" s="132"/>
      <c r="MJ35" s="109">
        <v>3495629</v>
      </c>
      <c r="MK35" s="109">
        <v>564025</v>
      </c>
      <c r="ML35" s="109">
        <v>9621852</v>
      </c>
      <c r="MM35" s="109">
        <v>14565134</v>
      </c>
      <c r="MN35" s="109">
        <v>8495082</v>
      </c>
      <c r="MO35" s="110">
        <v>36741722</v>
      </c>
      <c r="MP35" s="130">
        <v>36741722</v>
      </c>
      <c r="MQ35" s="129">
        <v>0</v>
      </c>
      <c r="MR35" s="109">
        <v>0</v>
      </c>
      <c r="MS35" s="110">
        <v>0</v>
      </c>
      <c r="MT35" s="132"/>
      <c r="MU35" s="109">
        <v>60156</v>
      </c>
      <c r="MV35" s="109">
        <v>0</v>
      </c>
      <c r="MW35" s="109">
        <v>6201353</v>
      </c>
      <c r="MX35" s="109">
        <v>9079662</v>
      </c>
      <c r="MY35" s="109">
        <v>5361221</v>
      </c>
      <c r="MZ35" s="110">
        <v>20702392</v>
      </c>
      <c r="NA35" s="130">
        <v>20702392</v>
      </c>
      <c r="NB35" s="129">
        <v>0</v>
      </c>
      <c r="NC35" s="109">
        <v>0</v>
      </c>
      <c r="ND35" s="110">
        <v>0</v>
      </c>
      <c r="NE35" s="132"/>
      <c r="NF35" s="109">
        <v>3435473</v>
      </c>
      <c r="NG35" s="109">
        <v>564025</v>
      </c>
      <c r="NH35" s="109">
        <v>3420499</v>
      </c>
      <c r="NI35" s="109">
        <v>4767795</v>
      </c>
      <c r="NJ35" s="109">
        <v>2370850</v>
      </c>
      <c r="NK35" s="110">
        <v>14558642</v>
      </c>
      <c r="NL35" s="298">
        <v>14558642</v>
      </c>
      <c r="NM35" s="129">
        <v>0</v>
      </c>
      <c r="NN35" s="109">
        <v>0</v>
      </c>
      <c r="NO35" s="110">
        <v>0</v>
      </c>
      <c r="NP35" s="132"/>
      <c r="NQ35" s="109">
        <v>0</v>
      </c>
      <c r="NR35" s="109">
        <v>0</v>
      </c>
      <c r="NS35" s="109">
        <v>0</v>
      </c>
      <c r="NT35" s="109">
        <v>0</v>
      </c>
      <c r="NU35" s="109">
        <v>0</v>
      </c>
      <c r="NV35" s="110">
        <v>0</v>
      </c>
      <c r="NW35" s="111">
        <v>0</v>
      </c>
      <c r="NX35" s="129">
        <v>0</v>
      </c>
      <c r="NY35" s="109">
        <v>0</v>
      </c>
      <c r="NZ35" s="110">
        <v>0</v>
      </c>
      <c r="OA35" s="132"/>
      <c r="OB35" s="109">
        <v>0</v>
      </c>
      <c r="OC35" s="109">
        <v>0</v>
      </c>
      <c r="OD35" s="109">
        <v>0</v>
      </c>
      <c r="OE35" s="109">
        <v>717677</v>
      </c>
      <c r="OF35" s="109">
        <v>763011</v>
      </c>
      <c r="OG35" s="110">
        <v>1480688</v>
      </c>
      <c r="OH35" s="111">
        <v>1480688</v>
      </c>
      <c r="OI35" s="129">
        <v>809553</v>
      </c>
      <c r="OJ35" s="109">
        <v>1101613</v>
      </c>
      <c r="OK35" s="128">
        <v>1911166</v>
      </c>
      <c r="OL35" s="108">
        <v>0</v>
      </c>
      <c r="OM35" s="109">
        <v>13222348</v>
      </c>
      <c r="ON35" s="109">
        <v>10229415</v>
      </c>
      <c r="OO35" s="109">
        <v>19724682</v>
      </c>
      <c r="OP35" s="109">
        <v>24563850</v>
      </c>
      <c r="OQ35" s="109">
        <v>11634215</v>
      </c>
      <c r="OR35" s="110">
        <v>79374510</v>
      </c>
      <c r="OS35" s="130">
        <v>81285676</v>
      </c>
    </row>
    <row r="36" spans="2:409" ht="21" customHeight="1" x14ac:dyDescent="0.2">
      <c r="B36" s="472" t="s">
        <v>31</v>
      </c>
      <c r="C36" s="100">
        <v>450667</v>
      </c>
      <c r="D36" s="104">
        <v>1230557</v>
      </c>
      <c r="E36" s="103">
        <v>1681224</v>
      </c>
      <c r="F36" s="99">
        <v>0</v>
      </c>
      <c r="G36" s="104">
        <v>6552889</v>
      </c>
      <c r="H36" s="104">
        <v>9027185</v>
      </c>
      <c r="I36" s="104">
        <v>7735869</v>
      </c>
      <c r="J36" s="104">
        <v>6865443</v>
      </c>
      <c r="K36" s="104">
        <v>3360169</v>
      </c>
      <c r="L36" s="160">
        <v>33541555</v>
      </c>
      <c r="M36" s="106">
        <v>35222779</v>
      </c>
      <c r="N36" s="100">
        <v>138580</v>
      </c>
      <c r="O36" s="104">
        <v>241650</v>
      </c>
      <c r="P36" s="103">
        <v>380230</v>
      </c>
      <c r="Q36" s="100">
        <v>0</v>
      </c>
      <c r="R36" s="104">
        <v>1471990</v>
      </c>
      <c r="S36" s="104">
        <v>1603567</v>
      </c>
      <c r="T36" s="104">
        <v>2030160</v>
      </c>
      <c r="U36" s="104">
        <v>2222293</v>
      </c>
      <c r="V36" s="104">
        <v>1602257</v>
      </c>
      <c r="W36" s="103">
        <v>8930267</v>
      </c>
      <c r="X36" s="106">
        <v>9310497</v>
      </c>
      <c r="Y36" s="100">
        <v>0</v>
      </c>
      <c r="Z36" s="104">
        <v>0</v>
      </c>
      <c r="AA36" s="103">
        <v>0</v>
      </c>
      <c r="AB36" s="100">
        <v>0</v>
      </c>
      <c r="AC36" s="104">
        <v>600858</v>
      </c>
      <c r="AD36" s="104">
        <v>532658</v>
      </c>
      <c r="AE36" s="104">
        <v>1067790</v>
      </c>
      <c r="AF36" s="104">
        <v>686245</v>
      </c>
      <c r="AG36" s="104">
        <v>956396</v>
      </c>
      <c r="AH36" s="103">
        <v>3843947</v>
      </c>
      <c r="AI36" s="106">
        <v>3843947</v>
      </c>
      <c r="AJ36" s="100">
        <v>0</v>
      </c>
      <c r="AK36" s="104">
        <v>0</v>
      </c>
      <c r="AL36" s="103">
        <v>0</v>
      </c>
      <c r="AM36" s="100">
        <v>0</v>
      </c>
      <c r="AN36" s="104">
        <v>51174</v>
      </c>
      <c r="AO36" s="104">
        <v>73037</v>
      </c>
      <c r="AP36" s="104">
        <v>267542</v>
      </c>
      <c r="AQ36" s="104">
        <v>454525</v>
      </c>
      <c r="AR36" s="104">
        <v>178828</v>
      </c>
      <c r="AS36" s="103">
        <v>1025106</v>
      </c>
      <c r="AT36" s="106">
        <v>1025106</v>
      </c>
      <c r="AU36" s="100">
        <v>61162</v>
      </c>
      <c r="AV36" s="104">
        <v>191214</v>
      </c>
      <c r="AW36" s="103">
        <v>252376</v>
      </c>
      <c r="AX36" s="100">
        <v>0</v>
      </c>
      <c r="AY36" s="104">
        <v>644917</v>
      </c>
      <c r="AZ36" s="104">
        <v>719247</v>
      </c>
      <c r="BA36" s="104">
        <v>474971</v>
      </c>
      <c r="BB36" s="104">
        <v>829436</v>
      </c>
      <c r="BC36" s="104">
        <v>353665</v>
      </c>
      <c r="BD36" s="103">
        <v>3022236</v>
      </c>
      <c r="BE36" s="106">
        <v>3274612</v>
      </c>
      <c r="BF36" s="100">
        <v>33804</v>
      </c>
      <c r="BG36" s="104">
        <v>50436</v>
      </c>
      <c r="BH36" s="102">
        <v>84240</v>
      </c>
      <c r="BI36" s="101">
        <v>0</v>
      </c>
      <c r="BJ36" s="104">
        <v>77436</v>
      </c>
      <c r="BK36" s="104">
        <v>43020</v>
      </c>
      <c r="BL36" s="104">
        <v>69737</v>
      </c>
      <c r="BM36" s="104">
        <v>86040</v>
      </c>
      <c r="BN36" s="104">
        <v>0</v>
      </c>
      <c r="BO36" s="103">
        <v>276233</v>
      </c>
      <c r="BP36" s="106">
        <v>360473</v>
      </c>
      <c r="BQ36" s="100">
        <v>43614</v>
      </c>
      <c r="BR36" s="104">
        <v>0</v>
      </c>
      <c r="BS36" s="103">
        <v>43614</v>
      </c>
      <c r="BT36" s="100">
        <v>0</v>
      </c>
      <c r="BU36" s="104">
        <v>97605</v>
      </c>
      <c r="BV36" s="104">
        <v>235605</v>
      </c>
      <c r="BW36" s="104">
        <v>150120</v>
      </c>
      <c r="BX36" s="104">
        <v>166047</v>
      </c>
      <c r="BY36" s="104">
        <v>113368</v>
      </c>
      <c r="BZ36" s="103">
        <v>762745</v>
      </c>
      <c r="CA36" s="106">
        <v>806359</v>
      </c>
      <c r="CB36" s="100">
        <v>0</v>
      </c>
      <c r="CC36" s="104">
        <v>38376</v>
      </c>
      <c r="CD36" s="103">
        <v>38376</v>
      </c>
      <c r="CE36" s="100">
        <v>0</v>
      </c>
      <c r="CF36" s="104">
        <v>2230639</v>
      </c>
      <c r="CG36" s="104">
        <v>3179395</v>
      </c>
      <c r="CH36" s="104">
        <v>2074614</v>
      </c>
      <c r="CI36" s="104">
        <v>1235695</v>
      </c>
      <c r="CJ36" s="104">
        <v>646689</v>
      </c>
      <c r="CK36" s="103">
        <v>9367032</v>
      </c>
      <c r="CL36" s="106">
        <v>9405408</v>
      </c>
      <c r="CM36" s="100">
        <v>0</v>
      </c>
      <c r="CN36" s="104">
        <v>0</v>
      </c>
      <c r="CO36" s="103">
        <v>0</v>
      </c>
      <c r="CP36" s="101">
        <v>0</v>
      </c>
      <c r="CQ36" s="104">
        <v>1978098</v>
      </c>
      <c r="CR36" s="104">
        <v>2577419</v>
      </c>
      <c r="CS36" s="104">
        <v>1515604</v>
      </c>
      <c r="CT36" s="104">
        <v>1097378</v>
      </c>
      <c r="CU36" s="104">
        <v>552699</v>
      </c>
      <c r="CV36" s="103">
        <v>7721198</v>
      </c>
      <c r="CW36" s="106">
        <v>7721198</v>
      </c>
      <c r="CX36" s="100">
        <v>0</v>
      </c>
      <c r="CY36" s="104">
        <v>38376</v>
      </c>
      <c r="CZ36" s="103">
        <v>38376</v>
      </c>
      <c r="DA36" s="100">
        <v>0</v>
      </c>
      <c r="DB36" s="104">
        <v>252541</v>
      </c>
      <c r="DC36" s="104">
        <v>601976</v>
      </c>
      <c r="DD36" s="104">
        <v>559010</v>
      </c>
      <c r="DE36" s="104">
        <v>138317</v>
      </c>
      <c r="DF36" s="104">
        <v>93990</v>
      </c>
      <c r="DG36" s="103">
        <v>1645834</v>
      </c>
      <c r="DH36" s="106">
        <v>1684210</v>
      </c>
      <c r="DI36" s="100">
        <v>0</v>
      </c>
      <c r="DJ36" s="104">
        <v>35653</v>
      </c>
      <c r="DK36" s="102">
        <v>35653</v>
      </c>
      <c r="DL36" s="101">
        <v>0</v>
      </c>
      <c r="DM36" s="104">
        <v>372347</v>
      </c>
      <c r="DN36" s="104">
        <v>621430</v>
      </c>
      <c r="DO36" s="104">
        <v>896566</v>
      </c>
      <c r="DP36" s="104">
        <v>1139015</v>
      </c>
      <c r="DQ36" s="104">
        <v>612945</v>
      </c>
      <c r="DR36" s="103">
        <v>3642303</v>
      </c>
      <c r="DS36" s="106">
        <v>3677956</v>
      </c>
      <c r="DT36" s="100">
        <v>0</v>
      </c>
      <c r="DU36" s="104">
        <v>35653</v>
      </c>
      <c r="DV36" s="103">
        <v>35653</v>
      </c>
      <c r="DW36" s="100">
        <v>0</v>
      </c>
      <c r="DX36" s="104">
        <v>253781</v>
      </c>
      <c r="DY36" s="104">
        <v>569563</v>
      </c>
      <c r="DZ36" s="104">
        <v>896566</v>
      </c>
      <c r="EA36" s="104">
        <v>1139015</v>
      </c>
      <c r="EB36" s="104">
        <v>536831</v>
      </c>
      <c r="EC36" s="103">
        <v>3395756</v>
      </c>
      <c r="ED36" s="106">
        <v>3431409</v>
      </c>
      <c r="EE36" s="100">
        <v>0</v>
      </c>
      <c r="EF36" s="102">
        <v>0</v>
      </c>
      <c r="EG36" s="103">
        <v>0</v>
      </c>
      <c r="EH36" s="100">
        <v>0</v>
      </c>
      <c r="EI36" s="104">
        <v>118566</v>
      </c>
      <c r="EJ36" s="104">
        <v>51867</v>
      </c>
      <c r="EK36" s="104">
        <v>0</v>
      </c>
      <c r="EL36" s="104">
        <v>0</v>
      </c>
      <c r="EM36" s="104">
        <v>76114</v>
      </c>
      <c r="EN36" s="102">
        <v>246547</v>
      </c>
      <c r="EO36" s="106">
        <v>246547</v>
      </c>
      <c r="EP36" s="100">
        <v>0</v>
      </c>
      <c r="EQ36" s="104">
        <v>0</v>
      </c>
      <c r="ER36" s="102">
        <v>0</v>
      </c>
      <c r="ES36" s="101">
        <v>0</v>
      </c>
      <c r="ET36" s="104">
        <v>0</v>
      </c>
      <c r="EU36" s="104">
        <v>0</v>
      </c>
      <c r="EV36" s="104">
        <v>0</v>
      </c>
      <c r="EW36" s="104">
        <v>0</v>
      </c>
      <c r="EX36" s="104">
        <v>0</v>
      </c>
      <c r="EY36" s="103">
        <v>0</v>
      </c>
      <c r="EZ36" s="106">
        <v>0</v>
      </c>
      <c r="FA36" s="100">
        <v>0</v>
      </c>
      <c r="FB36" s="104">
        <v>0</v>
      </c>
      <c r="FC36" s="102">
        <v>0</v>
      </c>
      <c r="FD36" s="324"/>
      <c r="FE36" s="104">
        <v>0</v>
      </c>
      <c r="FF36" s="104">
        <v>0</v>
      </c>
      <c r="FG36" s="104">
        <v>0</v>
      </c>
      <c r="FH36" s="104">
        <v>0</v>
      </c>
      <c r="FI36" s="104">
        <v>0</v>
      </c>
      <c r="FJ36" s="103">
        <v>0</v>
      </c>
      <c r="FK36" s="106">
        <v>0</v>
      </c>
      <c r="FL36" s="100">
        <v>97310</v>
      </c>
      <c r="FM36" s="104">
        <v>539805</v>
      </c>
      <c r="FN36" s="103">
        <v>637115</v>
      </c>
      <c r="FO36" s="100">
        <v>0</v>
      </c>
      <c r="FP36" s="104">
        <v>444309</v>
      </c>
      <c r="FQ36" s="104">
        <v>1006449</v>
      </c>
      <c r="FR36" s="104">
        <v>933617</v>
      </c>
      <c r="FS36" s="104">
        <v>1004346</v>
      </c>
      <c r="FT36" s="104">
        <v>305047</v>
      </c>
      <c r="FU36" s="103">
        <v>3693768</v>
      </c>
      <c r="FV36" s="106">
        <v>4330883</v>
      </c>
      <c r="FW36" s="105">
        <v>97310</v>
      </c>
      <c r="FX36" s="104">
        <v>412905</v>
      </c>
      <c r="FY36" s="102">
        <v>510215</v>
      </c>
      <c r="FZ36" s="101">
        <v>0</v>
      </c>
      <c r="GA36" s="104">
        <v>444309</v>
      </c>
      <c r="GB36" s="104">
        <v>843529</v>
      </c>
      <c r="GC36" s="104">
        <v>851547</v>
      </c>
      <c r="GD36" s="104">
        <v>824346</v>
      </c>
      <c r="GE36" s="104">
        <v>305047</v>
      </c>
      <c r="GF36" s="103">
        <v>3268778</v>
      </c>
      <c r="GG36" s="296">
        <v>3778993</v>
      </c>
      <c r="GH36" s="105">
        <v>0</v>
      </c>
      <c r="GI36" s="104">
        <v>29700</v>
      </c>
      <c r="GJ36" s="102">
        <v>29700</v>
      </c>
      <c r="GK36" s="101">
        <v>0</v>
      </c>
      <c r="GL36" s="104">
        <v>0</v>
      </c>
      <c r="GM36" s="104">
        <v>90650</v>
      </c>
      <c r="GN36" s="104">
        <v>0</v>
      </c>
      <c r="GO36" s="104">
        <v>0</v>
      </c>
      <c r="GP36" s="104">
        <v>0</v>
      </c>
      <c r="GQ36" s="103">
        <v>90650</v>
      </c>
      <c r="GR36" s="106">
        <v>120350</v>
      </c>
      <c r="GS36" s="100">
        <v>0</v>
      </c>
      <c r="GT36" s="104">
        <v>97200</v>
      </c>
      <c r="GU36" s="103">
        <v>97200</v>
      </c>
      <c r="GV36" s="100">
        <v>0</v>
      </c>
      <c r="GW36" s="104">
        <v>0</v>
      </c>
      <c r="GX36" s="104">
        <v>72270</v>
      </c>
      <c r="GY36" s="104">
        <v>82070</v>
      </c>
      <c r="GZ36" s="104">
        <v>180000</v>
      </c>
      <c r="HA36" s="104">
        <v>0</v>
      </c>
      <c r="HB36" s="102">
        <v>334340</v>
      </c>
      <c r="HC36" s="106">
        <v>431540</v>
      </c>
      <c r="HD36" s="100">
        <v>117823</v>
      </c>
      <c r="HE36" s="104">
        <v>99279</v>
      </c>
      <c r="HF36" s="102">
        <v>217102</v>
      </c>
      <c r="HG36" s="101">
        <v>0</v>
      </c>
      <c r="HH36" s="104">
        <v>699751</v>
      </c>
      <c r="HI36" s="104">
        <v>1499722</v>
      </c>
      <c r="HJ36" s="104">
        <v>1073141</v>
      </c>
      <c r="HK36" s="104">
        <v>728255</v>
      </c>
      <c r="HL36" s="104">
        <v>0</v>
      </c>
      <c r="HM36" s="103">
        <v>4000869</v>
      </c>
      <c r="HN36" s="99">
        <v>4217971</v>
      </c>
      <c r="HO36" s="105">
        <v>96954</v>
      </c>
      <c r="HP36" s="104">
        <v>275794</v>
      </c>
      <c r="HQ36" s="103">
        <v>372748</v>
      </c>
      <c r="HR36" s="100">
        <v>0</v>
      </c>
      <c r="HS36" s="104">
        <v>1333853</v>
      </c>
      <c r="HT36" s="104">
        <v>1116622</v>
      </c>
      <c r="HU36" s="104">
        <v>727771</v>
      </c>
      <c r="HV36" s="104">
        <v>535839</v>
      </c>
      <c r="HW36" s="104">
        <v>193231</v>
      </c>
      <c r="HX36" s="102">
        <v>3907316</v>
      </c>
      <c r="HY36" s="106">
        <v>4280064</v>
      </c>
      <c r="HZ36" s="137">
        <v>0</v>
      </c>
      <c r="IA36" s="122">
        <v>89552</v>
      </c>
      <c r="IB36" s="137">
        <v>89552</v>
      </c>
      <c r="IC36" s="121">
        <v>0</v>
      </c>
      <c r="ID36" s="122">
        <v>3958208</v>
      </c>
      <c r="IE36" s="123">
        <v>4675144</v>
      </c>
      <c r="IF36" s="124">
        <v>5895832</v>
      </c>
      <c r="IG36" s="122">
        <v>4724966</v>
      </c>
      <c r="IH36" s="124">
        <v>1657005</v>
      </c>
      <c r="II36" s="125">
        <v>20911155</v>
      </c>
      <c r="IJ36" s="137">
        <v>21000707</v>
      </c>
      <c r="IK36" s="219">
        <v>0</v>
      </c>
      <c r="IL36" s="223">
        <v>0</v>
      </c>
      <c r="IM36" s="224">
        <v>0</v>
      </c>
      <c r="IN36" s="324"/>
      <c r="IO36" s="109">
        <v>0</v>
      </c>
      <c r="IP36" s="109">
        <v>195992</v>
      </c>
      <c r="IQ36" s="109">
        <v>0</v>
      </c>
      <c r="IR36" s="109">
        <v>0</v>
      </c>
      <c r="IS36" s="109">
        <v>0</v>
      </c>
      <c r="IT36" s="128">
        <v>195992</v>
      </c>
      <c r="IU36" s="298">
        <v>195992</v>
      </c>
      <c r="IV36" s="129">
        <v>0</v>
      </c>
      <c r="IW36" s="109">
        <v>0</v>
      </c>
      <c r="IX36" s="110">
        <v>0</v>
      </c>
      <c r="IY36" s="324"/>
      <c r="IZ36" s="109">
        <v>0</v>
      </c>
      <c r="JA36" s="109">
        <v>0</v>
      </c>
      <c r="JB36" s="109">
        <v>0</v>
      </c>
      <c r="JC36" s="109">
        <v>0</v>
      </c>
      <c r="JD36" s="109">
        <v>0</v>
      </c>
      <c r="JE36" s="110">
        <v>0</v>
      </c>
      <c r="JF36" s="111">
        <v>0</v>
      </c>
      <c r="JG36" s="129">
        <v>0</v>
      </c>
      <c r="JH36" s="109">
        <v>0</v>
      </c>
      <c r="JI36" s="128">
        <v>0</v>
      </c>
      <c r="JJ36" s="108">
        <v>0</v>
      </c>
      <c r="JK36" s="109">
        <v>1046181</v>
      </c>
      <c r="JL36" s="109">
        <v>438195</v>
      </c>
      <c r="JM36" s="109">
        <v>645690</v>
      </c>
      <c r="JN36" s="109">
        <v>263655</v>
      </c>
      <c r="JO36" s="109">
        <v>0</v>
      </c>
      <c r="JP36" s="110">
        <v>2393721</v>
      </c>
      <c r="JQ36" s="298">
        <v>2393721</v>
      </c>
      <c r="JR36" s="129">
        <v>0</v>
      </c>
      <c r="JS36" s="109">
        <v>0</v>
      </c>
      <c r="JT36" s="128">
        <v>0</v>
      </c>
      <c r="JU36" s="108">
        <v>0</v>
      </c>
      <c r="JV36" s="109">
        <v>0</v>
      </c>
      <c r="JW36" s="109">
        <v>0</v>
      </c>
      <c r="JX36" s="109">
        <v>44091</v>
      </c>
      <c r="JY36" s="109">
        <v>196710</v>
      </c>
      <c r="JZ36" s="109">
        <v>278766</v>
      </c>
      <c r="KA36" s="110">
        <v>519567</v>
      </c>
      <c r="KB36" s="298">
        <v>519567</v>
      </c>
      <c r="KC36" s="221">
        <v>0</v>
      </c>
      <c r="KD36" s="217">
        <v>89552</v>
      </c>
      <c r="KE36" s="110">
        <v>89552</v>
      </c>
      <c r="KF36" s="108">
        <v>0</v>
      </c>
      <c r="KG36" s="109">
        <v>1016928</v>
      </c>
      <c r="KH36" s="109">
        <v>1366848</v>
      </c>
      <c r="KI36" s="109">
        <v>2154719</v>
      </c>
      <c r="KJ36" s="109">
        <v>1152742</v>
      </c>
      <c r="KK36" s="109">
        <v>0</v>
      </c>
      <c r="KL36" s="110">
        <v>5691237</v>
      </c>
      <c r="KM36" s="130">
        <v>5780789</v>
      </c>
      <c r="KN36" s="219">
        <v>0</v>
      </c>
      <c r="KO36" s="223">
        <v>0</v>
      </c>
      <c r="KP36" s="224">
        <v>0</v>
      </c>
      <c r="KQ36" s="127"/>
      <c r="KR36" s="109">
        <v>1895099</v>
      </c>
      <c r="KS36" s="109">
        <v>2491301</v>
      </c>
      <c r="KT36" s="109">
        <v>3051332</v>
      </c>
      <c r="KU36" s="109">
        <v>3111859</v>
      </c>
      <c r="KV36" s="109">
        <v>1378239</v>
      </c>
      <c r="KW36" s="110">
        <v>11927830</v>
      </c>
      <c r="KX36" s="298">
        <v>11927830</v>
      </c>
      <c r="KY36" s="129">
        <v>0</v>
      </c>
      <c r="KZ36" s="109">
        <v>0</v>
      </c>
      <c r="LA36" s="110">
        <v>0</v>
      </c>
      <c r="LB36" s="132"/>
      <c r="LC36" s="109">
        <v>0</v>
      </c>
      <c r="LD36" s="109">
        <v>0</v>
      </c>
      <c r="LE36" s="109">
        <v>0</v>
      </c>
      <c r="LF36" s="109">
        <v>0</v>
      </c>
      <c r="LG36" s="109">
        <v>0</v>
      </c>
      <c r="LH36" s="110">
        <v>0</v>
      </c>
      <c r="LI36" s="111">
        <v>0</v>
      </c>
      <c r="LJ36" s="129">
        <v>0</v>
      </c>
      <c r="LK36" s="109">
        <v>0</v>
      </c>
      <c r="LL36" s="110">
        <v>0</v>
      </c>
      <c r="LM36" s="132"/>
      <c r="LN36" s="109">
        <v>0</v>
      </c>
      <c r="LO36" s="109">
        <v>182808</v>
      </c>
      <c r="LP36" s="109">
        <v>0</v>
      </c>
      <c r="LQ36" s="109">
        <v>0</v>
      </c>
      <c r="LR36" s="109">
        <v>0</v>
      </c>
      <c r="LS36" s="110">
        <v>182808</v>
      </c>
      <c r="LT36" s="298">
        <v>182808</v>
      </c>
      <c r="LU36" s="129">
        <v>0</v>
      </c>
      <c r="LV36" s="109">
        <v>0</v>
      </c>
      <c r="LW36" s="110">
        <v>0</v>
      </c>
      <c r="LX36" s="132"/>
      <c r="LY36" s="109">
        <v>0</v>
      </c>
      <c r="LZ36" s="109">
        <v>0</v>
      </c>
      <c r="MA36" s="109">
        <v>0</v>
      </c>
      <c r="MB36" s="109">
        <v>0</v>
      </c>
      <c r="MC36" s="109">
        <v>0</v>
      </c>
      <c r="MD36" s="110">
        <v>0</v>
      </c>
      <c r="ME36" s="111">
        <v>0</v>
      </c>
      <c r="MF36" s="129">
        <v>0</v>
      </c>
      <c r="MG36" s="109">
        <v>0</v>
      </c>
      <c r="MH36" s="110">
        <v>0</v>
      </c>
      <c r="MI36" s="132"/>
      <c r="MJ36" s="109">
        <v>990188</v>
      </c>
      <c r="MK36" s="109">
        <v>3798639</v>
      </c>
      <c r="ML36" s="109">
        <v>9345085</v>
      </c>
      <c r="MM36" s="109">
        <v>12168350</v>
      </c>
      <c r="MN36" s="109">
        <v>8968862</v>
      </c>
      <c r="MO36" s="110">
        <v>35271124</v>
      </c>
      <c r="MP36" s="130">
        <v>35271124</v>
      </c>
      <c r="MQ36" s="129">
        <v>0</v>
      </c>
      <c r="MR36" s="109">
        <v>0</v>
      </c>
      <c r="MS36" s="110">
        <v>0</v>
      </c>
      <c r="MT36" s="132"/>
      <c r="MU36" s="109">
        <v>232830</v>
      </c>
      <c r="MV36" s="109">
        <v>695625</v>
      </c>
      <c r="MW36" s="109">
        <v>7231086</v>
      </c>
      <c r="MX36" s="109">
        <v>8329500</v>
      </c>
      <c r="MY36" s="109">
        <v>7245316</v>
      </c>
      <c r="MZ36" s="110">
        <v>23734357</v>
      </c>
      <c r="NA36" s="130">
        <v>23734357</v>
      </c>
      <c r="NB36" s="129">
        <v>0</v>
      </c>
      <c r="NC36" s="109">
        <v>0</v>
      </c>
      <c r="ND36" s="110">
        <v>0</v>
      </c>
      <c r="NE36" s="132"/>
      <c r="NF36" s="109">
        <v>476660</v>
      </c>
      <c r="NG36" s="109">
        <v>2796168</v>
      </c>
      <c r="NH36" s="109">
        <v>2113999</v>
      </c>
      <c r="NI36" s="109">
        <v>3106791</v>
      </c>
      <c r="NJ36" s="109">
        <v>1333765</v>
      </c>
      <c r="NK36" s="110">
        <v>9827383</v>
      </c>
      <c r="NL36" s="298">
        <v>9827383</v>
      </c>
      <c r="NM36" s="129">
        <v>0</v>
      </c>
      <c r="NN36" s="109">
        <v>0</v>
      </c>
      <c r="NO36" s="110">
        <v>0</v>
      </c>
      <c r="NP36" s="132"/>
      <c r="NQ36" s="109">
        <v>0</v>
      </c>
      <c r="NR36" s="109">
        <v>0</v>
      </c>
      <c r="NS36" s="109">
        <v>0</v>
      </c>
      <c r="NT36" s="109">
        <v>0</v>
      </c>
      <c r="NU36" s="109">
        <v>0</v>
      </c>
      <c r="NV36" s="110">
        <v>0</v>
      </c>
      <c r="NW36" s="111">
        <v>0</v>
      </c>
      <c r="NX36" s="129">
        <v>0</v>
      </c>
      <c r="NY36" s="109">
        <v>0</v>
      </c>
      <c r="NZ36" s="110">
        <v>0</v>
      </c>
      <c r="OA36" s="132"/>
      <c r="OB36" s="109">
        <v>280698</v>
      </c>
      <c r="OC36" s="109">
        <v>306846</v>
      </c>
      <c r="OD36" s="109">
        <v>0</v>
      </c>
      <c r="OE36" s="109">
        <v>732059</v>
      </c>
      <c r="OF36" s="109">
        <v>389781</v>
      </c>
      <c r="OG36" s="110">
        <v>1709384</v>
      </c>
      <c r="OH36" s="111">
        <v>1709384</v>
      </c>
      <c r="OI36" s="129">
        <v>450667</v>
      </c>
      <c r="OJ36" s="109">
        <v>1320109</v>
      </c>
      <c r="OK36" s="128">
        <v>1770776</v>
      </c>
      <c r="OL36" s="108">
        <v>0</v>
      </c>
      <c r="OM36" s="109">
        <v>11501285</v>
      </c>
      <c r="ON36" s="109">
        <v>17500968</v>
      </c>
      <c r="OO36" s="109">
        <v>22976786</v>
      </c>
      <c r="OP36" s="109">
        <v>23758759</v>
      </c>
      <c r="OQ36" s="109">
        <v>13986036</v>
      </c>
      <c r="OR36" s="110">
        <v>89723834</v>
      </c>
      <c r="OS36" s="130">
        <v>91494610</v>
      </c>
    </row>
    <row r="37" spans="2:409" ht="21" customHeight="1" x14ac:dyDescent="0.2">
      <c r="B37" s="472" t="s">
        <v>32</v>
      </c>
      <c r="C37" s="100">
        <v>571449</v>
      </c>
      <c r="D37" s="104">
        <v>1396358</v>
      </c>
      <c r="E37" s="161">
        <v>1967807</v>
      </c>
      <c r="F37" s="162">
        <v>0</v>
      </c>
      <c r="G37" s="163">
        <v>11132638</v>
      </c>
      <c r="H37" s="163">
        <v>12072405</v>
      </c>
      <c r="I37" s="163">
        <v>10271897</v>
      </c>
      <c r="J37" s="163">
        <v>8219684</v>
      </c>
      <c r="K37" s="163">
        <v>5635267</v>
      </c>
      <c r="L37" s="164">
        <v>47331891</v>
      </c>
      <c r="M37" s="106">
        <v>49299698</v>
      </c>
      <c r="N37" s="100">
        <v>119808</v>
      </c>
      <c r="O37" s="104">
        <v>463346</v>
      </c>
      <c r="P37" s="103">
        <v>583154</v>
      </c>
      <c r="Q37" s="100">
        <v>0</v>
      </c>
      <c r="R37" s="104">
        <v>3190134</v>
      </c>
      <c r="S37" s="104">
        <v>2450999</v>
      </c>
      <c r="T37" s="104">
        <v>3166153</v>
      </c>
      <c r="U37" s="104">
        <v>1720783</v>
      </c>
      <c r="V37" s="104">
        <v>2548741</v>
      </c>
      <c r="W37" s="103">
        <v>13076810</v>
      </c>
      <c r="X37" s="106">
        <v>13659964</v>
      </c>
      <c r="Y37" s="100">
        <v>0</v>
      </c>
      <c r="Z37" s="104">
        <v>0</v>
      </c>
      <c r="AA37" s="103">
        <v>0</v>
      </c>
      <c r="AB37" s="100">
        <v>0</v>
      </c>
      <c r="AC37" s="104">
        <v>1353342</v>
      </c>
      <c r="AD37" s="104">
        <v>871170</v>
      </c>
      <c r="AE37" s="104">
        <v>2112693</v>
      </c>
      <c r="AF37" s="104">
        <v>649035</v>
      </c>
      <c r="AG37" s="104">
        <v>1378941</v>
      </c>
      <c r="AH37" s="103">
        <v>6365181</v>
      </c>
      <c r="AI37" s="106">
        <v>6365181</v>
      </c>
      <c r="AJ37" s="100">
        <v>0</v>
      </c>
      <c r="AK37" s="104">
        <v>0</v>
      </c>
      <c r="AL37" s="103">
        <v>0</v>
      </c>
      <c r="AM37" s="100">
        <v>0</v>
      </c>
      <c r="AN37" s="104">
        <v>0</v>
      </c>
      <c r="AO37" s="104">
        <v>119052</v>
      </c>
      <c r="AP37" s="104">
        <v>65709</v>
      </c>
      <c r="AQ37" s="104">
        <v>223272</v>
      </c>
      <c r="AR37" s="104">
        <v>450411</v>
      </c>
      <c r="AS37" s="103">
        <v>858444</v>
      </c>
      <c r="AT37" s="106">
        <v>858444</v>
      </c>
      <c r="AU37" s="100">
        <v>55368</v>
      </c>
      <c r="AV37" s="104">
        <v>407132</v>
      </c>
      <c r="AW37" s="103">
        <v>462500</v>
      </c>
      <c r="AX37" s="100">
        <v>0</v>
      </c>
      <c r="AY37" s="104">
        <v>1370474</v>
      </c>
      <c r="AZ37" s="104">
        <v>1149973</v>
      </c>
      <c r="BA37" s="104">
        <v>639586</v>
      </c>
      <c r="BB37" s="104">
        <v>449112</v>
      </c>
      <c r="BC37" s="104">
        <v>368749</v>
      </c>
      <c r="BD37" s="103">
        <v>3977894</v>
      </c>
      <c r="BE37" s="106">
        <v>4440394</v>
      </c>
      <c r="BF37" s="100">
        <v>0</v>
      </c>
      <c r="BG37" s="104">
        <v>42255</v>
      </c>
      <c r="BH37" s="102">
        <v>42255</v>
      </c>
      <c r="BI37" s="101">
        <v>0</v>
      </c>
      <c r="BJ37" s="104">
        <v>210690</v>
      </c>
      <c r="BK37" s="104">
        <v>49712</v>
      </c>
      <c r="BL37" s="104">
        <v>0</v>
      </c>
      <c r="BM37" s="104">
        <v>61184</v>
      </c>
      <c r="BN37" s="104">
        <v>72720</v>
      </c>
      <c r="BO37" s="103">
        <v>394306</v>
      </c>
      <c r="BP37" s="106">
        <v>436561</v>
      </c>
      <c r="BQ37" s="100">
        <v>64440</v>
      </c>
      <c r="BR37" s="104">
        <v>13959</v>
      </c>
      <c r="BS37" s="103">
        <v>78399</v>
      </c>
      <c r="BT37" s="100">
        <v>0</v>
      </c>
      <c r="BU37" s="104">
        <v>255628</v>
      </c>
      <c r="BV37" s="104">
        <v>261092</v>
      </c>
      <c r="BW37" s="104">
        <v>348165</v>
      </c>
      <c r="BX37" s="104">
        <v>338180</v>
      </c>
      <c r="BY37" s="104">
        <v>277920</v>
      </c>
      <c r="BZ37" s="103">
        <v>1480985</v>
      </c>
      <c r="CA37" s="106">
        <v>1559384</v>
      </c>
      <c r="CB37" s="100">
        <v>24031</v>
      </c>
      <c r="CC37" s="104">
        <v>153504</v>
      </c>
      <c r="CD37" s="103">
        <v>177535</v>
      </c>
      <c r="CE37" s="100">
        <v>0</v>
      </c>
      <c r="CF37" s="104">
        <v>3815004</v>
      </c>
      <c r="CG37" s="104">
        <v>4629333</v>
      </c>
      <c r="CH37" s="104">
        <v>2929935</v>
      </c>
      <c r="CI37" s="104">
        <v>2204555</v>
      </c>
      <c r="CJ37" s="104">
        <v>547952</v>
      </c>
      <c r="CK37" s="103">
        <v>14126779</v>
      </c>
      <c r="CL37" s="106">
        <v>14304314</v>
      </c>
      <c r="CM37" s="100">
        <v>0</v>
      </c>
      <c r="CN37" s="104">
        <v>0</v>
      </c>
      <c r="CO37" s="103">
        <v>0</v>
      </c>
      <c r="CP37" s="101">
        <v>0</v>
      </c>
      <c r="CQ37" s="104">
        <v>3272845</v>
      </c>
      <c r="CR37" s="104">
        <v>3549027</v>
      </c>
      <c r="CS37" s="104">
        <v>2644008</v>
      </c>
      <c r="CT37" s="104">
        <v>1751881</v>
      </c>
      <c r="CU37" s="104">
        <v>307609</v>
      </c>
      <c r="CV37" s="103">
        <v>11525370</v>
      </c>
      <c r="CW37" s="106">
        <v>11525370</v>
      </c>
      <c r="CX37" s="100">
        <v>24031</v>
      </c>
      <c r="CY37" s="104">
        <v>153504</v>
      </c>
      <c r="CZ37" s="103">
        <v>177535</v>
      </c>
      <c r="DA37" s="100">
        <v>0</v>
      </c>
      <c r="DB37" s="104">
        <v>542159</v>
      </c>
      <c r="DC37" s="104">
        <v>1080306</v>
      </c>
      <c r="DD37" s="104">
        <v>285927</v>
      </c>
      <c r="DE37" s="104">
        <v>452674</v>
      </c>
      <c r="DF37" s="104">
        <v>240343</v>
      </c>
      <c r="DG37" s="103">
        <v>2601409</v>
      </c>
      <c r="DH37" s="106">
        <v>2778944</v>
      </c>
      <c r="DI37" s="100">
        <v>4965</v>
      </c>
      <c r="DJ37" s="104">
        <v>22302</v>
      </c>
      <c r="DK37" s="102">
        <v>27267</v>
      </c>
      <c r="DL37" s="101">
        <v>0</v>
      </c>
      <c r="DM37" s="104">
        <v>237511</v>
      </c>
      <c r="DN37" s="104">
        <v>739823</v>
      </c>
      <c r="DO37" s="104">
        <v>1143482</v>
      </c>
      <c r="DP37" s="104">
        <v>422523</v>
      </c>
      <c r="DQ37" s="104">
        <v>565487</v>
      </c>
      <c r="DR37" s="103">
        <v>3108826</v>
      </c>
      <c r="DS37" s="106">
        <v>3136093</v>
      </c>
      <c r="DT37" s="100">
        <v>4965</v>
      </c>
      <c r="DU37" s="104">
        <v>22302</v>
      </c>
      <c r="DV37" s="103">
        <v>27267</v>
      </c>
      <c r="DW37" s="100">
        <v>0</v>
      </c>
      <c r="DX37" s="104">
        <v>237511</v>
      </c>
      <c r="DY37" s="104">
        <v>595651</v>
      </c>
      <c r="DZ37" s="104">
        <v>1143482</v>
      </c>
      <c r="EA37" s="104">
        <v>291357</v>
      </c>
      <c r="EB37" s="104">
        <v>489284</v>
      </c>
      <c r="EC37" s="103">
        <v>2757285</v>
      </c>
      <c r="ED37" s="106">
        <v>2784552</v>
      </c>
      <c r="EE37" s="100">
        <v>0</v>
      </c>
      <c r="EF37" s="102">
        <v>0</v>
      </c>
      <c r="EG37" s="103">
        <v>0</v>
      </c>
      <c r="EH37" s="100">
        <v>0</v>
      </c>
      <c r="EI37" s="104">
        <v>0</v>
      </c>
      <c r="EJ37" s="104">
        <v>144172</v>
      </c>
      <c r="EK37" s="104">
        <v>0</v>
      </c>
      <c r="EL37" s="104">
        <v>131166</v>
      </c>
      <c r="EM37" s="104">
        <v>76203</v>
      </c>
      <c r="EN37" s="102">
        <v>351541</v>
      </c>
      <c r="EO37" s="106">
        <v>351541</v>
      </c>
      <c r="EP37" s="100">
        <v>0</v>
      </c>
      <c r="EQ37" s="104">
        <v>0</v>
      </c>
      <c r="ER37" s="102">
        <v>0</v>
      </c>
      <c r="ES37" s="101">
        <v>0</v>
      </c>
      <c r="ET37" s="104">
        <v>0</v>
      </c>
      <c r="EU37" s="104">
        <v>0</v>
      </c>
      <c r="EV37" s="104">
        <v>0</v>
      </c>
      <c r="EW37" s="104">
        <v>0</v>
      </c>
      <c r="EX37" s="104">
        <v>0</v>
      </c>
      <c r="EY37" s="103">
        <v>0</v>
      </c>
      <c r="EZ37" s="106">
        <v>0</v>
      </c>
      <c r="FA37" s="100">
        <v>0</v>
      </c>
      <c r="FB37" s="104">
        <v>0</v>
      </c>
      <c r="FC37" s="102">
        <v>0</v>
      </c>
      <c r="FD37" s="324"/>
      <c r="FE37" s="104">
        <v>0</v>
      </c>
      <c r="FF37" s="104">
        <v>0</v>
      </c>
      <c r="FG37" s="104">
        <v>0</v>
      </c>
      <c r="FH37" s="104">
        <v>0</v>
      </c>
      <c r="FI37" s="104">
        <v>0</v>
      </c>
      <c r="FJ37" s="103">
        <v>0</v>
      </c>
      <c r="FK37" s="106">
        <v>0</v>
      </c>
      <c r="FL37" s="100">
        <v>143904</v>
      </c>
      <c r="FM37" s="104">
        <v>419475</v>
      </c>
      <c r="FN37" s="103">
        <v>563379</v>
      </c>
      <c r="FO37" s="100">
        <v>0</v>
      </c>
      <c r="FP37" s="104">
        <v>673145</v>
      </c>
      <c r="FQ37" s="104">
        <v>1189491</v>
      </c>
      <c r="FR37" s="104">
        <v>899601</v>
      </c>
      <c r="FS37" s="104">
        <v>668640</v>
      </c>
      <c r="FT37" s="104">
        <v>353486</v>
      </c>
      <c r="FU37" s="103">
        <v>3784363</v>
      </c>
      <c r="FV37" s="106">
        <v>4347742</v>
      </c>
      <c r="FW37" s="105">
        <v>118560</v>
      </c>
      <c r="FX37" s="104">
        <v>356610</v>
      </c>
      <c r="FY37" s="102">
        <v>475170</v>
      </c>
      <c r="FZ37" s="101">
        <v>0</v>
      </c>
      <c r="GA37" s="104">
        <v>673145</v>
      </c>
      <c r="GB37" s="104">
        <v>1189491</v>
      </c>
      <c r="GC37" s="104">
        <v>886929</v>
      </c>
      <c r="GD37" s="104">
        <v>668640</v>
      </c>
      <c r="GE37" s="104">
        <v>353486</v>
      </c>
      <c r="GF37" s="103">
        <v>3771691</v>
      </c>
      <c r="GG37" s="296">
        <v>4246861</v>
      </c>
      <c r="GH37" s="105">
        <v>25344</v>
      </c>
      <c r="GI37" s="104">
        <v>0</v>
      </c>
      <c r="GJ37" s="102">
        <v>25344</v>
      </c>
      <c r="GK37" s="101">
        <v>0</v>
      </c>
      <c r="GL37" s="104">
        <v>0</v>
      </c>
      <c r="GM37" s="104">
        <v>0</v>
      </c>
      <c r="GN37" s="104">
        <v>12672</v>
      </c>
      <c r="GO37" s="104">
        <v>0</v>
      </c>
      <c r="GP37" s="104">
        <v>0</v>
      </c>
      <c r="GQ37" s="103">
        <v>12672</v>
      </c>
      <c r="GR37" s="106">
        <v>38016</v>
      </c>
      <c r="GS37" s="100">
        <v>0</v>
      </c>
      <c r="GT37" s="104">
        <v>62865</v>
      </c>
      <c r="GU37" s="103">
        <v>62865</v>
      </c>
      <c r="GV37" s="100">
        <v>0</v>
      </c>
      <c r="GW37" s="104">
        <v>0</v>
      </c>
      <c r="GX37" s="104">
        <v>0</v>
      </c>
      <c r="GY37" s="104">
        <v>0</v>
      </c>
      <c r="GZ37" s="104">
        <v>0</v>
      </c>
      <c r="HA37" s="104">
        <v>0</v>
      </c>
      <c r="HB37" s="102">
        <v>0</v>
      </c>
      <c r="HC37" s="106">
        <v>62865</v>
      </c>
      <c r="HD37" s="100">
        <v>185141</v>
      </c>
      <c r="HE37" s="104">
        <v>100971</v>
      </c>
      <c r="HF37" s="102">
        <v>286112</v>
      </c>
      <c r="HG37" s="101">
        <v>0</v>
      </c>
      <c r="HH37" s="104">
        <v>1404074</v>
      </c>
      <c r="HI37" s="104">
        <v>1492828</v>
      </c>
      <c r="HJ37" s="104">
        <v>1090494</v>
      </c>
      <c r="HK37" s="104">
        <v>2708882</v>
      </c>
      <c r="HL37" s="104">
        <v>1384428</v>
      </c>
      <c r="HM37" s="103">
        <v>8080706</v>
      </c>
      <c r="HN37" s="99">
        <v>8366818</v>
      </c>
      <c r="HO37" s="105">
        <v>93600</v>
      </c>
      <c r="HP37" s="104">
        <v>236760</v>
      </c>
      <c r="HQ37" s="103">
        <v>330360</v>
      </c>
      <c r="HR37" s="100">
        <v>0</v>
      </c>
      <c r="HS37" s="104">
        <v>1812770</v>
      </c>
      <c r="HT37" s="104">
        <v>1569931</v>
      </c>
      <c r="HU37" s="104">
        <v>1042232</v>
      </c>
      <c r="HV37" s="104">
        <v>494301</v>
      </c>
      <c r="HW37" s="104">
        <v>235173</v>
      </c>
      <c r="HX37" s="102">
        <v>5154407</v>
      </c>
      <c r="HY37" s="106">
        <v>5484767</v>
      </c>
      <c r="HZ37" s="118">
        <v>0</v>
      </c>
      <c r="IA37" s="119">
        <v>348471</v>
      </c>
      <c r="IB37" s="120">
        <v>348471</v>
      </c>
      <c r="IC37" s="133">
        <v>0</v>
      </c>
      <c r="ID37" s="119">
        <v>4902044</v>
      </c>
      <c r="IE37" s="134">
        <v>3853270</v>
      </c>
      <c r="IF37" s="120">
        <v>6822883</v>
      </c>
      <c r="IG37" s="119">
        <v>4469595</v>
      </c>
      <c r="IH37" s="120">
        <v>3103735</v>
      </c>
      <c r="II37" s="135">
        <v>23151527</v>
      </c>
      <c r="IJ37" s="126">
        <v>23499998</v>
      </c>
      <c r="IK37" s="219">
        <v>0</v>
      </c>
      <c r="IL37" s="223">
        <v>0</v>
      </c>
      <c r="IM37" s="224">
        <v>0</v>
      </c>
      <c r="IN37" s="324"/>
      <c r="IO37" s="109">
        <v>136134</v>
      </c>
      <c r="IP37" s="109">
        <v>412624</v>
      </c>
      <c r="IQ37" s="109">
        <v>206694</v>
      </c>
      <c r="IR37" s="109">
        <v>0</v>
      </c>
      <c r="IS37" s="109">
        <v>0</v>
      </c>
      <c r="IT37" s="128">
        <v>755452</v>
      </c>
      <c r="IU37" s="298">
        <v>755452</v>
      </c>
      <c r="IV37" s="129">
        <v>0</v>
      </c>
      <c r="IW37" s="109">
        <v>0</v>
      </c>
      <c r="IX37" s="110">
        <v>0</v>
      </c>
      <c r="IY37" s="324"/>
      <c r="IZ37" s="109">
        <v>0</v>
      </c>
      <c r="JA37" s="109">
        <v>0</v>
      </c>
      <c r="JB37" s="109">
        <v>0</v>
      </c>
      <c r="JC37" s="109">
        <v>0</v>
      </c>
      <c r="JD37" s="109">
        <v>0</v>
      </c>
      <c r="JE37" s="110">
        <v>0</v>
      </c>
      <c r="JF37" s="111">
        <v>0</v>
      </c>
      <c r="JG37" s="129">
        <v>0</v>
      </c>
      <c r="JH37" s="109">
        <v>0</v>
      </c>
      <c r="JI37" s="128">
        <v>0</v>
      </c>
      <c r="JJ37" s="108">
        <v>0</v>
      </c>
      <c r="JK37" s="109">
        <v>2195333</v>
      </c>
      <c r="JL37" s="109">
        <v>1811394</v>
      </c>
      <c r="JM37" s="109">
        <v>1216928</v>
      </c>
      <c r="JN37" s="109">
        <v>515112</v>
      </c>
      <c r="JO37" s="109">
        <v>181724</v>
      </c>
      <c r="JP37" s="110">
        <v>5920491</v>
      </c>
      <c r="JQ37" s="298">
        <v>5920491</v>
      </c>
      <c r="JR37" s="129">
        <v>0</v>
      </c>
      <c r="JS37" s="109">
        <v>0</v>
      </c>
      <c r="JT37" s="128">
        <v>0</v>
      </c>
      <c r="JU37" s="108">
        <v>0</v>
      </c>
      <c r="JV37" s="109">
        <v>513512</v>
      </c>
      <c r="JW37" s="109">
        <v>96885</v>
      </c>
      <c r="JX37" s="109">
        <v>0</v>
      </c>
      <c r="JY37" s="109">
        <v>0</v>
      </c>
      <c r="JZ37" s="109">
        <v>164453</v>
      </c>
      <c r="KA37" s="110">
        <v>774850</v>
      </c>
      <c r="KB37" s="298">
        <v>774850</v>
      </c>
      <c r="KC37" s="221">
        <v>0</v>
      </c>
      <c r="KD37" s="217">
        <v>348471</v>
      </c>
      <c r="KE37" s="110">
        <v>348471</v>
      </c>
      <c r="KF37" s="108">
        <v>0</v>
      </c>
      <c r="KG37" s="109">
        <v>1210284</v>
      </c>
      <c r="KH37" s="109">
        <v>183231</v>
      </c>
      <c r="KI37" s="109">
        <v>942607</v>
      </c>
      <c r="KJ37" s="109">
        <v>557883</v>
      </c>
      <c r="KK37" s="109">
        <v>0</v>
      </c>
      <c r="KL37" s="110">
        <v>2894005</v>
      </c>
      <c r="KM37" s="130">
        <v>3242476</v>
      </c>
      <c r="KN37" s="219">
        <v>0</v>
      </c>
      <c r="KO37" s="223">
        <v>0</v>
      </c>
      <c r="KP37" s="224">
        <v>0</v>
      </c>
      <c r="KQ37" s="127"/>
      <c r="KR37" s="109">
        <v>662713</v>
      </c>
      <c r="KS37" s="109">
        <v>1349136</v>
      </c>
      <c r="KT37" s="109">
        <v>1671689</v>
      </c>
      <c r="KU37" s="109">
        <v>1783395</v>
      </c>
      <c r="KV37" s="109">
        <v>1655207</v>
      </c>
      <c r="KW37" s="110">
        <v>7122140</v>
      </c>
      <c r="KX37" s="298">
        <v>7122140</v>
      </c>
      <c r="KY37" s="129">
        <v>0</v>
      </c>
      <c r="KZ37" s="109">
        <v>0</v>
      </c>
      <c r="LA37" s="110">
        <v>0</v>
      </c>
      <c r="LB37" s="132"/>
      <c r="LC37" s="109">
        <v>0</v>
      </c>
      <c r="LD37" s="109">
        <v>0</v>
      </c>
      <c r="LE37" s="109">
        <v>0</v>
      </c>
      <c r="LF37" s="109">
        <v>0</v>
      </c>
      <c r="LG37" s="109">
        <v>0</v>
      </c>
      <c r="LH37" s="110">
        <v>0</v>
      </c>
      <c r="LI37" s="111">
        <v>0</v>
      </c>
      <c r="LJ37" s="129">
        <v>0</v>
      </c>
      <c r="LK37" s="109">
        <v>0</v>
      </c>
      <c r="LL37" s="110">
        <v>0</v>
      </c>
      <c r="LM37" s="132"/>
      <c r="LN37" s="109">
        <v>184068</v>
      </c>
      <c r="LO37" s="109">
        <v>0</v>
      </c>
      <c r="LP37" s="109">
        <v>2784965</v>
      </c>
      <c r="LQ37" s="109">
        <v>1613205</v>
      </c>
      <c r="LR37" s="109">
        <v>1102351</v>
      </c>
      <c r="LS37" s="110">
        <v>5684589</v>
      </c>
      <c r="LT37" s="298">
        <v>5684589</v>
      </c>
      <c r="LU37" s="129">
        <v>0</v>
      </c>
      <c r="LV37" s="109">
        <v>0</v>
      </c>
      <c r="LW37" s="110">
        <v>0</v>
      </c>
      <c r="LX37" s="132"/>
      <c r="LY37" s="109">
        <v>0</v>
      </c>
      <c r="LZ37" s="109">
        <v>0</v>
      </c>
      <c r="MA37" s="109">
        <v>0</v>
      </c>
      <c r="MB37" s="109">
        <v>0</v>
      </c>
      <c r="MC37" s="109">
        <v>0</v>
      </c>
      <c r="MD37" s="110">
        <v>0</v>
      </c>
      <c r="ME37" s="111">
        <v>0</v>
      </c>
      <c r="MF37" s="129">
        <v>0</v>
      </c>
      <c r="MG37" s="109">
        <v>0</v>
      </c>
      <c r="MH37" s="110">
        <v>0</v>
      </c>
      <c r="MI37" s="132"/>
      <c r="MJ37" s="109">
        <v>1779434</v>
      </c>
      <c r="MK37" s="109">
        <v>1183280</v>
      </c>
      <c r="ML37" s="109">
        <v>7484138</v>
      </c>
      <c r="MM37" s="109">
        <v>14069911</v>
      </c>
      <c r="MN37" s="109">
        <v>7286804</v>
      </c>
      <c r="MO37" s="110">
        <v>31803567</v>
      </c>
      <c r="MP37" s="130">
        <v>31803567</v>
      </c>
      <c r="MQ37" s="129">
        <v>0</v>
      </c>
      <c r="MR37" s="109">
        <v>0</v>
      </c>
      <c r="MS37" s="110">
        <v>0</v>
      </c>
      <c r="MT37" s="132"/>
      <c r="MU37" s="109">
        <v>433719</v>
      </c>
      <c r="MV37" s="109">
        <v>0</v>
      </c>
      <c r="MW37" s="109">
        <v>3133481</v>
      </c>
      <c r="MX37" s="109">
        <v>6549371</v>
      </c>
      <c r="MY37" s="109">
        <v>4771672</v>
      </c>
      <c r="MZ37" s="110">
        <v>14888243</v>
      </c>
      <c r="NA37" s="130">
        <v>14888243</v>
      </c>
      <c r="NB37" s="129">
        <v>0</v>
      </c>
      <c r="NC37" s="109">
        <v>0</v>
      </c>
      <c r="ND37" s="110">
        <v>0</v>
      </c>
      <c r="NE37" s="132"/>
      <c r="NF37" s="109">
        <v>1345715</v>
      </c>
      <c r="NG37" s="109">
        <v>876110</v>
      </c>
      <c r="NH37" s="109">
        <v>3668649</v>
      </c>
      <c r="NI37" s="109">
        <v>7520540</v>
      </c>
      <c r="NJ37" s="109">
        <v>2110582</v>
      </c>
      <c r="NK37" s="110">
        <v>15521596</v>
      </c>
      <c r="NL37" s="298">
        <v>15521596</v>
      </c>
      <c r="NM37" s="129">
        <v>0</v>
      </c>
      <c r="NN37" s="109">
        <v>0</v>
      </c>
      <c r="NO37" s="110">
        <v>0</v>
      </c>
      <c r="NP37" s="132"/>
      <c r="NQ37" s="109">
        <v>0</v>
      </c>
      <c r="NR37" s="109">
        <v>0</v>
      </c>
      <c r="NS37" s="109">
        <v>0</v>
      </c>
      <c r="NT37" s="109">
        <v>0</v>
      </c>
      <c r="NU37" s="109">
        <v>0</v>
      </c>
      <c r="NV37" s="110">
        <v>0</v>
      </c>
      <c r="NW37" s="111">
        <v>0</v>
      </c>
      <c r="NX37" s="129">
        <v>0</v>
      </c>
      <c r="NY37" s="109">
        <v>0</v>
      </c>
      <c r="NZ37" s="110">
        <v>0</v>
      </c>
      <c r="OA37" s="132"/>
      <c r="OB37" s="109">
        <v>0</v>
      </c>
      <c r="OC37" s="109">
        <v>307170</v>
      </c>
      <c r="OD37" s="109">
        <v>682008</v>
      </c>
      <c r="OE37" s="109">
        <v>0</v>
      </c>
      <c r="OF37" s="109">
        <v>404550</v>
      </c>
      <c r="OG37" s="110">
        <v>1393728</v>
      </c>
      <c r="OH37" s="111">
        <v>1393728</v>
      </c>
      <c r="OI37" s="129">
        <v>571449</v>
      </c>
      <c r="OJ37" s="109">
        <v>1744829</v>
      </c>
      <c r="OK37" s="128">
        <v>2316278</v>
      </c>
      <c r="OL37" s="108">
        <v>0</v>
      </c>
      <c r="OM37" s="109">
        <v>17814116</v>
      </c>
      <c r="ON37" s="109">
        <v>17108955</v>
      </c>
      <c r="OO37" s="109">
        <v>24578918</v>
      </c>
      <c r="OP37" s="109">
        <v>26759190</v>
      </c>
      <c r="OQ37" s="109">
        <v>16025806</v>
      </c>
      <c r="OR37" s="110">
        <v>102286985</v>
      </c>
      <c r="OS37" s="130">
        <v>104603263</v>
      </c>
    </row>
    <row r="38" spans="2:409" ht="21" customHeight="1" x14ac:dyDescent="0.2">
      <c r="B38" s="472" t="s">
        <v>33</v>
      </c>
      <c r="C38" s="100">
        <v>1011262</v>
      </c>
      <c r="D38" s="104">
        <v>2292371</v>
      </c>
      <c r="E38" s="103">
        <v>3303633</v>
      </c>
      <c r="F38" s="99">
        <v>0</v>
      </c>
      <c r="G38" s="104">
        <v>8428950</v>
      </c>
      <c r="H38" s="104">
        <v>9367452</v>
      </c>
      <c r="I38" s="104">
        <v>8456899</v>
      </c>
      <c r="J38" s="104">
        <v>4569703</v>
      </c>
      <c r="K38" s="104">
        <v>5965697</v>
      </c>
      <c r="L38" s="160">
        <v>36788701</v>
      </c>
      <c r="M38" s="106">
        <v>40092334</v>
      </c>
      <c r="N38" s="100">
        <v>404759</v>
      </c>
      <c r="O38" s="104">
        <v>711285</v>
      </c>
      <c r="P38" s="103">
        <v>1116044</v>
      </c>
      <c r="Q38" s="100">
        <v>0</v>
      </c>
      <c r="R38" s="104">
        <v>2815505</v>
      </c>
      <c r="S38" s="104">
        <v>2379072</v>
      </c>
      <c r="T38" s="104">
        <v>1911508</v>
      </c>
      <c r="U38" s="104">
        <v>1287191</v>
      </c>
      <c r="V38" s="104">
        <v>2478990</v>
      </c>
      <c r="W38" s="103">
        <v>10872266</v>
      </c>
      <c r="X38" s="106">
        <v>11988310</v>
      </c>
      <c r="Y38" s="100">
        <v>0</v>
      </c>
      <c r="Z38" s="104">
        <v>0</v>
      </c>
      <c r="AA38" s="103">
        <v>0</v>
      </c>
      <c r="AB38" s="100">
        <v>0</v>
      </c>
      <c r="AC38" s="104">
        <v>709145</v>
      </c>
      <c r="AD38" s="104">
        <v>760267</v>
      </c>
      <c r="AE38" s="104">
        <v>1001577</v>
      </c>
      <c r="AF38" s="104">
        <v>550728</v>
      </c>
      <c r="AG38" s="104">
        <v>1822666</v>
      </c>
      <c r="AH38" s="103">
        <v>4844383</v>
      </c>
      <c r="AI38" s="106">
        <v>4844383</v>
      </c>
      <c r="AJ38" s="100">
        <v>0</v>
      </c>
      <c r="AK38" s="104">
        <v>0</v>
      </c>
      <c r="AL38" s="103">
        <v>0</v>
      </c>
      <c r="AM38" s="100">
        <v>0</v>
      </c>
      <c r="AN38" s="104">
        <v>115128</v>
      </c>
      <c r="AO38" s="104">
        <v>40347</v>
      </c>
      <c r="AP38" s="104">
        <v>51174</v>
      </c>
      <c r="AQ38" s="104">
        <v>113130</v>
      </c>
      <c r="AR38" s="104">
        <v>253043</v>
      </c>
      <c r="AS38" s="103">
        <v>572822</v>
      </c>
      <c r="AT38" s="106">
        <v>572822</v>
      </c>
      <c r="AU38" s="100">
        <v>0</v>
      </c>
      <c r="AV38" s="104">
        <v>44853</v>
      </c>
      <c r="AW38" s="103">
        <v>44853</v>
      </c>
      <c r="AX38" s="100">
        <v>0</v>
      </c>
      <c r="AY38" s="104">
        <v>578496</v>
      </c>
      <c r="AZ38" s="104">
        <v>413233</v>
      </c>
      <c r="BA38" s="104">
        <v>107399</v>
      </c>
      <c r="BB38" s="104">
        <v>239490</v>
      </c>
      <c r="BC38" s="104">
        <v>115206</v>
      </c>
      <c r="BD38" s="103">
        <v>1453824</v>
      </c>
      <c r="BE38" s="106">
        <v>1498677</v>
      </c>
      <c r="BF38" s="100">
        <v>368723</v>
      </c>
      <c r="BG38" s="104">
        <v>561312</v>
      </c>
      <c r="BH38" s="102">
        <v>930035</v>
      </c>
      <c r="BI38" s="101">
        <v>0</v>
      </c>
      <c r="BJ38" s="104">
        <v>1189494</v>
      </c>
      <c r="BK38" s="104">
        <v>721384</v>
      </c>
      <c r="BL38" s="104">
        <v>437132</v>
      </c>
      <c r="BM38" s="104">
        <v>253063</v>
      </c>
      <c r="BN38" s="104">
        <v>83080</v>
      </c>
      <c r="BO38" s="103">
        <v>2684153</v>
      </c>
      <c r="BP38" s="106">
        <v>3614188</v>
      </c>
      <c r="BQ38" s="100">
        <v>36036</v>
      </c>
      <c r="BR38" s="104">
        <v>105120</v>
      </c>
      <c r="BS38" s="103">
        <v>141156</v>
      </c>
      <c r="BT38" s="100">
        <v>0</v>
      </c>
      <c r="BU38" s="104">
        <v>223242</v>
      </c>
      <c r="BV38" s="104">
        <v>443841</v>
      </c>
      <c r="BW38" s="104">
        <v>314226</v>
      </c>
      <c r="BX38" s="104">
        <v>130780</v>
      </c>
      <c r="BY38" s="104">
        <v>204995</v>
      </c>
      <c r="BZ38" s="103">
        <v>1317084</v>
      </c>
      <c r="CA38" s="106">
        <v>1458240</v>
      </c>
      <c r="CB38" s="100">
        <v>134952</v>
      </c>
      <c r="CC38" s="104">
        <v>682628</v>
      </c>
      <c r="CD38" s="103">
        <v>817580</v>
      </c>
      <c r="CE38" s="100">
        <v>0</v>
      </c>
      <c r="CF38" s="104">
        <v>1645259</v>
      </c>
      <c r="CG38" s="104">
        <v>1535586</v>
      </c>
      <c r="CH38" s="104">
        <v>1038156</v>
      </c>
      <c r="CI38" s="104">
        <v>354297</v>
      </c>
      <c r="CJ38" s="104">
        <v>884856</v>
      </c>
      <c r="CK38" s="103">
        <v>5458154</v>
      </c>
      <c r="CL38" s="106">
        <v>6275734</v>
      </c>
      <c r="CM38" s="100">
        <v>0</v>
      </c>
      <c r="CN38" s="104">
        <v>0</v>
      </c>
      <c r="CO38" s="103">
        <v>0</v>
      </c>
      <c r="CP38" s="101">
        <v>0</v>
      </c>
      <c r="CQ38" s="104">
        <v>421057</v>
      </c>
      <c r="CR38" s="104">
        <v>688245</v>
      </c>
      <c r="CS38" s="104">
        <v>512609</v>
      </c>
      <c r="CT38" s="104">
        <v>239779</v>
      </c>
      <c r="CU38" s="104">
        <v>787460</v>
      </c>
      <c r="CV38" s="103">
        <v>2649150</v>
      </c>
      <c r="CW38" s="106">
        <v>2649150</v>
      </c>
      <c r="CX38" s="100">
        <v>134952</v>
      </c>
      <c r="CY38" s="104">
        <v>682628</v>
      </c>
      <c r="CZ38" s="103">
        <v>817580</v>
      </c>
      <c r="DA38" s="100">
        <v>0</v>
      </c>
      <c r="DB38" s="104">
        <v>1224202</v>
      </c>
      <c r="DC38" s="104">
        <v>847341</v>
      </c>
      <c r="DD38" s="104">
        <v>525547</v>
      </c>
      <c r="DE38" s="104">
        <v>114518</v>
      </c>
      <c r="DF38" s="104">
        <v>97396</v>
      </c>
      <c r="DG38" s="103">
        <v>2809004</v>
      </c>
      <c r="DH38" s="106">
        <v>3626584</v>
      </c>
      <c r="DI38" s="100">
        <v>0</v>
      </c>
      <c r="DJ38" s="104">
        <v>0</v>
      </c>
      <c r="DK38" s="102">
        <v>0</v>
      </c>
      <c r="DL38" s="101">
        <v>0</v>
      </c>
      <c r="DM38" s="104">
        <v>212204</v>
      </c>
      <c r="DN38" s="104">
        <v>373226</v>
      </c>
      <c r="DO38" s="104">
        <v>756145</v>
      </c>
      <c r="DP38" s="104">
        <v>1154479</v>
      </c>
      <c r="DQ38" s="104">
        <v>180503</v>
      </c>
      <c r="DR38" s="103">
        <v>2676557</v>
      </c>
      <c r="DS38" s="106">
        <v>2676557</v>
      </c>
      <c r="DT38" s="100">
        <v>0</v>
      </c>
      <c r="DU38" s="104">
        <v>0</v>
      </c>
      <c r="DV38" s="103">
        <v>0</v>
      </c>
      <c r="DW38" s="100">
        <v>0</v>
      </c>
      <c r="DX38" s="104">
        <v>52878</v>
      </c>
      <c r="DY38" s="104">
        <v>232642</v>
      </c>
      <c r="DZ38" s="104">
        <v>756145</v>
      </c>
      <c r="EA38" s="104">
        <v>510398</v>
      </c>
      <c r="EB38" s="104">
        <v>180503</v>
      </c>
      <c r="EC38" s="103">
        <v>1732566</v>
      </c>
      <c r="ED38" s="106">
        <v>1732566</v>
      </c>
      <c r="EE38" s="100">
        <v>0</v>
      </c>
      <c r="EF38" s="102">
        <v>0</v>
      </c>
      <c r="EG38" s="103">
        <v>0</v>
      </c>
      <c r="EH38" s="100">
        <v>0</v>
      </c>
      <c r="EI38" s="104">
        <v>159326</v>
      </c>
      <c r="EJ38" s="104">
        <v>140584</v>
      </c>
      <c r="EK38" s="104">
        <v>0</v>
      </c>
      <c r="EL38" s="104">
        <v>644081</v>
      </c>
      <c r="EM38" s="104">
        <v>0</v>
      </c>
      <c r="EN38" s="102">
        <v>943991</v>
      </c>
      <c r="EO38" s="106">
        <v>943991</v>
      </c>
      <c r="EP38" s="100">
        <v>0</v>
      </c>
      <c r="EQ38" s="104">
        <v>0</v>
      </c>
      <c r="ER38" s="102">
        <v>0</v>
      </c>
      <c r="ES38" s="101">
        <v>0</v>
      </c>
      <c r="ET38" s="104">
        <v>0</v>
      </c>
      <c r="EU38" s="104">
        <v>0</v>
      </c>
      <c r="EV38" s="104">
        <v>0</v>
      </c>
      <c r="EW38" s="104">
        <v>0</v>
      </c>
      <c r="EX38" s="104">
        <v>0</v>
      </c>
      <c r="EY38" s="103">
        <v>0</v>
      </c>
      <c r="EZ38" s="106">
        <v>0</v>
      </c>
      <c r="FA38" s="100">
        <v>0</v>
      </c>
      <c r="FB38" s="104">
        <v>0</v>
      </c>
      <c r="FC38" s="102">
        <v>0</v>
      </c>
      <c r="FD38" s="324"/>
      <c r="FE38" s="104">
        <v>0</v>
      </c>
      <c r="FF38" s="104">
        <v>0</v>
      </c>
      <c r="FG38" s="104">
        <v>0</v>
      </c>
      <c r="FH38" s="104">
        <v>0</v>
      </c>
      <c r="FI38" s="104">
        <v>0</v>
      </c>
      <c r="FJ38" s="103">
        <v>0</v>
      </c>
      <c r="FK38" s="106">
        <v>0</v>
      </c>
      <c r="FL38" s="100">
        <v>185301</v>
      </c>
      <c r="FM38" s="104">
        <v>259304</v>
      </c>
      <c r="FN38" s="103">
        <v>444605</v>
      </c>
      <c r="FO38" s="100">
        <v>0</v>
      </c>
      <c r="FP38" s="104">
        <v>484563</v>
      </c>
      <c r="FQ38" s="104">
        <v>561000</v>
      </c>
      <c r="FR38" s="104">
        <v>475145</v>
      </c>
      <c r="FS38" s="104">
        <v>214406</v>
      </c>
      <c r="FT38" s="104">
        <v>460422</v>
      </c>
      <c r="FU38" s="103">
        <v>2195536</v>
      </c>
      <c r="FV38" s="106">
        <v>2640141</v>
      </c>
      <c r="FW38" s="105">
        <v>105012</v>
      </c>
      <c r="FX38" s="104">
        <v>259304</v>
      </c>
      <c r="FY38" s="102">
        <v>364316</v>
      </c>
      <c r="FZ38" s="101">
        <v>0</v>
      </c>
      <c r="GA38" s="104">
        <v>484563</v>
      </c>
      <c r="GB38" s="104">
        <v>534864</v>
      </c>
      <c r="GC38" s="104">
        <v>312245</v>
      </c>
      <c r="GD38" s="104">
        <v>214406</v>
      </c>
      <c r="GE38" s="104">
        <v>460422</v>
      </c>
      <c r="GF38" s="103">
        <v>2006500</v>
      </c>
      <c r="GG38" s="296">
        <v>2370816</v>
      </c>
      <c r="GH38" s="105">
        <v>0</v>
      </c>
      <c r="GI38" s="104">
        <v>0</v>
      </c>
      <c r="GJ38" s="102">
        <v>0</v>
      </c>
      <c r="GK38" s="101">
        <v>0</v>
      </c>
      <c r="GL38" s="104">
        <v>0</v>
      </c>
      <c r="GM38" s="104">
        <v>26136</v>
      </c>
      <c r="GN38" s="104">
        <v>0</v>
      </c>
      <c r="GO38" s="104">
        <v>0</v>
      </c>
      <c r="GP38" s="104">
        <v>0</v>
      </c>
      <c r="GQ38" s="103">
        <v>26136</v>
      </c>
      <c r="GR38" s="106">
        <v>26136</v>
      </c>
      <c r="GS38" s="100">
        <v>80289</v>
      </c>
      <c r="GT38" s="104">
        <v>0</v>
      </c>
      <c r="GU38" s="103">
        <v>80289</v>
      </c>
      <c r="GV38" s="100">
        <v>0</v>
      </c>
      <c r="GW38" s="104">
        <v>0</v>
      </c>
      <c r="GX38" s="104">
        <v>0</v>
      </c>
      <c r="GY38" s="104">
        <v>162900</v>
      </c>
      <c r="GZ38" s="104">
        <v>0</v>
      </c>
      <c r="HA38" s="104">
        <v>0</v>
      </c>
      <c r="HB38" s="102">
        <v>162900</v>
      </c>
      <c r="HC38" s="106">
        <v>243189</v>
      </c>
      <c r="HD38" s="100">
        <v>126702</v>
      </c>
      <c r="HE38" s="104">
        <v>376465</v>
      </c>
      <c r="HF38" s="102">
        <v>503167</v>
      </c>
      <c r="HG38" s="101">
        <v>0</v>
      </c>
      <c r="HH38" s="104">
        <v>2046443</v>
      </c>
      <c r="HI38" s="104">
        <v>3745905</v>
      </c>
      <c r="HJ38" s="104">
        <v>3694630</v>
      </c>
      <c r="HK38" s="104">
        <v>1321019</v>
      </c>
      <c r="HL38" s="104">
        <v>1678514</v>
      </c>
      <c r="HM38" s="103">
        <v>12486511</v>
      </c>
      <c r="HN38" s="99">
        <v>12989678</v>
      </c>
      <c r="HO38" s="105">
        <v>159548</v>
      </c>
      <c r="HP38" s="104">
        <v>262689</v>
      </c>
      <c r="HQ38" s="103">
        <v>422237</v>
      </c>
      <c r="HR38" s="100">
        <v>0</v>
      </c>
      <c r="HS38" s="104">
        <v>1224976</v>
      </c>
      <c r="HT38" s="104">
        <v>772663</v>
      </c>
      <c r="HU38" s="104">
        <v>581315</v>
      </c>
      <c r="HV38" s="104">
        <v>238311</v>
      </c>
      <c r="HW38" s="104">
        <v>282412</v>
      </c>
      <c r="HX38" s="102">
        <v>3099677</v>
      </c>
      <c r="HY38" s="106">
        <v>3521914</v>
      </c>
      <c r="HZ38" s="137">
        <v>0</v>
      </c>
      <c r="IA38" s="122">
        <v>245899</v>
      </c>
      <c r="IB38" s="137">
        <v>245899</v>
      </c>
      <c r="IC38" s="133">
        <v>0</v>
      </c>
      <c r="ID38" s="119">
        <v>2449051</v>
      </c>
      <c r="IE38" s="134">
        <v>2637215</v>
      </c>
      <c r="IF38" s="120">
        <v>4075295</v>
      </c>
      <c r="IG38" s="119">
        <v>1005208</v>
      </c>
      <c r="IH38" s="120">
        <v>2592413</v>
      </c>
      <c r="II38" s="135">
        <v>12759182</v>
      </c>
      <c r="IJ38" s="137">
        <v>13005081</v>
      </c>
      <c r="IK38" s="219">
        <v>0</v>
      </c>
      <c r="IL38" s="223">
        <v>0</v>
      </c>
      <c r="IM38" s="224">
        <v>0</v>
      </c>
      <c r="IN38" s="324"/>
      <c r="IO38" s="109">
        <v>0</v>
      </c>
      <c r="IP38" s="109">
        <v>0</v>
      </c>
      <c r="IQ38" s="109">
        <v>0</v>
      </c>
      <c r="IR38" s="109">
        <v>0</v>
      </c>
      <c r="IS38" s="109">
        <v>0</v>
      </c>
      <c r="IT38" s="128">
        <v>0</v>
      </c>
      <c r="IU38" s="298">
        <v>0</v>
      </c>
      <c r="IV38" s="129">
        <v>0</v>
      </c>
      <c r="IW38" s="109">
        <v>0</v>
      </c>
      <c r="IX38" s="110">
        <v>0</v>
      </c>
      <c r="IY38" s="324"/>
      <c r="IZ38" s="109">
        <v>0</v>
      </c>
      <c r="JA38" s="109">
        <v>0</v>
      </c>
      <c r="JB38" s="109">
        <v>0</v>
      </c>
      <c r="JC38" s="109">
        <v>0</v>
      </c>
      <c r="JD38" s="109">
        <v>0</v>
      </c>
      <c r="JE38" s="110">
        <v>0</v>
      </c>
      <c r="JF38" s="111">
        <v>0</v>
      </c>
      <c r="JG38" s="129">
        <v>0</v>
      </c>
      <c r="JH38" s="109">
        <v>0</v>
      </c>
      <c r="JI38" s="128">
        <v>0</v>
      </c>
      <c r="JJ38" s="108">
        <v>0</v>
      </c>
      <c r="JK38" s="109">
        <v>1000280</v>
      </c>
      <c r="JL38" s="109">
        <v>1347831</v>
      </c>
      <c r="JM38" s="109">
        <v>822557</v>
      </c>
      <c r="JN38" s="109">
        <v>70361</v>
      </c>
      <c r="JO38" s="109">
        <v>100741</v>
      </c>
      <c r="JP38" s="110">
        <v>3341770</v>
      </c>
      <c r="JQ38" s="298">
        <v>3341770</v>
      </c>
      <c r="JR38" s="129">
        <v>0</v>
      </c>
      <c r="JS38" s="109">
        <v>0</v>
      </c>
      <c r="JT38" s="128">
        <v>0</v>
      </c>
      <c r="JU38" s="108">
        <v>0</v>
      </c>
      <c r="JV38" s="109">
        <v>0</v>
      </c>
      <c r="JW38" s="109">
        <v>0</v>
      </c>
      <c r="JX38" s="109">
        <v>0</v>
      </c>
      <c r="JY38" s="109">
        <v>0</v>
      </c>
      <c r="JZ38" s="109">
        <v>0</v>
      </c>
      <c r="KA38" s="110">
        <v>0</v>
      </c>
      <c r="KB38" s="298">
        <v>0</v>
      </c>
      <c r="KC38" s="221">
        <v>0</v>
      </c>
      <c r="KD38" s="217">
        <v>0</v>
      </c>
      <c r="KE38" s="110">
        <v>0</v>
      </c>
      <c r="KF38" s="108">
        <v>0</v>
      </c>
      <c r="KG38" s="109">
        <v>0</v>
      </c>
      <c r="KH38" s="109">
        <v>0</v>
      </c>
      <c r="KI38" s="109">
        <v>0</v>
      </c>
      <c r="KJ38" s="109">
        <v>0</v>
      </c>
      <c r="KK38" s="109">
        <v>0</v>
      </c>
      <c r="KL38" s="110">
        <v>0</v>
      </c>
      <c r="KM38" s="130">
        <v>0</v>
      </c>
      <c r="KN38" s="219">
        <v>0</v>
      </c>
      <c r="KO38" s="223">
        <v>245899</v>
      </c>
      <c r="KP38" s="224">
        <v>245899</v>
      </c>
      <c r="KQ38" s="127"/>
      <c r="KR38" s="109">
        <v>821585</v>
      </c>
      <c r="KS38" s="109">
        <v>814245</v>
      </c>
      <c r="KT38" s="109">
        <v>2175004</v>
      </c>
      <c r="KU38" s="109">
        <v>0</v>
      </c>
      <c r="KV38" s="109">
        <v>580176</v>
      </c>
      <c r="KW38" s="110">
        <v>4391010</v>
      </c>
      <c r="KX38" s="298">
        <v>4636909</v>
      </c>
      <c r="KY38" s="129">
        <v>0</v>
      </c>
      <c r="KZ38" s="109">
        <v>0</v>
      </c>
      <c r="LA38" s="110">
        <v>0</v>
      </c>
      <c r="LB38" s="132"/>
      <c r="LC38" s="109">
        <v>0</v>
      </c>
      <c r="LD38" s="109">
        <v>0</v>
      </c>
      <c r="LE38" s="109">
        <v>0</v>
      </c>
      <c r="LF38" s="109">
        <v>0</v>
      </c>
      <c r="LG38" s="109">
        <v>0</v>
      </c>
      <c r="LH38" s="110">
        <v>0</v>
      </c>
      <c r="LI38" s="111">
        <v>0</v>
      </c>
      <c r="LJ38" s="129">
        <v>0</v>
      </c>
      <c r="LK38" s="109">
        <v>0</v>
      </c>
      <c r="LL38" s="110">
        <v>0</v>
      </c>
      <c r="LM38" s="132"/>
      <c r="LN38" s="109">
        <v>0</v>
      </c>
      <c r="LO38" s="109">
        <v>0</v>
      </c>
      <c r="LP38" s="109">
        <v>0</v>
      </c>
      <c r="LQ38" s="109">
        <v>0</v>
      </c>
      <c r="LR38" s="109">
        <v>0</v>
      </c>
      <c r="LS38" s="110">
        <v>0</v>
      </c>
      <c r="LT38" s="298">
        <v>0</v>
      </c>
      <c r="LU38" s="129">
        <v>0</v>
      </c>
      <c r="LV38" s="109">
        <v>0</v>
      </c>
      <c r="LW38" s="110">
        <v>0</v>
      </c>
      <c r="LX38" s="132"/>
      <c r="LY38" s="109">
        <v>627186</v>
      </c>
      <c r="LZ38" s="109">
        <v>475139</v>
      </c>
      <c r="MA38" s="109">
        <v>1077734</v>
      </c>
      <c r="MB38" s="109">
        <v>934847</v>
      </c>
      <c r="MC38" s="109">
        <v>1911496</v>
      </c>
      <c r="MD38" s="110">
        <v>5026402</v>
      </c>
      <c r="ME38" s="111">
        <v>5026402</v>
      </c>
      <c r="MF38" s="129">
        <v>0</v>
      </c>
      <c r="MG38" s="109">
        <v>0</v>
      </c>
      <c r="MH38" s="110">
        <v>0</v>
      </c>
      <c r="MI38" s="132"/>
      <c r="MJ38" s="109">
        <v>2358615</v>
      </c>
      <c r="MK38" s="109">
        <v>4784915</v>
      </c>
      <c r="ML38" s="109">
        <v>11230857</v>
      </c>
      <c r="MM38" s="109">
        <v>18204690</v>
      </c>
      <c r="MN38" s="109">
        <v>11509118</v>
      </c>
      <c r="MO38" s="110">
        <v>48088195</v>
      </c>
      <c r="MP38" s="130">
        <v>48088195</v>
      </c>
      <c r="MQ38" s="129">
        <v>0</v>
      </c>
      <c r="MR38" s="109">
        <v>0</v>
      </c>
      <c r="MS38" s="110">
        <v>0</v>
      </c>
      <c r="MT38" s="132"/>
      <c r="MU38" s="109">
        <v>0</v>
      </c>
      <c r="MV38" s="109">
        <v>998424</v>
      </c>
      <c r="MW38" s="109">
        <v>5600849</v>
      </c>
      <c r="MX38" s="109">
        <v>8521646</v>
      </c>
      <c r="MY38" s="109">
        <v>6337943</v>
      </c>
      <c r="MZ38" s="110">
        <v>21458862</v>
      </c>
      <c r="NA38" s="130">
        <v>21458862</v>
      </c>
      <c r="NB38" s="129">
        <v>0</v>
      </c>
      <c r="NC38" s="109">
        <v>0</v>
      </c>
      <c r="ND38" s="110">
        <v>0</v>
      </c>
      <c r="NE38" s="132"/>
      <c r="NF38" s="109">
        <v>1906012</v>
      </c>
      <c r="NG38" s="109">
        <v>1966251</v>
      </c>
      <c r="NH38" s="109">
        <v>3098725</v>
      </c>
      <c r="NI38" s="109">
        <v>6702882</v>
      </c>
      <c r="NJ38" s="109">
        <v>1856194</v>
      </c>
      <c r="NK38" s="110">
        <v>15530064</v>
      </c>
      <c r="NL38" s="298">
        <v>15530064</v>
      </c>
      <c r="NM38" s="129">
        <v>0</v>
      </c>
      <c r="NN38" s="109">
        <v>0</v>
      </c>
      <c r="NO38" s="110">
        <v>0</v>
      </c>
      <c r="NP38" s="132"/>
      <c r="NQ38" s="109">
        <v>0</v>
      </c>
      <c r="NR38" s="109">
        <v>0</v>
      </c>
      <c r="NS38" s="109">
        <v>0</v>
      </c>
      <c r="NT38" s="109">
        <v>0</v>
      </c>
      <c r="NU38" s="109">
        <v>0</v>
      </c>
      <c r="NV38" s="110">
        <v>0</v>
      </c>
      <c r="NW38" s="111">
        <v>0</v>
      </c>
      <c r="NX38" s="129">
        <v>0</v>
      </c>
      <c r="NY38" s="109">
        <v>0</v>
      </c>
      <c r="NZ38" s="110">
        <v>0</v>
      </c>
      <c r="OA38" s="132"/>
      <c r="OB38" s="109">
        <v>452603</v>
      </c>
      <c r="OC38" s="109">
        <v>1820240</v>
      </c>
      <c r="OD38" s="109">
        <v>2531283</v>
      </c>
      <c r="OE38" s="109">
        <v>2980162</v>
      </c>
      <c r="OF38" s="109">
        <v>3314981</v>
      </c>
      <c r="OG38" s="110">
        <v>11099269</v>
      </c>
      <c r="OH38" s="111">
        <v>11099269</v>
      </c>
      <c r="OI38" s="129">
        <v>1011262</v>
      </c>
      <c r="OJ38" s="109">
        <v>2538270</v>
      </c>
      <c r="OK38" s="128">
        <v>3549532</v>
      </c>
      <c r="OL38" s="108">
        <v>0</v>
      </c>
      <c r="OM38" s="109">
        <v>13236616</v>
      </c>
      <c r="ON38" s="109">
        <v>16789582</v>
      </c>
      <c r="OO38" s="109">
        <v>23763051</v>
      </c>
      <c r="OP38" s="109">
        <v>23779601</v>
      </c>
      <c r="OQ38" s="109">
        <v>20067228</v>
      </c>
      <c r="OR38" s="110">
        <v>97636078</v>
      </c>
      <c r="OS38" s="130">
        <v>101185610</v>
      </c>
    </row>
    <row r="39" spans="2:409" ht="21" customHeight="1" x14ac:dyDescent="0.2">
      <c r="B39" s="472" t="s">
        <v>34</v>
      </c>
      <c r="C39" s="100">
        <v>461973</v>
      </c>
      <c r="D39" s="104">
        <v>1063121</v>
      </c>
      <c r="E39" s="161">
        <v>1525094</v>
      </c>
      <c r="F39" s="162">
        <v>0</v>
      </c>
      <c r="G39" s="163">
        <v>8222789</v>
      </c>
      <c r="H39" s="163">
        <v>6121712</v>
      </c>
      <c r="I39" s="163">
        <v>4297750</v>
      </c>
      <c r="J39" s="163">
        <v>7288622</v>
      </c>
      <c r="K39" s="163">
        <v>4441221</v>
      </c>
      <c r="L39" s="164">
        <v>30372094</v>
      </c>
      <c r="M39" s="106">
        <v>31897188</v>
      </c>
      <c r="N39" s="100">
        <v>48780</v>
      </c>
      <c r="O39" s="104">
        <v>373843</v>
      </c>
      <c r="P39" s="103">
        <v>422623</v>
      </c>
      <c r="Q39" s="100">
        <v>0</v>
      </c>
      <c r="R39" s="104">
        <v>1760060</v>
      </c>
      <c r="S39" s="104">
        <v>1489426</v>
      </c>
      <c r="T39" s="104">
        <v>818399</v>
      </c>
      <c r="U39" s="104">
        <v>1904466</v>
      </c>
      <c r="V39" s="104">
        <v>1810915</v>
      </c>
      <c r="W39" s="103">
        <v>7783266</v>
      </c>
      <c r="X39" s="106">
        <v>8205889</v>
      </c>
      <c r="Y39" s="100">
        <v>0</v>
      </c>
      <c r="Z39" s="104">
        <v>0</v>
      </c>
      <c r="AA39" s="103">
        <v>0</v>
      </c>
      <c r="AB39" s="100">
        <v>0</v>
      </c>
      <c r="AC39" s="104">
        <v>462162</v>
      </c>
      <c r="AD39" s="104">
        <v>579862</v>
      </c>
      <c r="AE39" s="104">
        <v>358729</v>
      </c>
      <c r="AF39" s="104">
        <v>1132828</v>
      </c>
      <c r="AG39" s="104">
        <v>589359</v>
      </c>
      <c r="AH39" s="103">
        <v>3122940</v>
      </c>
      <c r="AI39" s="106">
        <v>3122940</v>
      </c>
      <c r="AJ39" s="100">
        <v>0</v>
      </c>
      <c r="AK39" s="104">
        <v>0</v>
      </c>
      <c r="AL39" s="103">
        <v>0</v>
      </c>
      <c r="AM39" s="100">
        <v>0</v>
      </c>
      <c r="AN39" s="104">
        <v>0</v>
      </c>
      <c r="AO39" s="104">
        <v>49167</v>
      </c>
      <c r="AP39" s="104">
        <v>0</v>
      </c>
      <c r="AQ39" s="104">
        <v>89550</v>
      </c>
      <c r="AR39" s="104">
        <v>490590</v>
      </c>
      <c r="AS39" s="103">
        <v>629307</v>
      </c>
      <c r="AT39" s="106">
        <v>629307</v>
      </c>
      <c r="AU39" s="100">
        <v>0</v>
      </c>
      <c r="AV39" s="104">
        <v>305938</v>
      </c>
      <c r="AW39" s="103">
        <v>305938</v>
      </c>
      <c r="AX39" s="100">
        <v>0</v>
      </c>
      <c r="AY39" s="104">
        <v>630529</v>
      </c>
      <c r="AZ39" s="104">
        <v>445491</v>
      </c>
      <c r="BA39" s="104">
        <v>266664</v>
      </c>
      <c r="BB39" s="104">
        <v>343884</v>
      </c>
      <c r="BC39" s="104">
        <v>456205</v>
      </c>
      <c r="BD39" s="103">
        <v>2142773</v>
      </c>
      <c r="BE39" s="106">
        <v>2448711</v>
      </c>
      <c r="BF39" s="100">
        <v>0</v>
      </c>
      <c r="BG39" s="104">
        <v>42255</v>
      </c>
      <c r="BH39" s="102">
        <v>42255</v>
      </c>
      <c r="BI39" s="101">
        <v>0</v>
      </c>
      <c r="BJ39" s="104">
        <v>259020</v>
      </c>
      <c r="BK39" s="104">
        <v>96592</v>
      </c>
      <c r="BL39" s="104">
        <v>42012</v>
      </c>
      <c r="BM39" s="104">
        <v>41850</v>
      </c>
      <c r="BN39" s="104">
        <v>55296</v>
      </c>
      <c r="BO39" s="103">
        <v>494770</v>
      </c>
      <c r="BP39" s="106">
        <v>537025</v>
      </c>
      <c r="BQ39" s="100">
        <v>48780</v>
      </c>
      <c r="BR39" s="104">
        <v>25650</v>
      </c>
      <c r="BS39" s="103">
        <v>74430</v>
      </c>
      <c r="BT39" s="100">
        <v>0</v>
      </c>
      <c r="BU39" s="104">
        <v>408349</v>
      </c>
      <c r="BV39" s="104">
        <v>318314</v>
      </c>
      <c r="BW39" s="104">
        <v>150994</v>
      </c>
      <c r="BX39" s="104">
        <v>296354</v>
      </c>
      <c r="BY39" s="104">
        <v>219465</v>
      </c>
      <c r="BZ39" s="103">
        <v>1393476</v>
      </c>
      <c r="CA39" s="106">
        <v>1467906</v>
      </c>
      <c r="CB39" s="100">
        <v>23319</v>
      </c>
      <c r="CC39" s="104">
        <v>170991</v>
      </c>
      <c r="CD39" s="103">
        <v>194310</v>
      </c>
      <c r="CE39" s="100">
        <v>0</v>
      </c>
      <c r="CF39" s="104">
        <v>2393774</v>
      </c>
      <c r="CG39" s="104">
        <v>1836333</v>
      </c>
      <c r="CH39" s="104">
        <v>1895072</v>
      </c>
      <c r="CI39" s="104">
        <v>2053165</v>
      </c>
      <c r="CJ39" s="104">
        <v>147375</v>
      </c>
      <c r="CK39" s="103">
        <v>8325719</v>
      </c>
      <c r="CL39" s="106">
        <v>8520029</v>
      </c>
      <c r="CM39" s="100">
        <v>0</v>
      </c>
      <c r="CN39" s="104">
        <v>0</v>
      </c>
      <c r="CO39" s="103">
        <v>0</v>
      </c>
      <c r="CP39" s="101">
        <v>0</v>
      </c>
      <c r="CQ39" s="104">
        <v>1993607</v>
      </c>
      <c r="CR39" s="104">
        <v>1659816</v>
      </c>
      <c r="CS39" s="104">
        <v>1752801</v>
      </c>
      <c r="CT39" s="104">
        <v>1465042</v>
      </c>
      <c r="CU39" s="104">
        <v>147375</v>
      </c>
      <c r="CV39" s="103">
        <v>7018641</v>
      </c>
      <c r="CW39" s="106">
        <v>7018641</v>
      </c>
      <c r="CX39" s="100">
        <v>23319</v>
      </c>
      <c r="CY39" s="104">
        <v>170991</v>
      </c>
      <c r="CZ39" s="103">
        <v>194310</v>
      </c>
      <c r="DA39" s="100">
        <v>0</v>
      </c>
      <c r="DB39" s="104">
        <v>400167</v>
      </c>
      <c r="DC39" s="104">
        <v>176517</v>
      </c>
      <c r="DD39" s="104">
        <v>142271</v>
      </c>
      <c r="DE39" s="104">
        <v>588123</v>
      </c>
      <c r="DF39" s="104">
        <v>0</v>
      </c>
      <c r="DG39" s="103">
        <v>1307078</v>
      </c>
      <c r="DH39" s="106">
        <v>1501388</v>
      </c>
      <c r="DI39" s="100">
        <v>0</v>
      </c>
      <c r="DJ39" s="104">
        <v>0</v>
      </c>
      <c r="DK39" s="102">
        <v>0</v>
      </c>
      <c r="DL39" s="101">
        <v>0</v>
      </c>
      <c r="DM39" s="104">
        <v>67770</v>
      </c>
      <c r="DN39" s="104">
        <v>305442</v>
      </c>
      <c r="DO39" s="104">
        <v>216252</v>
      </c>
      <c r="DP39" s="104">
        <v>570420</v>
      </c>
      <c r="DQ39" s="104">
        <v>288431</v>
      </c>
      <c r="DR39" s="103">
        <v>1448315</v>
      </c>
      <c r="DS39" s="106">
        <v>1448315</v>
      </c>
      <c r="DT39" s="100">
        <v>0</v>
      </c>
      <c r="DU39" s="104">
        <v>0</v>
      </c>
      <c r="DV39" s="103">
        <v>0</v>
      </c>
      <c r="DW39" s="100">
        <v>0</v>
      </c>
      <c r="DX39" s="104">
        <v>67770</v>
      </c>
      <c r="DY39" s="104">
        <v>234396</v>
      </c>
      <c r="DZ39" s="104">
        <v>216252</v>
      </c>
      <c r="EA39" s="104">
        <v>435600</v>
      </c>
      <c r="EB39" s="104">
        <v>239328</v>
      </c>
      <c r="EC39" s="103">
        <v>1193346</v>
      </c>
      <c r="ED39" s="106">
        <v>1193346</v>
      </c>
      <c r="EE39" s="100">
        <v>0</v>
      </c>
      <c r="EF39" s="102">
        <v>0</v>
      </c>
      <c r="EG39" s="103">
        <v>0</v>
      </c>
      <c r="EH39" s="100">
        <v>0</v>
      </c>
      <c r="EI39" s="104">
        <v>0</v>
      </c>
      <c r="EJ39" s="104">
        <v>71046</v>
      </c>
      <c r="EK39" s="104">
        <v>0</v>
      </c>
      <c r="EL39" s="104">
        <v>134820</v>
      </c>
      <c r="EM39" s="104">
        <v>49103</v>
      </c>
      <c r="EN39" s="102">
        <v>254969</v>
      </c>
      <c r="EO39" s="106">
        <v>254969</v>
      </c>
      <c r="EP39" s="100">
        <v>0</v>
      </c>
      <c r="EQ39" s="104">
        <v>0</v>
      </c>
      <c r="ER39" s="102">
        <v>0</v>
      </c>
      <c r="ES39" s="101">
        <v>0</v>
      </c>
      <c r="ET39" s="104">
        <v>0</v>
      </c>
      <c r="EU39" s="104">
        <v>0</v>
      </c>
      <c r="EV39" s="104">
        <v>0</v>
      </c>
      <c r="EW39" s="104">
        <v>0</v>
      </c>
      <c r="EX39" s="104">
        <v>0</v>
      </c>
      <c r="EY39" s="103">
        <v>0</v>
      </c>
      <c r="EZ39" s="106">
        <v>0</v>
      </c>
      <c r="FA39" s="100">
        <v>0</v>
      </c>
      <c r="FB39" s="104">
        <v>0</v>
      </c>
      <c r="FC39" s="102">
        <v>0</v>
      </c>
      <c r="FD39" s="324"/>
      <c r="FE39" s="104">
        <v>0</v>
      </c>
      <c r="FF39" s="104">
        <v>0</v>
      </c>
      <c r="FG39" s="104">
        <v>0</v>
      </c>
      <c r="FH39" s="104">
        <v>0</v>
      </c>
      <c r="FI39" s="104">
        <v>0</v>
      </c>
      <c r="FJ39" s="103">
        <v>0</v>
      </c>
      <c r="FK39" s="106">
        <v>0</v>
      </c>
      <c r="FL39" s="100">
        <v>103140</v>
      </c>
      <c r="FM39" s="104">
        <v>198550</v>
      </c>
      <c r="FN39" s="103">
        <v>301690</v>
      </c>
      <c r="FO39" s="100">
        <v>0</v>
      </c>
      <c r="FP39" s="104">
        <v>445708</v>
      </c>
      <c r="FQ39" s="104">
        <v>641007</v>
      </c>
      <c r="FR39" s="104">
        <v>371320</v>
      </c>
      <c r="FS39" s="104">
        <v>460800</v>
      </c>
      <c r="FT39" s="104">
        <v>218160</v>
      </c>
      <c r="FU39" s="103">
        <v>2136995</v>
      </c>
      <c r="FV39" s="106">
        <v>2438685</v>
      </c>
      <c r="FW39" s="105">
        <v>103140</v>
      </c>
      <c r="FX39" s="104">
        <v>127765</v>
      </c>
      <c r="FY39" s="102">
        <v>230905</v>
      </c>
      <c r="FZ39" s="101">
        <v>0</v>
      </c>
      <c r="GA39" s="104">
        <v>445708</v>
      </c>
      <c r="GB39" s="104">
        <v>641007</v>
      </c>
      <c r="GC39" s="104">
        <v>351286</v>
      </c>
      <c r="GD39" s="104">
        <v>460800</v>
      </c>
      <c r="GE39" s="104">
        <v>218160</v>
      </c>
      <c r="GF39" s="103">
        <v>2116961</v>
      </c>
      <c r="GG39" s="296">
        <v>2347866</v>
      </c>
      <c r="GH39" s="105">
        <v>0</v>
      </c>
      <c r="GI39" s="104">
        <v>31185</v>
      </c>
      <c r="GJ39" s="102">
        <v>31185</v>
      </c>
      <c r="GK39" s="101">
        <v>0</v>
      </c>
      <c r="GL39" s="104">
        <v>0</v>
      </c>
      <c r="GM39" s="104">
        <v>0</v>
      </c>
      <c r="GN39" s="104">
        <v>20034</v>
      </c>
      <c r="GO39" s="104">
        <v>0</v>
      </c>
      <c r="GP39" s="104">
        <v>0</v>
      </c>
      <c r="GQ39" s="103">
        <v>20034</v>
      </c>
      <c r="GR39" s="106">
        <v>51219</v>
      </c>
      <c r="GS39" s="100">
        <v>0</v>
      </c>
      <c r="GT39" s="104">
        <v>39600</v>
      </c>
      <c r="GU39" s="103">
        <v>39600</v>
      </c>
      <c r="GV39" s="100">
        <v>0</v>
      </c>
      <c r="GW39" s="104">
        <v>0</v>
      </c>
      <c r="GX39" s="104">
        <v>0</v>
      </c>
      <c r="GY39" s="104">
        <v>0</v>
      </c>
      <c r="GZ39" s="104">
        <v>0</v>
      </c>
      <c r="HA39" s="104">
        <v>0</v>
      </c>
      <c r="HB39" s="102">
        <v>0</v>
      </c>
      <c r="HC39" s="106">
        <v>39600</v>
      </c>
      <c r="HD39" s="100">
        <v>225414</v>
      </c>
      <c r="HE39" s="104">
        <v>205857</v>
      </c>
      <c r="HF39" s="102">
        <v>431271</v>
      </c>
      <c r="HG39" s="101">
        <v>0</v>
      </c>
      <c r="HH39" s="104">
        <v>2421042</v>
      </c>
      <c r="HI39" s="104">
        <v>1153367</v>
      </c>
      <c r="HJ39" s="104">
        <v>597778</v>
      </c>
      <c r="HK39" s="104">
        <v>1901693</v>
      </c>
      <c r="HL39" s="104">
        <v>1797776</v>
      </c>
      <c r="HM39" s="103">
        <v>7871656</v>
      </c>
      <c r="HN39" s="99">
        <v>8302927</v>
      </c>
      <c r="HO39" s="105">
        <v>61320</v>
      </c>
      <c r="HP39" s="104">
        <v>113880</v>
      </c>
      <c r="HQ39" s="103">
        <v>175200</v>
      </c>
      <c r="HR39" s="100">
        <v>0</v>
      </c>
      <c r="HS39" s="104">
        <v>1134435</v>
      </c>
      <c r="HT39" s="104">
        <v>696137</v>
      </c>
      <c r="HU39" s="104">
        <v>398929</v>
      </c>
      <c r="HV39" s="104">
        <v>398078</v>
      </c>
      <c r="HW39" s="104">
        <v>178564</v>
      </c>
      <c r="HX39" s="102">
        <v>2806143</v>
      </c>
      <c r="HY39" s="106">
        <v>2981343</v>
      </c>
      <c r="HZ39" s="118">
        <v>45171</v>
      </c>
      <c r="IA39" s="119">
        <v>80901</v>
      </c>
      <c r="IB39" s="120">
        <v>126072</v>
      </c>
      <c r="IC39" s="133">
        <v>0</v>
      </c>
      <c r="ID39" s="119">
        <v>3132594</v>
      </c>
      <c r="IE39" s="134">
        <v>3119265</v>
      </c>
      <c r="IF39" s="120">
        <v>3787048</v>
      </c>
      <c r="IG39" s="119">
        <v>1477791</v>
      </c>
      <c r="IH39" s="120">
        <v>472947</v>
      </c>
      <c r="II39" s="135">
        <v>11989645</v>
      </c>
      <c r="IJ39" s="126">
        <v>12115717</v>
      </c>
      <c r="IK39" s="219">
        <v>0</v>
      </c>
      <c r="IL39" s="223">
        <v>0</v>
      </c>
      <c r="IM39" s="224">
        <v>0</v>
      </c>
      <c r="IN39" s="324"/>
      <c r="IO39" s="109">
        <v>0</v>
      </c>
      <c r="IP39" s="109">
        <v>0</v>
      </c>
      <c r="IQ39" s="109">
        <v>0</v>
      </c>
      <c r="IR39" s="109">
        <v>0</v>
      </c>
      <c r="IS39" s="109">
        <v>0</v>
      </c>
      <c r="IT39" s="128">
        <v>0</v>
      </c>
      <c r="IU39" s="298">
        <v>0</v>
      </c>
      <c r="IV39" s="129">
        <v>0</v>
      </c>
      <c r="IW39" s="109">
        <v>0</v>
      </c>
      <c r="IX39" s="110">
        <v>0</v>
      </c>
      <c r="IY39" s="324"/>
      <c r="IZ39" s="109">
        <v>0</v>
      </c>
      <c r="JA39" s="109">
        <v>0</v>
      </c>
      <c r="JB39" s="109">
        <v>0</v>
      </c>
      <c r="JC39" s="109">
        <v>0</v>
      </c>
      <c r="JD39" s="109">
        <v>0</v>
      </c>
      <c r="JE39" s="110">
        <v>0</v>
      </c>
      <c r="JF39" s="111">
        <v>0</v>
      </c>
      <c r="JG39" s="129">
        <v>0</v>
      </c>
      <c r="JH39" s="109">
        <v>0</v>
      </c>
      <c r="JI39" s="128">
        <v>0</v>
      </c>
      <c r="JJ39" s="108">
        <v>0</v>
      </c>
      <c r="JK39" s="109">
        <v>735626</v>
      </c>
      <c r="JL39" s="109">
        <v>270592</v>
      </c>
      <c r="JM39" s="109">
        <v>280161</v>
      </c>
      <c r="JN39" s="109">
        <v>109575</v>
      </c>
      <c r="JO39" s="109">
        <v>49644</v>
      </c>
      <c r="JP39" s="110">
        <v>1445598</v>
      </c>
      <c r="JQ39" s="298">
        <v>1445598</v>
      </c>
      <c r="JR39" s="129">
        <v>0</v>
      </c>
      <c r="JS39" s="109">
        <v>0</v>
      </c>
      <c r="JT39" s="128">
        <v>0</v>
      </c>
      <c r="JU39" s="108">
        <v>0</v>
      </c>
      <c r="JV39" s="109">
        <v>0</v>
      </c>
      <c r="JW39" s="109">
        <v>0</v>
      </c>
      <c r="JX39" s="109">
        <v>0</v>
      </c>
      <c r="JY39" s="109">
        <v>0</v>
      </c>
      <c r="JZ39" s="109">
        <v>76956</v>
      </c>
      <c r="KA39" s="110">
        <v>76956</v>
      </c>
      <c r="KB39" s="298">
        <v>76956</v>
      </c>
      <c r="KC39" s="221">
        <v>45171</v>
      </c>
      <c r="KD39" s="217">
        <v>80901</v>
      </c>
      <c r="KE39" s="110">
        <v>126072</v>
      </c>
      <c r="KF39" s="108">
        <v>0</v>
      </c>
      <c r="KG39" s="109">
        <v>1157443</v>
      </c>
      <c r="KH39" s="109">
        <v>1618931</v>
      </c>
      <c r="KI39" s="109">
        <v>1463728</v>
      </c>
      <c r="KJ39" s="109">
        <v>419508</v>
      </c>
      <c r="KK39" s="109">
        <v>0</v>
      </c>
      <c r="KL39" s="110">
        <v>4659610</v>
      </c>
      <c r="KM39" s="130">
        <v>4785682</v>
      </c>
      <c r="KN39" s="219">
        <v>0</v>
      </c>
      <c r="KO39" s="223">
        <v>0</v>
      </c>
      <c r="KP39" s="224">
        <v>0</v>
      </c>
      <c r="KQ39" s="127"/>
      <c r="KR39" s="109">
        <v>0</v>
      </c>
      <c r="KS39" s="109">
        <v>0</v>
      </c>
      <c r="KT39" s="109">
        <v>0</v>
      </c>
      <c r="KU39" s="109">
        <v>0</v>
      </c>
      <c r="KV39" s="109">
        <v>0</v>
      </c>
      <c r="KW39" s="110">
        <v>0</v>
      </c>
      <c r="KX39" s="298">
        <v>0</v>
      </c>
      <c r="KY39" s="129">
        <v>0</v>
      </c>
      <c r="KZ39" s="109">
        <v>0</v>
      </c>
      <c r="LA39" s="110">
        <v>0</v>
      </c>
      <c r="LB39" s="132"/>
      <c r="LC39" s="109">
        <v>0</v>
      </c>
      <c r="LD39" s="109">
        <v>0</v>
      </c>
      <c r="LE39" s="109">
        <v>0</v>
      </c>
      <c r="LF39" s="109">
        <v>0</v>
      </c>
      <c r="LG39" s="109">
        <v>0</v>
      </c>
      <c r="LH39" s="110">
        <v>0</v>
      </c>
      <c r="LI39" s="111">
        <v>0</v>
      </c>
      <c r="LJ39" s="129">
        <v>0</v>
      </c>
      <c r="LK39" s="109">
        <v>0</v>
      </c>
      <c r="LL39" s="110">
        <v>0</v>
      </c>
      <c r="LM39" s="132"/>
      <c r="LN39" s="109">
        <v>0</v>
      </c>
      <c r="LO39" s="109">
        <v>0</v>
      </c>
      <c r="LP39" s="109">
        <v>0</v>
      </c>
      <c r="LQ39" s="109">
        <v>0</v>
      </c>
      <c r="LR39" s="109">
        <v>0</v>
      </c>
      <c r="LS39" s="110">
        <v>0</v>
      </c>
      <c r="LT39" s="298">
        <v>0</v>
      </c>
      <c r="LU39" s="129">
        <v>0</v>
      </c>
      <c r="LV39" s="109">
        <v>0</v>
      </c>
      <c r="LW39" s="110">
        <v>0</v>
      </c>
      <c r="LX39" s="132"/>
      <c r="LY39" s="109">
        <v>1239525</v>
      </c>
      <c r="LZ39" s="109">
        <v>1229742</v>
      </c>
      <c r="MA39" s="109">
        <v>2043159</v>
      </c>
      <c r="MB39" s="109">
        <v>948708</v>
      </c>
      <c r="MC39" s="109">
        <v>346347</v>
      </c>
      <c r="MD39" s="110">
        <v>5807481</v>
      </c>
      <c r="ME39" s="111">
        <v>5807481</v>
      </c>
      <c r="MF39" s="129">
        <v>0</v>
      </c>
      <c r="MG39" s="109">
        <v>0</v>
      </c>
      <c r="MH39" s="110">
        <v>0</v>
      </c>
      <c r="MI39" s="132"/>
      <c r="MJ39" s="109">
        <v>1053751</v>
      </c>
      <c r="MK39" s="109">
        <v>2787191</v>
      </c>
      <c r="ML39" s="109">
        <v>4987620</v>
      </c>
      <c r="MM39" s="109">
        <v>8805082</v>
      </c>
      <c r="MN39" s="109">
        <v>4597997</v>
      </c>
      <c r="MO39" s="110">
        <v>22231641</v>
      </c>
      <c r="MP39" s="130">
        <v>22231641</v>
      </c>
      <c r="MQ39" s="129">
        <v>0</v>
      </c>
      <c r="MR39" s="109">
        <v>0</v>
      </c>
      <c r="MS39" s="110">
        <v>0</v>
      </c>
      <c r="MT39" s="132"/>
      <c r="MU39" s="109">
        <v>0</v>
      </c>
      <c r="MV39" s="109">
        <v>0</v>
      </c>
      <c r="MW39" s="109">
        <v>2620935</v>
      </c>
      <c r="MX39" s="109">
        <v>5194128</v>
      </c>
      <c r="MY39" s="109">
        <v>3413095</v>
      </c>
      <c r="MZ39" s="110">
        <v>11228158</v>
      </c>
      <c r="NA39" s="130">
        <v>11228158</v>
      </c>
      <c r="NB39" s="129">
        <v>0</v>
      </c>
      <c r="NC39" s="109">
        <v>0</v>
      </c>
      <c r="ND39" s="110">
        <v>0</v>
      </c>
      <c r="NE39" s="132"/>
      <c r="NF39" s="109">
        <v>1053751</v>
      </c>
      <c r="NG39" s="109">
        <v>2787191</v>
      </c>
      <c r="NH39" s="109">
        <v>2366685</v>
      </c>
      <c r="NI39" s="109">
        <v>2928736</v>
      </c>
      <c r="NJ39" s="109">
        <v>799270</v>
      </c>
      <c r="NK39" s="110">
        <v>9935633</v>
      </c>
      <c r="NL39" s="298">
        <v>9935633</v>
      </c>
      <c r="NM39" s="129">
        <v>0</v>
      </c>
      <c r="NN39" s="109">
        <v>0</v>
      </c>
      <c r="NO39" s="110">
        <v>0</v>
      </c>
      <c r="NP39" s="132"/>
      <c r="NQ39" s="109">
        <v>0</v>
      </c>
      <c r="NR39" s="109">
        <v>0</v>
      </c>
      <c r="NS39" s="109">
        <v>0</v>
      </c>
      <c r="NT39" s="109">
        <v>0</v>
      </c>
      <c r="NU39" s="109">
        <v>0</v>
      </c>
      <c r="NV39" s="110">
        <v>0</v>
      </c>
      <c r="NW39" s="111">
        <v>0</v>
      </c>
      <c r="NX39" s="129">
        <v>0</v>
      </c>
      <c r="NY39" s="109">
        <v>0</v>
      </c>
      <c r="NZ39" s="110">
        <v>0</v>
      </c>
      <c r="OA39" s="132"/>
      <c r="OB39" s="109">
        <v>0</v>
      </c>
      <c r="OC39" s="109">
        <v>0</v>
      </c>
      <c r="OD39" s="109">
        <v>0</v>
      </c>
      <c r="OE39" s="109">
        <v>682218</v>
      </c>
      <c r="OF39" s="109">
        <v>385632</v>
      </c>
      <c r="OG39" s="110">
        <v>1067850</v>
      </c>
      <c r="OH39" s="111">
        <v>1067850</v>
      </c>
      <c r="OI39" s="129">
        <v>507144</v>
      </c>
      <c r="OJ39" s="109">
        <v>1144022</v>
      </c>
      <c r="OK39" s="128">
        <v>1651166</v>
      </c>
      <c r="OL39" s="108">
        <v>0</v>
      </c>
      <c r="OM39" s="109">
        <v>12409134</v>
      </c>
      <c r="ON39" s="109">
        <v>12028168</v>
      </c>
      <c r="OO39" s="109">
        <v>13072418</v>
      </c>
      <c r="OP39" s="109">
        <v>17571495</v>
      </c>
      <c r="OQ39" s="109">
        <v>9512165</v>
      </c>
      <c r="OR39" s="110">
        <v>64593380</v>
      </c>
      <c r="OS39" s="130">
        <v>66244546</v>
      </c>
    </row>
    <row r="40" spans="2:409" ht="21" customHeight="1" x14ac:dyDescent="0.2">
      <c r="B40" s="472" t="s">
        <v>35</v>
      </c>
      <c r="C40" s="100">
        <v>2166084</v>
      </c>
      <c r="D40" s="104">
        <v>4510599</v>
      </c>
      <c r="E40" s="103">
        <v>6676683</v>
      </c>
      <c r="F40" s="99">
        <v>0</v>
      </c>
      <c r="G40" s="104">
        <v>34929188</v>
      </c>
      <c r="H40" s="104">
        <v>23163878</v>
      </c>
      <c r="I40" s="104">
        <v>24446433</v>
      </c>
      <c r="J40" s="104">
        <v>25664089</v>
      </c>
      <c r="K40" s="104">
        <v>12787780</v>
      </c>
      <c r="L40" s="160">
        <v>120991368</v>
      </c>
      <c r="M40" s="106">
        <v>127668051</v>
      </c>
      <c r="N40" s="100">
        <v>394167</v>
      </c>
      <c r="O40" s="104">
        <v>1143378</v>
      </c>
      <c r="P40" s="103">
        <v>1537545</v>
      </c>
      <c r="Q40" s="100">
        <v>0</v>
      </c>
      <c r="R40" s="104">
        <v>8367089</v>
      </c>
      <c r="S40" s="104">
        <v>6070517</v>
      </c>
      <c r="T40" s="104">
        <v>8153893</v>
      </c>
      <c r="U40" s="104">
        <v>8442571</v>
      </c>
      <c r="V40" s="104">
        <v>6125171</v>
      </c>
      <c r="W40" s="103">
        <v>37159241</v>
      </c>
      <c r="X40" s="106">
        <v>38696786</v>
      </c>
      <c r="Y40" s="100">
        <v>0</v>
      </c>
      <c r="Z40" s="104">
        <v>0</v>
      </c>
      <c r="AA40" s="103">
        <v>0</v>
      </c>
      <c r="AB40" s="100">
        <v>0</v>
      </c>
      <c r="AC40" s="104">
        <v>3810190</v>
      </c>
      <c r="AD40" s="104">
        <v>2723314</v>
      </c>
      <c r="AE40" s="104">
        <v>5002193</v>
      </c>
      <c r="AF40" s="104">
        <v>4698737</v>
      </c>
      <c r="AG40" s="104">
        <v>3355969</v>
      </c>
      <c r="AH40" s="103">
        <v>19590403</v>
      </c>
      <c r="AI40" s="106">
        <v>19590403</v>
      </c>
      <c r="AJ40" s="100">
        <v>0</v>
      </c>
      <c r="AK40" s="104">
        <v>0</v>
      </c>
      <c r="AL40" s="103">
        <v>0</v>
      </c>
      <c r="AM40" s="100">
        <v>0</v>
      </c>
      <c r="AN40" s="104">
        <v>0</v>
      </c>
      <c r="AO40" s="104">
        <v>335232</v>
      </c>
      <c r="AP40" s="104">
        <v>211662</v>
      </c>
      <c r="AQ40" s="104">
        <v>864667</v>
      </c>
      <c r="AR40" s="104">
        <v>708887</v>
      </c>
      <c r="AS40" s="103">
        <v>2120448</v>
      </c>
      <c r="AT40" s="106">
        <v>2120448</v>
      </c>
      <c r="AU40" s="100">
        <v>51264</v>
      </c>
      <c r="AV40" s="104">
        <v>420756</v>
      </c>
      <c r="AW40" s="103">
        <v>472020</v>
      </c>
      <c r="AX40" s="100">
        <v>0</v>
      </c>
      <c r="AY40" s="104">
        <v>2254938</v>
      </c>
      <c r="AZ40" s="104">
        <v>1644249</v>
      </c>
      <c r="BA40" s="104">
        <v>1692515</v>
      </c>
      <c r="BB40" s="104">
        <v>1226166</v>
      </c>
      <c r="BC40" s="104">
        <v>1434015</v>
      </c>
      <c r="BD40" s="103">
        <v>8251883</v>
      </c>
      <c r="BE40" s="106">
        <v>8723903</v>
      </c>
      <c r="BF40" s="100">
        <v>137638</v>
      </c>
      <c r="BG40" s="104">
        <v>475050</v>
      </c>
      <c r="BH40" s="102">
        <v>612688</v>
      </c>
      <c r="BI40" s="101">
        <v>0</v>
      </c>
      <c r="BJ40" s="104">
        <v>783324</v>
      </c>
      <c r="BK40" s="104">
        <v>423648</v>
      </c>
      <c r="BL40" s="104">
        <v>209808</v>
      </c>
      <c r="BM40" s="104">
        <v>482826</v>
      </c>
      <c r="BN40" s="104">
        <v>135477</v>
      </c>
      <c r="BO40" s="103">
        <v>2035083</v>
      </c>
      <c r="BP40" s="106">
        <v>2647771</v>
      </c>
      <c r="BQ40" s="100">
        <v>205265</v>
      </c>
      <c r="BR40" s="104">
        <v>247572</v>
      </c>
      <c r="BS40" s="103">
        <v>452837</v>
      </c>
      <c r="BT40" s="100">
        <v>0</v>
      </c>
      <c r="BU40" s="104">
        <v>1518637</v>
      </c>
      <c r="BV40" s="104">
        <v>944074</v>
      </c>
      <c r="BW40" s="104">
        <v>1037715</v>
      </c>
      <c r="BX40" s="104">
        <v>1170175</v>
      </c>
      <c r="BY40" s="104">
        <v>490823</v>
      </c>
      <c r="BZ40" s="103">
        <v>5161424</v>
      </c>
      <c r="CA40" s="106">
        <v>5614261</v>
      </c>
      <c r="CB40" s="100">
        <v>181945</v>
      </c>
      <c r="CC40" s="104">
        <v>786482</v>
      </c>
      <c r="CD40" s="103">
        <v>968427</v>
      </c>
      <c r="CE40" s="100">
        <v>0</v>
      </c>
      <c r="CF40" s="104">
        <v>11534116</v>
      </c>
      <c r="CG40" s="104">
        <v>8775517</v>
      </c>
      <c r="CH40" s="104">
        <v>5969734</v>
      </c>
      <c r="CI40" s="104">
        <v>5558141</v>
      </c>
      <c r="CJ40" s="104">
        <v>3132380</v>
      </c>
      <c r="CK40" s="103">
        <v>34969888</v>
      </c>
      <c r="CL40" s="106">
        <v>35938315</v>
      </c>
      <c r="CM40" s="100">
        <v>0</v>
      </c>
      <c r="CN40" s="104">
        <v>0</v>
      </c>
      <c r="CO40" s="103">
        <v>0</v>
      </c>
      <c r="CP40" s="101">
        <v>0</v>
      </c>
      <c r="CQ40" s="104">
        <v>8334911</v>
      </c>
      <c r="CR40" s="104">
        <v>6968386</v>
      </c>
      <c r="CS40" s="104">
        <v>5276946</v>
      </c>
      <c r="CT40" s="104">
        <v>4140036</v>
      </c>
      <c r="CU40" s="104">
        <v>3057374</v>
      </c>
      <c r="CV40" s="103">
        <v>27777653</v>
      </c>
      <c r="CW40" s="106">
        <v>27777653</v>
      </c>
      <c r="CX40" s="100">
        <v>181945</v>
      </c>
      <c r="CY40" s="104">
        <v>786482</v>
      </c>
      <c r="CZ40" s="103">
        <v>968427</v>
      </c>
      <c r="DA40" s="100">
        <v>0</v>
      </c>
      <c r="DB40" s="104">
        <v>3199205</v>
      </c>
      <c r="DC40" s="104">
        <v>1807131</v>
      </c>
      <c r="DD40" s="104">
        <v>692788</v>
      </c>
      <c r="DE40" s="104">
        <v>1418105</v>
      </c>
      <c r="DF40" s="104">
        <v>75006</v>
      </c>
      <c r="DG40" s="103">
        <v>7192235</v>
      </c>
      <c r="DH40" s="106">
        <v>8160662</v>
      </c>
      <c r="DI40" s="100">
        <v>19264</v>
      </c>
      <c r="DJ40" s="104">
        <v>0</v>
      </c>
      <c r="DK40" s="102">
        <v>19264</v>
      </c>
      <c r="DL40" s="101">
        <v>0</v>
      </c>
      <c r="DM40" s="104">
        <v>660922</v>
      </c>
      <c r="DN40" s="104">
        <v>342000</v>
      </c>
      <c r="DO40" s="104">
        <v>1916841</v>
      </c>
      <c r="DP40" s="104">
        <v>1227159</v>
      </c>
      <c r="DQ40" s="104">
        <v>227016</v>
      </c>
      <c r="DR40" s="103">
        <v>4373938</v>
      </c>
      <c r="DS40" s="106">
        <v>4393202</v>
      </c>
      <c r="DT40" s="100">
        <v>19264</v>
      </c>
      <c r="DU40" s="104">
        <v>0</v>
      </c>
      <c r="DV40" s="103">
        <v>19264</v>
      </c>
      <c r="DW40" s="100">
        <v>0</v>
      </c>
      <c r="DX40" s="104">
        <v>608992</v>
      </c>
      <c r="DY40" s="104">
        <v>292671</v>
      </c>
      <c r="DZ40" s="104">
        <v>1865622</v>
      </c>
      <c r="EA40" s="104">
        <v>979515</v>
      </c>
      <c r="EB40" s="104">
        <v>76860</v>
      </c>
      <c r="EC40" s="103">
        <v>3823660</v>
      </c>
      <c r="ED40" s="106">
        <v>3842924</v>
      </c>
      <c r="EE40" s="100">
        <v>0</v>
      </c>
      <c r="EF40" s="102">
        <v>0</v>
      </c>
      <c r="EG40" s="103">
        <v>0</v>
      </c>
      <c r="EH40" s="100">
        <v>0</v>
      </c>
      <c r="EI40" s="104">
        <v>51930</v>
      </c>
      <c r="EJ40" s="104">
        <v>49329</v>
      </c>
      <c r="EK40" s="104">
        <v>51219</v>
      </c>
      <c r="EL40" s="104">
        <v>247644</v>
      </c>
      <c r="EM40" s="104">
        <v>150156</v>
      </c>
      <c r="EN40" s="102">
        <v>550278</v>
      </c>
      <c r="EO40" s="106">
        <v>550278</v>
      </c>
      <c r="EP40" s="100">
        <v>0</v>
      </c>
      <c r="EQ40" s="104">
        <v>0</v>
      </c>
      <c r="ER40" s="102">
        <v>0</v>
      </c>
      <c r="ES40" s="101">
        <v>0</v>
      </c>
      <c r="ET40" s="104">
        <v>0</v>
      </c>
      <c r="EU40" s="104">
        <v>0</v>
      </c>
      <c r="EV40" s="104">
        <v>0</v>
      </c>
      <c r="EW40" s="104">
        <v>0</v>
      </c>
      <c r="EX40" s="104">
        <v>0</v>
      </c>
      <c r="EY40" s="103">
        <v>0</v>
      </c>
      <c r="EZ40" s="106">
        <v>0</v>
      </c>
      <c r="FA40" s="100">
        <v>0</v>
      </c>
      <c r="FB40" s="104">
        <v>0</v>
      </c>
      <c r="FC40" s="102">
        <v>0</v>
      </c>
      <c r="FD40" s="324"/>
      <c r="FE40" s="104">
        <v>0</v>
      </c>
      <c r="FF40" s="104">
        <v>0</v>
      </c>
      <c r="FG40" s="104">
        <v>0</v>
      </c>
      <c r="FH40" s="104">
        <v>0</v>
      </c>
      <c r="FI40" s="104">
        <v>0</v>
      </c>
      <c r="FJ40" s="103">
        <v>0</v>
      </c>
      <c r="FK40" s="106">
        <v>0</v>
      </c>
      <c r="FL40" s="100">
        <v>325335</v>
      </c>
      <c r="FM40" s="104">
        <v>635445</v>
      </c>
      <c r="FN40" s="103">
        <v>960780</v>
      </c>
      <c r="FO40" s="100">
        <v>0</v>
      </c>
      <c r="FP40" s="104">
        <v>1463327</v>
      </c>
      <c r="FQ40" s="104">
        <v>1976361</v>
      </c>
      <c r="FR40" s="104">
        <v>1671853</v>
      </c>
      <c r="FS40" s="104">
        <v>1468821</v>
      </c>
      <c r="FT40" s="104">
        <v>821146</v>
      </c>
      <c r="FU40" s="103">
        <v>7401508</v>
      </c>
      <c r="FV40" s="106">
        <v>8362288</v>
      </c>
      <c r="FW40" s="105">
        <v>264272</v>
      </c>
      <c r="FX40" s="104">
        <v>560403</v>
      </c>
      <c r="FY40" s="102">
        <v>824675</v>
      </c>
      <c r="FZ40" s="101">
        <v>0</v>
      </c>
      <c r="GA40" s="104">
        <v>1379971</v>
      </c>
      <c r="GB40" s="104">
        <v>1895181</v>
      </c>
      <c r="GC40" s="104">
        <v>1512251</v>
      </c>
      <c r="GD40" s="104">
        <v>1400093</v>
      </c>
      <c r="GE40" s="104">
        <v>787450</v>
      </c>
      <c r="GF40" s="103">
        <v>6974946</v>
      </c>
      <c r="GG40" s="296">
        <v>7799621</v>
      </c>
      <c r="GH40" s="105">
        <v>13543</v>
      </c>
      <c r="GI40" s="104">
        <v>75042</v>
      </c>
      <c r="GJ40" s="102">
        <v>88585</v>
      </c>
      <c r="GK40" s="101">
        <v>0</v>
      </c>
      <c r="GL40" s="104">
        <v>67516</v>
      </c>
      <c r="GM40" s="104">
        <v>0</v>
      </c>
      <c r="GN40" s="104">
        <v>126190</v>
      </c>
      <c r="GO40" s="104">
        <v>0</v>
      </c>
      <c r="GP40" s="104">
        <v>33696</v>
      </c>
      <c r="GQ40" s="103">
        <v>227402</v>
      </c>
      <c r="GR40" s="106">
        <v>315987</v>
      </c>
      <c r="GS40" s="100">
        <v>47520</v>
      </c>
      <c r="GT40" s="104">
        <v>0</v>
      </c>
      <c r="GU40" s="103">
        <v>47520</v>
      </c>
      <c r="GV40" s="100">
        <v>0</v>
      </c>
      <c r="GW40" s="104">
        <v>15840</v>
      </c>
      <c r="GX40" s="104">
        <v>81180</v>
      </c>
      <c r="GY40" s="104">
        <v>33412</v>
      </c>
      <c r="GZ40" s="104">
        <v>68728</v>
      </c>
      <c r="HA40" s="104">
        <v>0</v>
      </c>
      <c r="HB40" s="102">
        <v>199160</v>
      </c>
      <c r="HC40" s="106">
        <v>246680</v>
      </c>
      <c r="HD40" s="100">
        <v>972900</v>
      </c>
      <c r="HE40" s="104">
        <v>1424113</v>
      </c>
      <c r="HF40" s="102">
        <v>2397013</v>
      </c>
      <c r="HG40" s="101">
        <v>0</v>
      </c>
      <c r="HH40" s="104">
        <v>8612941</v>
      </c>
      <c r="HI40" s="104">
        <v>3756913</v>
      </c>
      <c r="HJ40" s="104">
        <v>4811821</v>
      </c>
      <c r="HK40" s="104">
        <v>7615549</v>
      </c>
      <c r="HL40" s="104">
        <v>1802698</v>
      </c>
      <c r="HM40" s="103">
        <v>26599922</v>
      </c>
      <c r="HN40" s="99">
        <v>28996935</v>
      </c>
      <c r="HO40" s="105">
        <v>272473</v>
      </c>
      <c r="HP40" s="104">
        <v>521181</v>
      </c>
      <c r="HQ40" s="103">
        <v>793654</v>
      </c>
      <c r="HR40" s="100">
        <v>0</v>
      </c>
      <c r="HS40" s="104">
        <v>4290793</v>
      </c>
      <c r="HT40" s="104">
        <v>2242570</v>
      </c>
      <c r="HU40" s="104">
        <v>1922291</v>
      </c>
      <c r="HV40" s="104">
        <v>1351848</v>
      </c>
      <c r="HW40" s="104">
        <v>679369</v>
      </c>
      <c r="HX40" s="102">
        <v>10486871</v>
      </c>
      <c r="HY40" s="106">
        <v>11280525</v>
      </c>
      <c r="HZ40" s="137">
        <v>267183</v>
      </c>
      <c r="IA40" s="122">
        <v>406332</v>
      </c>
      <c r="IB40" s="137">
        <v>673515</v>
      </c>
      <c r="IC40" s="133">
        <v>0</v>
      </c>
      <c r="ID40" s="119">
        <v>5579899</v>
      </c>
      <c r="IE40" s="134">
        <v>6679547</v>
      </c>
      <c r="IF40" s="120">
        <v>8400527</v>
      </c>
      <c r="IG40" s="119">
        <v>5525974</v>
      </c>
      <c r="IH40" s="120">
        <v>2424045</v>
      </c>
      <c r="II40" s="135">
        <v>28609992</v>
      </c>
      <c r="IJ40" s="137">
        <v>29283507</v>
      </c>
      <c r="IK40" s="219">
        <v>0</v>
      </c>
      <c r="IL40" s="223">
        <v>0</v>
      </c>
      <c r="IM40" s="224">
        <v>0</v>
      </c>
      <c r="IN40" s="324"/>
      <c r="IO40" s="109">
        <v>0</v>
      </c>
      <c r="IP40" s="109">
        <v>0</v>
      </c>
      <c r="IQ40" s="109">
        <v>438198</v>
      </c>
      <c r="IR40" s="109">
        <v>230238</v>
      </c>
      <c r="IS40" s="109">
        <v>0</v>
      </c>
      <c r="IT40" s="128">
        <v>668436</v>
      </c>
      <c r="IU40" s="298">
        <v>668436</v>
      </c>
      <c r="IV40" s="129">
        <v>0</v>
      </c>
      <c r="IW40" s="109">
        <v>0</v>
      </c>
      <c r="IX40" s="110">
        <v>0</v>
      </c>
      <c r="IY40" s="324"/>
      <c r="IZ40" s="109">
        <v>0</v>
      </c>
      <c r="JA40" s="109">
        <v>0</v>
      </c>
      <c r="JB40" s="109">
        <v>0</v>
      </c>
      <c r="JC40" s="109">
        <v>0</v>
      </c>
      <c r="JD40" s="109">
        <v>0</v>
      </c>
      <c r="JE40" s="110">
        <v>0</v>
      </c>
      <c r="JF40" s="111">
        <v>0</v>
      </c>
      <c r="JG40" s="129">
        <v>0</v>
      </c>
      <c r="JH40" s="109">
        <v>0</v>
      </c>
      <c r="JI40" s="128">
        <v>0</v>
      </c>
      <c r="JJ40" s="108">
        <v>0</v>
      </c>
      <c r="JK40" s="109">
        <v>1019052</v>
      </c>
      <c r="JL40" s="109">
        <v>1045917</v>
      </c>
      <c r="JM40" s="109">
        <v>1877508</v>
      </c>
      <c r="JN40" s="109">
        <v>1390438</v>
      </c>
      <c r="JO40" s="109">
        <v>345609</v>
      </c>
      <c r="JP40" s="110">
        <v>5678524</v>
      </c>
      <c r="JQ40" s="298">
        <v>5678524</v>
      </c>
      <c r="JR40" s="129">
        <v>0</v>
      </c>
      <c r="JS40" s="109">
        <v>0</v>
      </c>
      <c r="JT40" s="128">
        <v>0</v>
      </c>
      <c r="JU40" s="108">
        <v>0</v>
      </c>
      <c r="JV40" s="109">
        <v>0</v>
      </c>
      <c r="JW40" s="109">
        <v>0</v>
      </c>
      <c r="JX40" s="109">
        <v>0</v>
      </c>
      <c r="JY40" s="109">
        <v>0</v>
      </c>
      <c r="JZ40" s="109">
        <v>0</v>
      </c>
      <c r="KA40" s="110">
        <v>0</v>
      </c>
      <c r="KB40" s="298">
        <v>0</v>
      </c>
      <c r="KC40" s="221">
        <v>267183</v>
      </c>
      <c r="KD40" s="217">
        <v>162630</v>
      </c>
      <c r="KE40" s="110">
        <v>429813</v>
      </c>
      <c r="KF40" s="108">
        <v>0</v>
      </c>
      <c r="KG40" s="109">
        <v>1127223</v>
      </c>
      <c r="KH40" s="109">
        <v>1435372</v>
      </c>
      <c r="KI40" s="109">
        <v>1956080</v>
      </c>
      <c r="KJ40" s="109">
        <v>539154</v>
      </c>
      <c r="KK40" s="109">
        <v>362892</v>
      </c>
      <c r="KL40" s="110">
        <v>5420721</v>
      </c>
      <c r="KM40" s="130">
        <v>5850534</v>
      </c>
      <c r="KN40" s="219">
        <v>0</v>
      </c>
      <c r="KO40" s="223">
        <v>243702</v>
      </c>
      <c r="KP40" s="224">
        <v>243702</v>
      </c>
      <c r="KQ40" s="127"/>
      <c r="KR40" s="109">
        <v>3433624</v>
      </c>
      <c r="KS40" s="109">
        <v>4198258</v>
      </c>
      <c r="KT40" s="109">
        <v>4128741</v>
      </c>
      <c r="KU40" s="109">
        <v>3366144</v>
      </c>
      <c r="KV40" s="109">
        <v>1715544</v>
      </c>
      <c r="KW40" s="110">
        <v>16842311</v>
      </c>
      <c r="KX40" s="298">
        <v>17086013</v>
      </c>
      <c r="KY40" s="129">
        <v>0</v>
      </c>
      <c r="KZ40" s="109">
        <v>0</v>
      </c>
      <c r="LA40" s="110">
        <v>0</v>
      </c>
      <c r="LB40" s="132"/>
      <c r="LC40" s="109">
        <v>0</v>
      </c>
      <c r="LD40" s="109">
        <v>0</v>
      </c>
      <c r="LE40" s="109">
        <v>0</v>
      </c>
      <c r="LF40" s="109">
        <v>0</v>
      </c>
      <c r="LG40" s="109">
        <v>0</v>
      </c>
      <c r="LH40" s="110">
        <v>0</v>
      </c>
      <c r="LI40" s="111">
        <v>0</v>
      </c>
      <c r="LJ40" s="129">
        <v>0</v>
      </c>
      <c r="LK40" s="109">
        <v>0</v>
      </c>
      <c r="LL40" s="110">
        <v>0</v>
      </c>
      <c r="LM40" s="132"/>
      <c r="LN40" s="109">
        <v>0</v>
      </c>
      <c r="LO40" s="109">
        <v>0</v>
      </c>
      <c r="LP40" s="109">
        <v>0</v>
      </c>
      <c r="LQ40" s="109">
        <v>0</v>
      </c>
      <c r="LR40" s="109">
        <v>0</v>
      </c>
      <c r="LS40" s="110">
        <v>0</v>
      </c>
      <c r="LT40" s="298">
        <v>0</v>
      </c>
      <c r="LU40" s="129">
        <v>0</v>
      </c>
      <c r="LV40" s="109">
        <v>0</v>
      </c>
      <c r="LW40" s="110">
        <v>0</v>
      </c>
      <c r="LX40" s="132"/>
      <c r="LY40" s="109">
        <v>0</v>
      </c>
      <c r="LZ40" s="109">
        <v>0</v>
      </c>
      <c r="MA40" s="109">
        <v>0</v>
      </c>
      <c r="MB40" s="109">
        <v>0</v>
      </c>
      <c r="MC40" s="109">
        <v>0</v>
      </c>
      <c r="MD40" s="110">
        <v>0</v>
      </c>
      <c r="ME40" s="111">
        <v>0</v>
      </c>
      <c r="MF40" s="129">
        <v>0</v>
      </c>
      <c r="MG40" s="109">
        <v>0</v>
      </c>
      <c r="MH40" s="110">
        <v>0</v>
      </c>
      <c r="MI40" s="132"/>
      <c r="MJ40" s="109">
        <v>6288527</v>
      </c>
      <c r="MK40" s="109">
        <v>8197421</v>
      </c>
      <c r="ML40" s="109">
        <v>15030566</v>
      </c>
      <c r="MM40" s="109">
        <v>17874801</v>
      </c>
      <c r="MN40" s="109">
        <v>15883134</v>
      </c>
      <c r="MO40" s="110">
        <v>63274449</v>
      </c>
      <c r="MP40" s="130">
        <v>63274449</v>
      </c>
      <c r="MQ40" s="129">
        <v>0</v>
      </c>
      <c r="MR40" s="109">
        <v>0</v>
      </c>
      <c r="MS40" s="110">
        <v>0</v>
      </c>
      <c r="MT40" s="132"/>
      <c r="MU40" s="109">
        <v>202410</v>
      </c>
      <c r="MV40" s="109">
        <v>253602</v>
      </c>
      <c r="MW40" s="109">
        <v>5464211</v>
      </c>
      <c r="MX40" s="109">
        <v>13145411</v>
      </c>
      <c r="MY40" s="109">
        <v>9777488</v>
      </c>
      <c r="MZ40" s="110">
        <v>28843122</v>
      </c>
      <c r="NA40" s="130">
        <v>28843122</v>
      </c>
      <c r="NB40" s="129">
        <v>0</v>
      </c>
      <c r="NC40" s="109">
        <v>0</v>
      </c>
      <c r="ND40" s="110">
        <v>0</v>
      </c>
      <c r="NE40" s="132"/>
      <c r="NF40" s="109">
        <v>5393576</v>
      </c>
      <c r="NG40" s="109">
        <v>7682765</v>
      </c>
      <c r="NH40" s="109">
        <v>7992966</v>
      </c>
      <c r="NI40" s="109">
        <v>2082204</v>
      </c>
      <c r="NJ40" s="109">
        <v>4313188</v>
      </c>
      <c r="NK40" s="110">
        <v>27464699</v>
      </c>
      <c r="NL40" s="298">
        <v>27464699</v>
      </c>
      <c r="NM40" s="129">
        <v>0</v>
      </c>
      <c r="NN40" s="109">
        <v>0</v>
      </c>
      <c r="NO40" s="110">
        <v>0</v>
      </c>
      <c r="NP40" s="132"/>
      <c r="NQ40" s="109">
        <v>0</v>
      </c>
      <c r="NR40" s="109">
        <v>0</v>
      </c>
      <c r="NS40" s="109">
        <v>0</v>
      </c>
      <c r="NT40" s="109">
        <v>0</v>
      </c>
      <c r="NU40" s="109">
        <v>0</v>
      </c>
      <c r="NV40" s="110">
        <v>0</v>
      </c>
      <c r="NW40" s="111">
        <v>0</v>
      </c>
      <c r="NX40" s="129">
        <v>0</v>
      </c>
      <c r="NY40" s="109">
        <v>0</v>
      </c>
      <c r="NZ40" s="110">
        <v>0</v>
      </c>
      <c r="OA40" s="132"/>
      <c r="OB40" s="109">
        <v>692541</v>
      </c>
      <c r="OC40" s="109">
        <v>261054</v>
      </c>
      <c r="OD40" s="109">
        <v>1573389</v>
      </c>
      <c r="OE40" s="109">
        <v>2647186</v>
      </c>
      <c r="OF40" s="109">
        <v>1792458</v>
      </c>
      <c r="OG40" s="110">
        <v>6966628</v>
      </c>
      <c r="OH40" s="111">
        <v>6966628</v>
      </c>
      <c r="OI40" s="129">
        <v>2433267</v>
      </c>
      <c r="OJ40" s="109">
        <v>4916931</v>
      </c>
      <c r="OK40" s="128">
        <v>7350198</v>
      </c>
      <c r="OL40" s="108">
        <v>0</v>
      </c>
      <c r="OM40" s="109">
        <v>46797614</v>
      </c>
      <c r="ON40" s="109">
        <v>38040846</v>
      </c>
      <c r="OO40" s="109">
        <v>47877526</v>
      </c>
      <c r="OP40" s="109">
        <v>49064864</v>
      </c>
      <c r="OQ40" s="109">
        <v>31094959</v>
      </c>
      <c r="OR40" s="110">
        <v>212875809</v>
      </c>
      <c r="OS40" s="130">
        <v>220226007</v>
      </c>
    </row>
    <row r="41" spans="2:409" ht="21" customHeight="1" x14ac:dyDescent="0.2">
      <c r="B41" s="472" t="s">
        <v>36</v>
      </c>
      <c r="C41" s="100">
        <v>1365805</v>
      </c>
      <c r="D41" s="104">
        <v>3439338</v>
      </c>
      <c r="E41" s="103">
        <v>4805143</v>
      </c>
      <c r="F41" s="99">
        <v>0</v>
      </c>
      <c r="G41" s="104">
        <v>22735516</v>
      </c>
      <c r="H41" s="104">
        <v>29699346</v>
      </c>
      <c r="I41" s="104">
        <v>24800270</v>
      </c>
      <c r="J41" s="104">
        <v>20067179</v>
      </c>
      <c r="K41" s="104">
        <v>18017401</v>
      </c>
      <c r="L41" s="160">
        <v>115319712</v>
      </c>
      <c r="M41" s="106">
        <v>120124855</v>
      </c>
      <c r="N41" s="100">
        <v>388933</v>
      </c>
      <c r="O41" s="104">
        <v>1329550</v>
      </c>
      <c r="P41" s="103">
        <v>1718483</v>
      </c>
      <c r="Q41" s="100">
        <v>0</v>
      </c>
      <c r="R41" s="104">
        <v>5818713</v>
      </c>
      <c r="S41" s="104">
        <v>9072170</v>
      </c>
      <c r="T41" s="104">
        <v>8477325</v>
      </c>
      <c r="U41" s="104">
        <v>8571233</v>
      </c>
      <c r="V41" s="104">
        <v>11173258</v>
      </c>
      <c r="W41" s="103">
        <v>43112699</v>
      </c>
      <c r="X41" s="106">
        <v>44831182</v>
      </c>
      <c r="Y41" s="100">
        <v>0</v>
      </c>
      <c r="Z41" s="104">
        <v>0</v>
      </c>
      <c r="AA41" s="103">
        <v>0</v>
      </c>
      <c r="AB41" s="100">
        <v>0</v>
      </c>
      <c r="AC41" s="104">
        <v>2223791</v>
      </c>
      <c r="AD41" s="104">
        <v>4072711</v>
      </c>
      <c r="AE41" s="104">
        <v>4579239</v>
      </c>
      <c r="AF41" s="104">
        <v>5039186</v>
      </c>
      <c r="AG41" s="104">
        <v>6467709</v>
      </c>
      <c r="AH41" s="103">
        <v>22382636</v>
      </c>
      <c r="AI41" s="106">
        <v>22382636</v>
      </c>
      <c r="AJ41" s="100">
        <v>0</v>
      </c>
      <c r="AK41" s="104">
        <v>0</v>
      </c>
      <c r="AL41" s="103">
        <v>0</v>
      </c>
      <c r="AM41" s="100">
        <v>0</v>
      </c>
      <c r="AN41" s="104">
        <v>117243</v>
      </c>
      <c r="AO41" s="104">
        <v>385160</v>
      </c>
      <c r="AP41" s="104">
        <v>398388</v>
      </c>
      <c r="AQ41" s="104">
        <v>776246</v>
      </c>
      <c r="AR41" s="104">
        <v>698540</v>
      </c>
      <c r="AS41" s="103">
        <v>2375577</v>
      </c>
      <c r="AT41" s="106">
        <v>2375577</v>
      </c>
      <c r="AU41" s="100">
        <v>238995</v>
      </c>
      <c r="AV41" s="104">
        <v>858873</v>
      </c>
      <c r="AW41" s="103">
        <v>1097868</v>
      </c>
      <c r="AX41" s="100">
        <v>0</v>
      </c>
      <c r="AY41" s="104">
        <v>2219684</v>
      </c>
      <c r="AZ41" s="104">
        <v>2946757</v>
      </c>
      <c r="BA41" s="104">
        <v>2032482</v>
      </c>
      <c r="BB41" s="104">
        <v>1553181</v>
      </c>
      <c r="BC41" s="104">
        <v>2878172</v>
      </c>
      <c r="BD41" s="103">
        <v>11630276</v>
      </c>
      <c r="BE41" s="106">
        <v>12728144</v>
      </c>
      <c r="BF41" s="100">
        <v>99124</v>
      </c>
      <c r="BG41" s="104">
        <v>381388</v>
      </c>
      <c r="BH41" s="102">
        <v>480512</v>
      </c>
      <c r="BI41" s="101">
        <v>0</v>
      </c>
      <c r="BJ41" s="104">
        <v>607792</v>
      </c>
      <c r="BK41" s="104">
        <v>513877</v>
      </c>
      <c r="BL41" s="104">
        <v>187809</v>
      </c>
      <c r="BM41" s="104">
        <v>340931</v>
      </c>
      <c r="BN41" s="104">
        <v>221420</v>
      </c>
      <c r="BO41" s="103">
        <v>1871829</v>
      </c>
      <c r="BP41" s="106">
        <v>2352341</v>
      </c>
      <c r="BQ41" s="100">
        <v>50814</v>
      </c>
      <c r="BR41" s="104">
        <v>89289</v>
      </c>
      <c r="BS41" s="103">
        <v>140103</v>
      </c>
      <c r="BT41" s="100">
        <v>0</v>
      </c>
      <c r="BU41" s="104">
        <v>650203</v>
      </c>
      <c r="BV41" s="104">
        <v>1153665</v>
      </c>
      <c r="BW41" s="104">
        <v>1279407</v>
      </c>
      <c r="BX41" s="104">
        <v>861689</v>
      </c>
      <c r="BY41" s="104">
        <v>907417</v>
      </c>
      <c r="BZ41" s="103">
        <v>4852381</v>
      </c>
      <c r="CA41" s="106">
        <v>4992484</v>
      </c>
      <c r="CB41" s="100">
        <v>159316</v>
      </c>
      <c r="CC41" s="104">
        <v>295984</v>
      </c>
      <c r="CD41" s="103">
        <v>455300</v>
      </c>
      <c r="CE41" s="100">
        <v>0</v>
      </c>
      <c r="CF41" s="104">
        <v>6734107</v>
      </c>
      <c r="CG41" s="104">
        <v>11112182</v>
      </c>
      <c r="CH41" s="104">
        <v>5737065</v>
      </c>
      <c r="CI41" s="104">
        <v>3782434</v>
      </c>
      <c r="CJ41" s="104">
        <v>2381963</v>
      </c>
      <c r="CK41" s="103">
        <v>29747751</v>
      </c>
      <c r="CL41" s="106">
        <v>30203051</v>
      </c>
      <c r="CM41" s="100">
        <v>0</v>
      </c>
      <c r="CN41" s="104">
        <v>0</v>
      </c>
      <c r="CO41" s="103">
        <v>0</v>
      </c>
      <c r="CP41" s="101">
        <v>0</v>
      </c>
      <c r="CQ41" s="104">
        <v>5213904</v>
      </c>
      <c r="CR41" s="104">
        <v>8809749</v>
      </c>
      <c r="CS41" s="104">
        <v>4197224</v>
      </c>
      <c r="CT41" s="104">
        <v>3287118</v>
      </c>
      <c r="CU41" s="104">
        <v>2217655</v>
      </c>
      <c r="CV41" s="103">
        <v>23725650</v>
      </c>
      <c r="CW41" s="106">
        <v>23725650</v>
      </c>
      <c r="CX41" s="100">
        <v>159316</v>
      </c>
      <c r="CY41" s="104">
        <v>295984</v>
      </c>
      <c r="CZ41" s="103">
        <v>455300</v>
      </c>
      <c r="DA41" s="100">
        <v>0</v>
      </c>
      <c r="DB41" s="104">
        <v>1520203</v>
      </c>
      <c r="DC41" s="104">
        <v>2302433</v>
      </c>
      <c r="DD41" s="104">
        <v>1539841</v>
      </c>
      <c r="DE41" s="104">
        <v>495316</v>
      </c>
      <c r="DF41" s="104">
        <v>164308</v>
      </c>
      <c r="DG41" s="103">
        <v>6022101</v>
      </c>
      <c r="DH41" s="106">
        <v>6477401</v>
      </c>
      <c r="DI41" s="100">
        <v>0</v>
      </c>
      <c r="DJ41" s="104">
        <v>0</v>
      </c>
      <c r="DK41" s="102">
        <v>0</v>
      </c>
      <c r="DL41" s="101">
        <v>0</v>
      </c>
      <c r="DM41" s="104">
        <v>1348329</v>
      </c>
      <c r="DN41" s="104">
        <v>1540956</v>
      </c>
      <c r="DO41" s="104">
        <v>2818602</v>
      </c>
      <c r="DP41" s="104">
        <v>2391216</v>
      </c>
      <c r="DQ41" s="104">
        <v>1315949</v>
      </c>
      <c r="DR41" s="103">
        <v>9415052</v>
      </c>
      <c r="DS41" s="106">
        <v>9415052</v>
      </c>
      <c r="DT41" s="100">
        <v>0</v>
      </c>
      <c r="DU41" s="104">
        <v>0</v>
      </c>
      <c r="DV41" s="103">
        <v>0</v>
      </c>
      <c r="DW41" s="100">
        <v>0</v>
      </c>
      <c r="DX41" s="104">
        <v>1303082</v>
      </c>
      <c r="DY41" s="104">
        <v>1366598</v>
      </c>
      <c r="DZ41" s="104">
        <v>2818602</v>
      </c>
      <c r="EA41" s="104">
        <v>2339423</v>
      </c>
      <c r="EB41" s="104">
        <v>1315949</v>
      </c>
      <c r="EC41" s="103">
        <v>9143654</v>
      </c>
      <c r="ED41" s="106">
        <v>9143654</v>
      </c>
      <c r="EE41" s="100">
        <v>0</v>
      </c>
      <c r="EF41" s="102">
        <v>0</v>
      </c>
      <c r="EG41" s="103">
        <v>0</v>
      </c>
      <c r="EH41" s="100">
        <v>0</v>
      </c>
      <c r="EI41" s="104">
        <v>45247</v>
      </c>
      <c r="EJ41" s="104">
        <v>174358</v>
      </c>
      <c r="EK41" s="104">
        <v>0</v>
      </c>
      <c r="EL41" s="104">
        <v>51793</v>
      </c>
      <c r="EM41" s="104">
        <v>0</v>
      </c>
      <c r="EN41" s="102">
        <v>271398</v>
      </c>
      <c r="EO41" s="106">
        <v>271398</v>
      </c>
      <c r="EP41" s="100">
        <v>0</v>
      </c>
      <c r="EQ41" s="104">
        <v>0</v>
      </c>
      <c r="ER41" s="102">
        <v>0</v>
      </c>
      <c r="ES41" s="101">
        <v>0</v>
      </c>
      <c r="ET41" s="104">
        <v>0</v>
      </c>
      <c r="EU41" s="104">
        <v>0</v>
      </c>
      <c r="EV41" s="104">
        <v>0</v>
      </c>
      <c r="EW41" s="104">
        <v>0</v>
      </c>
      <c r="EX41" s="104">
        <v>0</v>
      </c>
      <c r="EY41" s="103">
        <v>0</v>
      </c>
      <c r="EZ41" s="106">
        <v>0</v>
      </c>
      <c r="FA41" s="100">
        <v>0</v>
      </c>
      <c r="FB41" s="104">
        <v>0</v>
      </c>
      <c r="FC41" s="102">
        <v>0</v>
      </c>
      <c r="FD41" s="324"/>
      <c r="FE41" s="104">
        <v>0</v>
      </c>
      <c r="FF41" s="104">
        <v>0</v>
      </c>
      <c r="FG41" s="104">
        <v>0</v>
      </c>
      <c r="FH41" s="104">
        <v>0</v>
      </c>
      <c r="FI41" s="104">
        <v>0</v>
      </c>
      <c r="FJ41" s="103">
        <v>0</v>
      </c>
      <c r="FK41" s="106">
        <v>0</v>
      </c>
      <c r="FL41" s="100">
        <v>388630</v>
      </c>
      <c r="FM41" s="104">
        <v>1036172</v>
      </c>
      <c r="FN41" s="103">
        <v>1424802</v>
      </c>
      <c r="FO41" s="100">
        <v>0</v>
      </c>
      <c r="FP41" s="104">
        <v>2333204</v>
      </c>
      <c r="FQ41" s="104">
        <v>2971343</v>
      </c>
      <c r="FR41" s="104">
        <v>2071583</v>
      </c>
      <c r="FS41" s="104">
        <v>1851271</v>
      </c>
      <c r="FT41" s="104">
        <v>1206161</v>
      </c>
      <c r="FU41" s="103">
        <v>10433562</v>
      </c>
      <c r="FV41" s="106">
        <v>11858364</v>
      </c>
      <c r="FW41" s="105">
        <v>243694</v>
      </c>
      <c r="FX41" s="104">
        <v>854176</v>
      </c>
      <c r="FY41" s="102">
        <v>1097870</v>
      </c>
      <c r="FZ41" s="101">
        <v>0</v>
      </c>
      <c r="GA41" s="104">
        <v>1612426</v>
      </c>
      <c r="GB41" s="104">
        <v>2530993</v>
      </c>
      <c r="GC41" s="104">
        <v>1830833</v>
      </c>
      <c r="GD41" s="104">
        <v>1787899</v>
      </c>
      <c r="GE41" s="104">
        <v>1182401</v>
      </c>
      <c r="GF41" s="103">
        <v>8944552</v>
      </c>
      <c r="GG41" s="296">
        <v>10042422</v>
      </c>
      <c r="GH41" s="105">
        <v>0</v>
      </c>
      <c r="GI41" s="104">
        <v>47700</v>
      </c>
      <c r="GJ41" s="102">
        <v>47700</v>
      </c>
      <c r="GK41" s="101">
        <v>0</v>
      </c>
      <c r="GL41" s="104">
        <v>139738</v>
      </c>
      <c r="GM41" s="104">
        <v>95760</v>
      </c>
      <c r="GN41" s="104">
        <v>0</v>
      </c>
      <c r="GO41" s="104">
        <v>63372</v>
      </c>
      <c r="GP41" s="104">
        <v>23760</v>
      </c>
      <c r="GQ41" s="103">
        <v>322630</v>
      </c>
      <c r="GR41" s="106">
        <v>370330</v>
      </c>
      <c r="GS41" s="100">
        <v>144936</v>
      </c>
      <c r="GT41" s="104">
        <v>134296</v>
      </c>
      <c r="GU41" s="103">
        <v>279232</v>
      </c>
      <c r="GV41" s="100">
        <v>0</v>
      </c>
      <c r="GW41" s="104">
        <v>581040</v>
      </c>
      <c r="GX41" s="104">
        <v>344590</v>
      </c>
      <c r="GY41" s="104">
        <v>240750</v>
      </c>
      <c r="GZ41" s="104">
        <v>0</v>
      </c>
      <c r="HA41" s="104">
        <v>0</v>
      </c>
      <c r="HB41" s="102">
        <v>1166380</v>
      </c>
      <c r="HC41" s="106">
        <v>1445612</v>
      </c>
      <c r="HD41" s="100">
        <v>194307</v>
      </c>
      <c r="HE41" s="104">
        <v>104066</v>
      </c>
      <c r="HF41" s="102">
        <v>298373</v>
      </c>
      <c r="HG41" s="101">
        <v>0</v>
      </c>
      <c r="HH41" s="104">
        <v>2619935</v>
      </c>
      <c r="HI41" s="104">
        <v>1860495</v>
      </c>
      <c r="HJ41" s="104">
        <v>3375923</v>
      </c>
      <c r="HK41" s="104">
        <v>1904574</v>
      </c>
      <c r="HL41" s="104">
        <v>790835</v>
      </c>
      <c r="HM41" s="103">
        <v>10551762</v>
      </c>
      <c r="HN41" s="99">
        <v>10850135</v>
      </c>
      <c r="HO41" s="105">
        <v>234619</v>
      </c>
      <c r="HP41" s="104">
        <v>673566</v>
      </c>
      <c r="HQ41" s="103">
        <v>908185</v>
      </c>
      <c r="HR41" s="100">
        <v>0</v>
      </c>
      <c r="HS41" s="104">
        <v>3881228</v>
      </c>
      <c r="HT41" s="104">
        <v>3142200</v>
      </c>
      <c r="HU41" s="104">
        <v>2319772</v>
      </c>
      <c r="HV41" s="104">
        <v>1566451</v>
      </c>
      <c r="HW41" s="104">
        <v>1149235</v>
      </c>
      <c r="HX41" s="102">
        <v>12058886</v>
      </c>
      <c r="HY41" s="106">
        <v>12967071</v>
      </c>
      <c r="HZ41" s="118">
        <v>0</v>
      </c>
      <c r="IA41" s="119">
        <v>261146</v>
      </c>
      <c r="IB41" s="120">
        <v>261146</v>
      </c>
      <c r="IC41" s="133">
        <v>0</v>
      </c>
      <c r="ID41" s="119">
        <v>5800693</v>
      </c>
      <c r="IE41" s="134">
        <v>9298419</v>
      </c>
      <c r="IF41" s="120">
        <v>9514368</v>
      </c>
      <c r="IG41" s="119">
        <v>5441258</v>
      </c>
      <c r="IH41" s="120">
        <v>4733416</v>
      </c>
      <c r="II41" s="135">
        <v>34788154</v>
      </c>
      <c r="IJ41" s="126">
        <v>35049300</v>
      </c>
      <c r="IK41" s="219">
        <v>0</v>
      </c>
      <c r="IL41" s="223">
        <v>0</v>
      </c>
      <c r="IM41" s="224">
        <v>0</v>
      </c>
      <c r="IN41" s="324"/>
      <c r="IO41" s="109">
        <v>0</v>
      </c>
      <c r="IP41" s="109">
        <v>108954</v>
      </c>
      <c r="IQ41" s="109">
        <v>0</v>
      </c>
      <c r="IR41" s="109">
        <v>0</v>
      </c>
      <c r="IS41" s="109">
        <v>0</v>
      </c>
      <c r="IT41" s="128">
        <v>108954</v>
      </c>
      <c r="IU41" s="298">
        <v>108954</v>
      </c>
      <c r="IV41" s="129">
        <v>0</v>
      </c>
      <c r="IW41" s="109">
        <v>0</v>
      </c>
      <c r="IX41" s="110">
        <v>0</v>
      </c>
      <c r="IY41" s="324"/>
      <c r="IZ41" s="109">
        <v>0</v>
      </c>
      <c r="JA41" s="109">
        <v>0</v>
      </c>
      <c r="JB41" s="109">
        <v>0</v>
      </c>
      <c r="JC41" s="109">
        <v>0</v>
      </c>
      <c r="JD41" s="109">
        <v>0</v>
      </c>
      <c r="JE41" s="110">
        <v>0</v>
      </c>
      <c r="JF41" s="111">
        <v>0</v>
      </c>
      <c r="JG41" s="129">
        <v>0</v>
      </c>
      <c r="JH41" s="109">
        <v>0</v>
      </c>
      <c r="JI41" s="128">
        <v>0</v>
      </c>
      <c r="JJ41" s="108">
        <v>0</v>
      </c>
      <c r="JK41" s="109">
        <v>3095740</v>
      </c>
      <c r="JL41" s="109">
        <v>2695897</v>
      </c>
      <c r="JM41" s="109">
        <v>3957441</v>
      </c>
      <c r="JN41" s="109">
        <v>1359373</v>
      </c>
      <c r="JO41" s="109">
        <v>2710483</v>
      </c>
      <c r="JP41" s="110">
        <v>13818934</v>
      </c>
      <c r="JQ41" s="298">
        <v>13818934</v>
      </c>
      <c r="JR41" s="129">
        <v>0</v>
      </c>
      <c r="JS41" s="109">
        <v>0</v>
      </c>
      <c r="JT41" s="128">
        <v>0</v>
      </c>
      <c r="JU41" s="108">
        <v>0</v>
      </c>
      <c r="JV41" s="109">
        <v>0</v>
      </c>
      <c r="JW41" s="109">
        <v>0</v>
      </c>
      <c r="JX41" s="109">
        <v>0</v>
      </c>
      <c r="JY41" s="109">
        <v>0</v>
      </c>
      <c r="JZ41" s="109">
        <v>0</v>
      </c>
      <c r="KA41" s="110">
        <v>0</v>
      </c>
      <c r="KB41" s="298">
        <v>0</v>
      </c>
      <c r="KC41" s="221">
        <v>0</v>
      </c>
      <c r="KD41" s="217">
        <v>261146</v>
      </c>
      <c r="KE41" s="110">
        <v>261146</v>
      </c>
      <c r="KF41" s="108">
        <v>0</v>
      </c>
      <c r="KG41" s="109">
        <v>1103985</v>
      </c>
      <c r="KH41" s="109">
        <v>2492218</v>
      </c>
      <c r="KI41" s="109">
        <v>2580050</v>
      </c>
      <c r="KJ41" s="109">
        <v>1125137</v>
      </c>
      <c r="KK41" s="109">
        <v>301941</v>
      </c>
      <c r="KL41" s="110">
        <v>7603331</v>
      </c>
      <c r="KM41" s="130">
        <v>7864477</v>
      </c>
      <c r="KN41" s="219">
        <v>0</v>
      </c>
      <c r="KO41" s="223">
        <v>0</v>
      </c>
      <c r="KP41" s="224">
        <v>0</v>
      </c>
      <c r="KQ41" s="127"/>
      <c r="KR41" s="109">
        <v>1600968</v>
      </c>
      <c r="KS41" s="109">
        <v>4001350</v>
      </c>
      <c r="KT41" s="109">
        <v>2976877</v>
      </c>
      <c r="KU41" s="109">
        <v>2644445</v>
      </c>
      <c r="KV41" s="109">
        <v>1720992</v>
      </c>
      <c r="KW41" s="110">
        <v>12944632</v>
      </c>
      <c r="KX41" s="298">
        <v>12944632</v>
      </c>
      <c r="KY41" s="129">
        <v>0</v>
      </c>
      <c r="KZ41" s="109">
        <v>0</v>
      </c>
      <c r="LA41" s="110">
        <v>0</v>
      </c>
      <c r="LB41" s="132"/>
      <c r="LC41" s="109">
        <v>0</v>
      </c>
      <c r="LD41" s="109">
        <v>0</v>
      </c>
      <c r="LE41" s="109">
        <v>0</v>
      </c>
      <c r="LF41" s="109">
        <v>0</v>
      </c>
      <c r="LG41" s="109">
        <v>0</v>
      </c>
      <c r="LH41" s="110">
        <v>0</v>
      </c>
      <c r="LI41" s="111">
        <v>0</v>
      </c>
      <c r="LJ41" s="129">
        <v>0</v>
      </c>
      <c r="LK41" s="109">
        <v>0</v>
      </c>
      <c r="LL41" s="110">
        <v>0</v>
      </c>
      <c r="LM41" s="132"/>
      <c r="LN41" s="109">
        <v>0</v>
      </c>
      <c r="LO41" s="109">
        <v>0</v>
      </c>
      <c r="LP41" s="109">
        <v>0</v>
      </c>
      <c r="LQ41" s="109">
        <v>0</v>
      </c>
      <c r="LR41" s="109">
        <v>0</v>
      </c>
      <c r="LS41" s="110">
        <v>0</v>
      </c>
      <c r="LT41" s="298">
        <v>0</v>
      </c>
      <c r="LU41" s="129">
        <v>0</v>
      </c>
      <c r="LV41" s="109">
        <v>0</v>
      </c>
      <c r="LW41" s="110">
        <v>0</v>
      </c>
      <c r="LX41" s="132"/>
      <c r="LY41" s="109">
        <v>0</v>
      </c>
      <c r="LZ41" s="109">
        <v>0</v>
      </c>
      <c r="MA41" s="109">
        <v>0</v>
      </c>
      <c r="MB41" s="109">
        <v>312303</v>
      </c>
      <c r="MC41" s="109">
        <v>0</v>
      </c>
      <c r="MD41" s="110">
        <v>312303</v>
      </c>
      <c r="ME41" s="111">
        <v>312303</v>
      </c>
      <c r="MF41" s="129">
        <v>0</v>
      </c>
      <c r="MG41" s="109">
        <v>0</v>
      </c>
      <c r="MH41" s="110">
        <v>0</v>
      </c>
      <c r="MI41" s="132"/>
      <c r="MJ41" s="109">
        <v>3645923</v>
      </c>
      <c r="MK41" s="109">
        <v>5727641</v>
      </c>
      <c r="ML41" s="109">
        <v>26181640</v>
      </c>
      <c r="MM41" s="109">
        <v>42320819</v>
      </c>
      <c r="MN41" s="109">
        <v>30127258</v>
      </c>
      <c r="MO41" s="110">
        <v>108003281</v>
      </c>
      <c r="MP41" s="130">
        <v>108003281</v>
      </c>
      <c r="MQ41" s="129">
        <v>0</v>
      </c>
      <c r="MR41" s="109">
        <v>0</v>
      </c>
      <c r="MS41" s="110">
        <v>0</v>
      </c>
      <c r="MT41" s="132"/>
      <c r="MU41" s="109">
        <v>0</v>
      </c>
      <c r="MV41" s="109">
        <v>458621</v>
      </c>
      <c r="MW41" s="109">
        <v>15825782</v>
      </c>
      <c r="MX41" s="109">
        <v>22624028</v>
      </c>
      <c r="MY41" s="109">
        <v>22749001</v>
      </c>
      <c r="MZ41" s="110">
        <v>61657432</v>
      </c>
      <c r="NA41" s="130">
        <v>61657432</v>
      </c>
      <c r="NB41" s="129">
        <v>0</v>
      </c>
      <c r="NC41" s="109">
        <v>0</v>
      </c>
      <c r="ND41" s="110">
        <v>0</v>
      </c>
      <c r="NE41" s="132"/>
      <c r="NF41" s="109">
        <v>3645923</v>
      </c>
      <c r="NG41" s="109">
        <v>5269020</v>
      </c>
      <c r="NH41" s="109">
        <v>10355858</v>
      </c>
      <c r="NI41" s="109">
        <v>16972984</v>
      </c>
      <c r="NJ41" s="109">
        <v>6629453</v>
      </c>
      <c r="NK41" s="110">
        <v>42873238</v>
      </c>
      <c r="NL41" s="298">
        <v>42873238</v>
      </c>
      <c r="NM41" s="129">
        <v>0</v>
      </c>
      <c r="NN41" s="109">
        <v>0</v>
      </c>
      <c r="NO41" s="110">
        <v>0</v>
      </c>
      <c r="NP41" s="132"/>
      <c r="NQ41" s="109">
        <v>0</v>
      </c>
      <c r="NR41" s="109">
        <v>0</v>
      </c>
      <c r="NS41" s="109">
        <v>0</v>
      </c>
      <c r="NT41" s="109">
        <v>425746</v>
      </c>
      <c r="NU41" s="109">
        <v>350051</v>
      </c>
      <c r="NV41" s="110">
        <v>775797</v>
      </c>
      <c r="NW41" s="111">
        <v>775797</v>
      </c>
      <c r="NX41" s="129">
        <v>0</v>
      </c>
      <c r="NY41" s="109">
        <v>0</v>
      </c>
      <c r="NZ41" s="110">
        <v>0</v>
      </c>
      <c r="OA41" s="132"/>
      <c r="OB41" s="109">
        <v>0</v>
      </c>
      <c r="OC41" s="109">
        <v>0</v>
      </c>
      <c r="OD41" s="109">
        <v>0</v>
      </c>
      <c r="OE41" s="109">
        <v>2298061</v>
      </c>
      <c r="OF41" s="109">
        <v>398753</v>
      </c>
      <c r="OG41" s="110">
        <v>2696814</v>
      </c>
      <c r="OH41" s="111">
        <v>2696814</v>
      </c>
      <c r="OI41" s="129">
        <v>1365805</v>
      </c>
      <c r="OJ41" s="109">
        <v>3700484</v>
      </c>
      <c r="OK41" s="128">
        <v>5066289</v>
      </c>
      <c r="OL41" s="108">
        <v>0</v>
      </c>
      <c r="OM41" s="109">
        <v>32182132</v>
      </c>
      <c r="ON41" s="109">
        <v>44725406</v>
      </c>
      <c r="OO41" s="109">
        <v>60496278</v>
      </c>
      <c r="OP41" s="109">
        <v>67829256</v>
      </c>
      <c r="OQ41" s="109">
        <v>52878075</v>
      </c>
      <c r="OR41" s="110">
        <v>258111147</v>
      </c>
      <c r="OS41" s="130">
        <v>263177436</v>
      </c>
    </row>
    <row r="42" spans="2:409" ht="21" customHeight="1" thickBot="1" x14ac:dyDescent="0.25">
      <c r="B42" s="473" t="s">
        <v>37</v>
      </c>
      <c r="C42" s="107">
        <v>390218</v>
      </c>
      <c r="D42" s="165">
        <v>34538</v>
      </c>
      <c r="E42" s="166">
        <v>424756</v>
      </c>
      <c r="F42" s="167">
        <v>0</v>
      </c>
      <c r="G42" s="165">
        <v>1594736</v>
      </c>
      <c r="H42" s="165">
        <v>1871557</v>
      </c>
      <c r="I42" s="165">
        <v>1916183</v>
      </c>
      <c r="J42" s="165">
        <v>2259901</v>
      </c>
      <c r="K42" s="165">
        <v>943076</v>
      </c>
      <c r="L42" s="167">
        <v>8585453</v>
      </c>
      <c r="M42" s="168">
        <v>9010209</v>
      </c>
      <c r="N42" s="107">
        <v>111153</v>
      </c>
      <c r="O42" s="165">
        <v>8780</v>
      </c>
      <c r="P42" s="166">
        <v>119933</v>
      </c>
      <c r="Q42" s="107">
        <v>0</v>
      </c>
      <c r="R42" s="165">
        <v>287312</v>
      </c>
      <c r="S42" s="165">
        <v>400956</v>
      </c>
      <c r="T42" s="165">
        <v>292852</v>
      </c>
      <c r="U42" s="165">
        <v>627935</v>
      </c>
      <c r="V42" s="165">
        <v>500265</v>
      </c>
      <c r="W42" s="166">
        <v>2109320</v>
      </c>
      <c r="X42" s="168">
        <v>2229253</v>
      </c>
      <c r="Y42" s="107">
        <v>0</v>
      </c>
      <c r="Z42" s="165">
        <v>0</v>
      </c>
      <c r="AA42" s="166">
        <v>0</v>
      </c>
      <c r="AB42" s="107">
        <v>0</v>
      </c>
      <c r="AC42" s="165">
        <v>141070</v>
      </c>
      <c r="AD42" s="165">
        <v>242675</v>
      </c>
      <c r="AE42" s="165">
        <v>150659</v>
      </c>
      <c r="AF42" s="165">
        <v>239614</v>
      </c>
      <c r="AG42" s="165">
        <v>182279</v>
      </c>
      <c r="AH42" s="166">
        <v>956297</v>
      </c>
      <c r="AI42" s="168">
        <v>956297</v>
      </c>
      <c r="AJ42" s="107">
        <v>0</v>
      </c>
      <c r="AK42" s="165">
        <v>0</v>
      </c>
      <c r="AL42" s="166">
        <v>0</v>
      </c>
      <c r="AM42" s="107">
        <v>0</v>
      </c>
      <c r="AN42" s="165">
        <v>0</v>
      </c>
      <c r="AO42" s="165">
        <v>0</v>
      </c>
      <c r="AP42" s="165">
        <v>0</v>
      </c>
      <c r="AQ42" s="165">
        <v>0</v>
      </c>
      <c r="AR42" s="165">
        <v>0</v>
      </c>
      <c r="AS42" s="166">
        <v>0</v>
      </c>
      <c r="AT42" s="168">
        <v>0</v>
      </c>
      <c r="AU42" s="107">
        <v>74703</v>
      </c>
      <c r="AV42" s="165">
        <v>8780</v>
      </c>
      <c r="AW42" s="166">
        <v>83483</v>
      </c>
      <c r="AX42" s="107">
        <v>0</v>
      </c>
      <c r="AY42" s="165">
        <v>126649</v>
      </c>
      <c r="AZ42" s="165">
        <v>147283</v>
      </c>
      <c r="BA42" s="165">
        <v>60563</v>
      </c>
      <c r="BB42" s="165">
        <v>180818</v>
      </c>
      <c r="BC42" s="165">
        <v>239859</v>
      </c>
      <c r="BD42" s="166">
        <v>755172</v>
      </c>
      <c r="BE42" s="168">
        <v>838655</v>
      </c>
      <c r="BF42" s="107">
        <v>0</v>
      </c>
      <c r="BG42" s="165">
        <v>0</v>
      </c>
      <c r="BH42" s="170">
        <v>0</v>
      </c>
      <c r="BI42" s="169">
        <v>0</v>
      </c>
      <c r="BJ42" s="165">
        <v>0</v>
      </c>
      <c r="BK42" s="165">
        <v>5634</v>
      </c>
      <c r="BL42" s="165">
        <v>0</v>
      </c>
      <c r="BM42" s="165">
        <v>68145</v>
      </c>
      <c r="BN42" s="165">
        <v>0</v>
      </c>
      <c r="BO42" s="166">
        <v>73779</v>
      </c>
      <c r="BP42" s="168">
        <v>73779</v>
      </c>
      <c r="BQ42" s="107">
        <v>36450</v>
      </c>
      <c r="BR42" s="165">
        <v>0</v>
      </c>
      <c r="BS42" s="166">
        <v>36450</v>
      </c>
      <c r="BT42" s="107">
        <v>0</v>
      </c>
      <c r="BU42" s="165">
        <v>19593</v>
      </c>
      <c r="BV42" s="165">
        <v>5364</v>
      </c>
      <c r="BW42" s="165">
        <v>81630</v>
      </c>
      <c r="BX42" s="165">
        <v>139358</v>
      </c>
      <c r="BY42" s="165">
        <v>78127</v>
      </c>
      <c r="BZ42" s="166">
        <v>324072</v>
      </c>
      <c r="CA42" s="168">
        <v>360522</v>
      </c>
      <c r="CB42" s="107">
        <v>69410</v>
      </c>
      <c r="CC42" s="165">
        <v>0</v>
      </c>
      <c r="CD42" s="166">
        <v>69410</v>
      </c>
      <c r="CE42" s="107">
        <v>0</v>
      </c>
      <c r="CF42" s="165">
        <v>815307</v>
      </c>
      <c r="CG42" s="165">
        <v>757331</v>
      </c>
      <c r="CH42" s="165">
        <v>904979</v>
      </c>
      <c r="CI42" s="165">
        <v>698940</v>
      </c>
      <c r="CJ42" s="165">
        <v>157711</v>
      </c>
      <c r="CK42" s="166">
        <v>3334268</v>
      </c>
      <c r="CL42" s="168">
        <v>3403678</v>
      </c>
      <c r="CM42" s="107">
        <v>0</v>
      </c>
      <c r="CN42" s="165">
        <v>0</v>
      </c>
      <c r="CO42" s="166">
        <v>0</v>
      </c>
      <c r="CP42" s="169">
        <v>0</v>
      </c>
      <c r="CQ42" s="165">
        <v>510492</v>
      </c>
      <c r="CR42" s="165">
        <v>450788</v>
      </c>
      <c r="CS42" s="165">
        <v>904979</v>
      </c>
      <c r="CT42" s="165">
        <v>398889</v>
      </c>
      <c r="CU42" s="165">
        <v>94679</v>
      </c>
      <c r="CV42" s="166">
        <v>2359827</v>
      </c>
      <c r="CW42" s="168">
        <v>2359827</v>
      </c>
      <c r="CX42" s="107">
        <v>69410</v>
      </c>
      <c r="CY42" s="165">
        <v>0</v>
      </c>
      <c r="CZ42" s="166">
        <v>69410</v>
      </c>
      <c r="DA42" s="107">
        <v>0</v>
      </c>
      <c r="DB42" s="165">
        <v>304815</v>
      </c>
      <c r="DC42" s="165">
        <v>306543</v>
      </c>
      <c r="DD42" s="165">
        <v>0</v>
      </c>
      <c r="DE42" s="165">
        <v>300051</v>
      </c>
      <c r="DF42" s="165">
        <v>63032</v>
      </c>
      <c r="DG42" s="166">
        <v>974441</v>
      </c>
      <c r="DH42" s="168">
        <v>1043851</v>
      </c>
      <c r="DI42" s="107">
        <v>0</v>
      </c>
      <c r="DJ42" s="165">
        <v>0</v>
      </c>
      <c r="DK42" s="170">
        <v>0</v>
      </c>
      <c r="DL42" s="169">
        <v>0</v>
      </c>
      <c r="DM42" s="165">
        <v>0</v>
      </c>
      <c r="DN42" s="165">
        <v>45119</v>
      </c>
      <c r="DO42" s="165">
        <v>339757</v>
      </c>
      <c r="DP42" s="165">
        <v>163324</v>
      </c>
      <c r="DQ42" s="165">
        <v>55002</v>
      </c>
      <c r="DR42" s="166">
        <v>603202</v>
      </c>
      <c r="DS42" s="168">
        <v>603202</v>
      </c>
      <c r="DT42" s="107">
        <v>0</v>
      </c>
      <c r="DU42" s="165">
        <v>0</v>
      </c>
      <c r="DV42" s="166">
        <v>0</v>
      </c>
      <c r="DW42" s="107">
        <v>0</v>
      </c>
      <c r="DX42" s="165">
        <v>0</v>
      </c>
      <c r="DY42" s="165">
        <v>45119</v>
      </c>
      <c r="DZ42" s="165">
        <v>339757</v>
      </c>
      <c r="EA42" s="165">
        <v>123503</v>
      </c>
      <c r="EB42" s="165">
        <v>0</v>
      </c>
      <c r="EC42" s="166">
        <v>508379</v>
      </c>
      <c r="ED42" s="168">
        <v>508379</v>
      </c>
      <c r="EE42" s="107">
        <v>0</v>
      </c>
      <c r="EF42" s="170">
        <v>0</v>
      </c>
      <c r="EG42" s="166">
        <v>0</v>
      </c>
      <c r="EH42" s="107">
        <v>0</v>
      </c>
      <c r="EI42" s="165">
        <v>0</v>
      </c>
      <c r="EJ42" s="165">
        <v>0</v>
      </c>
      <c r="EK42" s="165">
        <v>0</v>
      </c>
      <c r="EL42" s="165">
        <v>39821</v>
      </c>
      <c r="EM42" s="165">
        <v>55002</v>
      </c>
      <c r="EN42" s="170">
        <v>94823</v>
      </c>
      <c r="EO42" s="168">
        <v>94823</v>
      </c>
      <c r="EP42" s="107">
        <v>0</v>
      </c>
      <c r="EQ42" s="165">
        <v>0</v>
      </c>
      <c r="ER42" s="170">
        <v>0</v>
      </c>
      <c r="ES42" s="169">
        <v>0</v>
      </c>
      <c r="ET42" s="165">
        <v>0</v>
      </c>
      <c r="EU42" s="165">
        <v>0</v>
      </c>
      <c r="EV42" s="165">
        <v>0</v>
      </c>
      <c r="EW42" s="165">
        <v>0</v>
      </c>
      <c r="EX42" s="165">
        <v>0</v>
      </c>
      <c r="EY42" s="166">
        <v>0</v>
      </c>
      <c r="EZ42" s="168">
        <v>0</v>
      </c>
      <c r="FA42" s="107">
        <v>0</v>
      </c>
      <c r="FB42" s="165">
        <v>0</v>
      </c>
      <c r="FC42" s="170">
        <v>0</v>
      </c>
      <c r="FD42" s="325"/>
      <c r="FE42" s="165">
        <v>0</v>
      </c>
      <c r="FF42" s="165">
        <v>0</v>
      </c>
      <c r="FG42" s="165">
        <v>0</v>
      </c>
      <c r="FH42" s="165">
        <v>0</v>
      </c>
      <c r="FI42" s="165">
        <v>0</v>
      </c>
      <c r="FJ42" s="166">
        <v>0</v>
      </c>
      <c r="FK42" s="168">
        <v>0</v>
      </c>
      <c r="FL42" s="107">
        <v>113832</v>
      </c>
      <c r="FM42" s="165">
        <v>16632</v>
      </c>
      <c r="FN42" s="166">
        <v>130464</v>
      </c>
      <c r="FO42" s="107">
        <v>0</v>
      </c>
      <c r="FP42" s="165">
        <v>165135</v>
      </c>
      <c r="FQ42" s="165">
        <v>359145</v>
      </c>
      <c r="FR42" s="165">
        <v>131274</v>
      </c>
      <c r="FS42" s="165">
        <v>222721</v>
      </c>
      <c r="FT42" s="165">
        <v>103255</v>
      </c>
      <c r="FU42" s="166">
        <v>981530</v>
      </c>
      <c r="FV42" s="168">
        <v>1111994</v>
      </c>
      <c r="FW42" s="171">
        <v>113832</v>
      </c>
      <c r="FX42" s="165">
        <v>16632</v>
      </c>
      <c r="FY42" s="170">
        <v>130464</v>
      </c>
      <c r="FZ42" s="169">
        <v>0</v>
      </c>
      <c r="GA42" s="165">
        <v>132735</v>
      </c>
      <c r="GB42" s="165">
        <v>359145</v>
      </c>
      <c r="GC42" s="165">
        <v>131274</v>
      </c>
      <c r="GD42" s="165">
        <v>222721</v>
      </c>
      <c r="GE42" s="165">
        <v>103255</v>
      </c>
      <c r="GF42" s="166">
        <v>949130</v>
      </c>
      <c r="GG42" s="297">
        <v>1079594</v>
      </c>
      <c r="GH42" s="171">
        <v>0</v>
      </c>
      <c r="GI42" s="165">
        <v>0</v>
      </c>
      <c r="GJ42" s="170">
        <v>0</v>
      </c>
      <c r="GK42" s="169">
        <v>0</v>
      </c>
      <c r="GL42" s="165">
        <v>0</v>
      </c>
      <c r="GM42" s="165">
        <v>0</v>
      </c>
      <c r="GN42" s="165">
        <v>0</v>
      </c>
      <c r="GO42" s="165">
        <v>0</v>
      </c>
      <c r="GP42" s="165">
        <v>0</v>
      </c>
      <c r="GQ42" s="166">
        <v>0</v>
      </c>
      <c r="GR42" s="168">
        <v>0</v>
      </c>
      <c r="GS42" s="107">
        <v>0</v>
      </c>
      <c r="GT42" s="165">
        <v>0</v>
      </c>
      <c r="GU42" s="166">
        <v>0</v>
      </c>
      <c r="GV42" s="107">
        <v>0</v>
      </c>
      <c r="GW42" s="165">
        <v>32400</v>
      </c>
      <c r="GX42" s="165">
        <v>0</v>
      </c>
      <c r="GY42" s="165">
        <v>0</v>
      </c>
      <c r="GZ42" s="165">
        <v>0</v>
      </c>
      <c r="HA42" s="165">
        <v>0</v>
      </c>
      <c r="HB42" s="170">
        <v>32400</v>
      </c>
      <c r="HC42" s="168">
        <v>32400</v>
      </c>
      <c r="HD42" s="107">
        <v>0</v>
      </c>
      <c r="HE42" s="165">
        <v>0</v>
      </c>
      <c r="HF42" s="170">
        <v>0</v>
      </c>
      <c r="HG42" s="169">
        <v>0</v>
      </c>
      <c r="HH42" s="165">
        <v>0</v>
      </c>
      <c r="HI42" s="165">
        <v>0</v>
      </c>
      <c r="HJ42" s="165">
        <v>0</v>
      </c>
      <c r="HK42" s="165">
        <v>357976</v>
      </c>
      <c r="HL42" s="165">
        <v>0</v>
      </c>
      <c r="HM42" s="166">
        <v>357976</v>
      </c>
      <c r="HN42" s="167">
        <v>357976</v>
      </c>
      <c r="HO42" s="171">
        <v>95823</v>
      </c>
      <c r="HP42" s="165">
        <v>9126</v>
      </c>
      <c r="HQ42" s="166">
        <v>104949</v>
      </c>
      <c r="HR42" s="107">
        <v>0</v>
      </c>
      <c r="HS42" s="165">
        <v>326982</v>
      </c>
      <c r="HT42" s="165">
        <v>309006</v>
      </c>
      <c r="HU42" s="165">
        <v>247321</v>
      </c>
      <c r="HV42" s="165">
        <v>189005</v>
      </c>
      <c r="HW42" s="165">
        <v>126843</v>
      </c>
      <c r="HX42" s="170">
        <v>1199157</v>
      </c>
      <c r="HY42" s="168">
        <v>1304106</v>
      </c>
      <c r="HZ42" s="138">
        <v>0</v>
      </c>
      <c r="IA42" s="139">
        <v>0</v>
      </c>
      <c r="IB42" s="140">
        <v>0</v>
      </c>
      <c r="IC42" s="141">
        <v>0</v>
      </c>
      <c r="ID42" s="142">
        <v>1130339</v>
      </c>
      <c r="IE42" s="143">
        <v>454127</v>
      </c>
      <c r="IF42" s="144">
        <v>1777476</v>
      </c>
      <c r="IG42" s="142">
        <v>1456413</v>
      </c>
      <c r="IH42" s="144">
        <v>913280</v>
      </c>
      <c r="II42" s="145">
        <v>5731635</v>
      </c>
      <c r="IJ42" s="146">
        <v>5731635</v>
      </c>
      <c r="IK42" s="220">
        <v>0</v>
      </c>
      <c r="IL42" s="225">
        <v>0</v>
      </c>
      <c r="IM42" s="226">
        <v>0</v>
      </c>
      <c r="IN42" s="325"/>
      <c r="IO42" s="148">
        <v>0</v>
      </c>
      <c r="IP42" s="148">
        <v>0</v>
      </c>
      <c r="IQ42" s="148">
        <v>0</v>
      </c>
      <c r="IR42" s="148">
        <v>225832</v>
      </c>
      <c r="IS42" s="148">
        <v>0</v>
      </c>
      <c r="IT42" s="149">
        <v>225832</v>
      </c>
      <c r="IU42" s="299">
        <v>225832</v>
      </c>
      <c r="IV42" s="150">
        <v>0</v>
      </c>
      <c r="IW42" s="148">
        <v>0</v>
      </c>
      <c r="IX42" s="152">
        <v>0</v>
      </c>
      <c r="IY42" s="325"/>
      <c r="IZ42" s="148">
        <v>0</v>
      </c>
      <c r="JA42" s="148">
        <v>0</v>
      </c>
      <c r="JB42" s="148">
        <v>0</v>
      </c>
      <c r="JC42" s="148">
        <v>0</v>
      </c>
      <c r="JD42" s="148">
        <v>0</v>
      </c>
      <c r="JE42" s="152">
        <v>0</v>
      </c>
      <c r="JF42" s="153">
        <v>0</v>
      </c>
      <c r="JG42" s="150">
        <v>0</v>
      </c>
      <c r="JH42" s="148">
        <v>0</v>
      </c>
      <c r="JI42" s="149">
        <v>0</v>
      </c>
      <c r="JJ42" s="151">
        <v>0</v>
      </c>
      <c r="JK42" s="148">
        <v>829568</v>
      </c>
      <c r="JL42" s="148">
        <v>454127</v>
      </c>
      <c r="JM42" s="148">
        <v>929424</v>
      </c>
      <c r="JN42" s="148">
        <v>246104</v>
      </c>
      <c r="JO42" s="148">
        <v>365030</v>
      </c>
      <c r="JP42" s="152">
        <v>2824253</v>
      </c>
      <c r="JQ42" s="299">
        <v>2824253</v>
      </c>
      <c r="JR42" s="150">
        <v>0</v>
      </c>
      <c r="JS42" s="148">
        <v>0</v>
      </c>
      <c r="JT42" s="149">
        <v>0</v>
      </c>
      <c r="JU42" s="151">
        <v>0</v>
      </c>
      <c r="JV42" s="148">
        <v>37577</v>
      </c>
      <c r="JW42" s="148">
        <v>0</v>
      </c>
      <c r="JX42" s="148">
        <v>0</v>
      </c>
      <c r="JY42" s="148">
        <v>120500</v>
      </c>
      <c r="JZ42" s="148">
        <v>254777</v>
      </c>
      <c r="KA42" s="152">
        <v>412854</v>
      </c>
      <c r="KB42" s="299">
        <v>412854</v>
      </c>
      <c r="KC42" s="222">
        <v>0</v>
      </c>
      <c r="KD42" s="218">
        <v>0</v>
      </c>
      <c r="KE42" s="152">
        <v>0</v>
      </c>
      <c r="KF42" s="151">
        <v>0</v>
      </c>
      <c r="KG42" s="148">
        <v>0</v>
      </c>
      <c r="KH42" s="148">
        <v>0</v>
      </c>
      <c r="KI42" s="148">
        <v>0</v>
      </c>
      <c r="KJ42" s="148">
        <v>0</v>
      </c>
      <c r="KK42" s="148">
        <v>0</v>
      </c>
      <c r="KL42" s="152">
        <v>0</v>
      </c>
      <c r="KM42" s="154">
        <v>0</v>
      </c>
      <c r="KN42" s="220">
        <v>0</v>
      </c>
      <c r="KO42" s="225">
        <v>0</v>
      </c>
      <c r="KP42" s="226">
        <v>0</v>
      </c>
      <c r="KQ42" s="147"/>
      <c r="KR42" s="148">
        <v>263194</v>
      </c>
      <c r="KS42" s="148">
        <v>0</v>
      </c>
      <c r="KT42" s="148">
        <v>848052</v>
      </c>
      <c r="KU42" s="148">
        <v>863977</v>
      </c>
      <c r="KV42" s="148">
        <v>293473</v>
      </c>
      <c r="KW42" s="152">
        <v>2268696</v>
      </c>
      <c r="KX42" s="299">
        <v>2268696</v>
      </c>
      <c r="KY42" s="150">
        <v>0</v>
      </c>
      <c r="KZ42" s="148">
        <v>0</v>
      </c>
      <c r="LA42" s="152">
        <v>0</v>
      </c>
      <c r="LB42" s="156"/>
      <c r="LC42" s="148">
        <v>0</v>
      </c>
      <c r="LD42" s="148">
        <v>0</v>
      </c>
      <c r="LE42" s="148">
        <v>0</v>
      </c>
      <c r="LF42" s="148">
        <v>0</v>
      </c>
      <c r="LG42" s="148">
        <v>0</v>
      </c>
      <c r="LH42" s="152">
        <v>0</v>
      </c>
      <c r="LI42" s="153">
        <v>0</v>
      </c>
      <c r="LJ42" s="150">
        <v>0</v>
      </c>
      <c r="LK42" s="148">
        <v>0</v>
      </c>
      <c r="LL42" s="152">
        <v>0</v>
      </c>
      <c r="LM42" s="156"/>
      <c r="LN42" s="148">
        <v>0</v>
      </c>
      <c r="LO42" s="148">
        <v>0</v>
      </c>
      <c r="LP42" s="148">
        <v>0</v>
      </c>
      <c r="LQ42" s="148">
        <v>0</v>
      </c>
      <c r="LR42" s="148">
        <v>0</v>
      </c>
      <c r="LS42" s="152">
        <v>0</v>
      </c>
      <c r="LT42" s="299">
        <v>0</v>
      </c>
      <c r="LU42" s="150">
        <v>0</v>
      </c>
      <c r="LV42" s="148">
        <v>0</v>
      </c>
      <c r="LW42" s="152">
        <v>0</v>
      </c>
      <c r="LX42" s="156"/>
      <c r="LY42" s="148">
        <v>0</v>
      </c>
      <c r="LZ42" s="148">
        <v>0</v>
      </c>
      <c r="MA42" s="148">
        <v>0</v>
      </c>
      <c r="MB42" s="148">
        <v>0</v>
      </c>
      <c r="MC42" s="148">
        <v>0</v>
      </c>
      <c r="MD42" s="152">
        <v>0</v>
      </c>
      <c r="ME42" s="153">
        <v>0</v>
      </c>
      <c r="MF42" s="150">
        <v>0</v>
      </c>
      <c r="MG42" s="148">
        <v>0</v>
      </c>
      <c r="MH42" s="152">
        <v>0</v>
      </c>
      <c r="MI42" s="156"/>
      <c r="MJ42" s="148">
        <v>512566</v>
      </c>
      <c r="MK42" s="148">
        <v>804700</v>
      </c>
      <c r="ML42" s="148">
        <v>4615318</v>
      </c>
      <c r="MM42" s="148">
        <v>2991763</v>
      </c>
      <c r="MN42" s="148">
        <v>2596090</v>
      </c>
      <c r="MO42" s="152">
        <v>11520437</v>
      </c>
      <c r="MP42" s="154">
        <v>11520437</v>
      </c>
      <c r="MQ42" s="150">
        <v>0</v>
      </c>
      <c r="MR42" s="148">
        <v>0</v>
      </c>
      <c r="MS42" s="152">
        <v>0</v>
      </c>
      <c r="MT42" s="156"/>
      <c r="MU42" s="148">
        <v>0</v>
      </c>
      <c r="MV42" s="148">
        <v>0</v>
      </c>
      <c r="MW42" s="148">
        <v>1894034</v>
      </c>
      <c r="MX42" s="148">
        <v>2635403</v>
      </c>
      <c r="MY42" s="148">
        <v>1561809</v>
      </c>
      <c r="MZ42" s="152">
        <v>6091246</v>
      </c>
      <c r="NA42" s="154">
        <v>6091246</v>
      </c>
      <c r="NB42" s="150">
        <v>0</v>
      </c>
      <c r="NC42" s="148">
        <v>0</v>
      </c>
      <c r="ND42" s="152">
        <v>0</v>
      </c>
      <c r="NE42" s="156"/>
      <c r="NF42" s="148">
        <v>512566</v>
      </c>
      <c r="NG42" s="148">
        <v>804700</v>
      </c>
      <c r="NH42" s="148">
        <v>2721284</v>
      </c>
      <c r="NI42" s="148">
        <v>356360</v>
      </c>
      <c r="NJ42" s="148">
        <v>1034281</v>
      </c>
      <c r="NK42" s="152">
        <v>5429191</v>
      </c>
      <c r="NL42" s="299">
        <v>5429191</v>
      </c>
      <c r="NM42" s="150">
        <v>0</v>
      </c>
      <c r="NN42" s="148">
        <v>0</v>
      </c>
      <c r="NO42" s="152">
        <v>0</v>
      </c>
      <c r="NP42" s="156"/>
      <c r="NQ42" s="148">
        <v>0</v>
      </c>
      <c r="NR42" s="148">
        <v>0</v>
      </c>
      <c r="NS42" s="148">
        <v>0</v>
      </c>
      <c r="NT42" s="148">
        <v>0</v>
      </c>
      <c r="NU42" s="148">
        <v>0</v>
      </c>
      <c r="NV42" s="152">
        <v>0</v>
      </c>
      <c r="NW42" s="153">
        <v>0</v>
      </c>
      <c r="NX42" s="150">
        <v>0</v>
      </c>
      <c r="NY42" s="148">
        <v>0</v>
      </c>
      <c r="NZ42" s="152">
        <v>0</v>
      </c>
      <c r="OA42" s="156"/>
      <c r="OB42" s="148">
        <v>0</v>
      </c>
      <c r="OC42" s="148">
        <v>0</v>
      </c>
      <c r="OD42" s="148">
        <v>0</v>
      </c>
      <c r="OE42" s="148">
        <v>0</v>
      </c>
      <c r="OF42" s="148">
        <v>0</v>
      </c>
      <c r="OG42" s="152">
        <v>0</v>
      </c>
      <c r="OH42" s="153">
        <v>0</v>
      </c>
      <c r="OI42" s="150">
        <v>390218</v>
      </c>
      <c r="OJ42" s="148">
        <v>34538</v>
      </c>
      <c r="OK42" s="149">
        <v>424756</v>
      </c>
      <c r="OL42" s="151">
        <v>0</v>
      </c>
      <c r="OM42" s="148">
        <v>3237641</v>
      </c>
      <c r="ON42" s="148">
        <v>3130384</v>
      </c>
      <c r="OO42" s="148">
        <v>8308977</v>
      </c>
      <c r="OP42" s="148">
        <v>6708077</v>
      </c>
      <c r="OQ42" s="148">
        <v>4452446</v>
      </c>
      <c r="OR42" s="152">
        <v>25837525</v>
      </c>
      <c r="OS42" s="154">
        <v>26262281</v>
      </c>
    </row>
    <row r="43" spans="2:409" x14ac:dyDescent="0.2">
      <c r="B43" s="1" t="s">
        <v>84</v>
      </c>
    </row>
  </sheetData>
  <mergeCells count="159">
    <mergeCell ref="OH7:OH8"/>
    <mergeCell ref="OI7:OK7"/>
    <mergeCell ref="OL7:OR7"/>
    <mergeCell ref="OS7:OS8"/>
    <mergeCell ref="NL7:NL8"/>
    <mergeCell ref="NM7:NO7"/>
    <mergeCell ref="NP7:NV7"/>
    <mergeCell ref="NW7:NW8"/>
    <mergeCell ref="NX7:NZ7"/>
    <mergeCell ref="NA7:NA8"/>
    <mergeCell ref="NB7:ND7"/>
    <mergeCell ref="NE7:NK7"/>
    <mergeCell ref="LX7:MD7"/>
    <mergeCell ref="ME7:ME8"/>
    <mergeCell ref="MF7:MH7"/>
    <mergeCell ref="MI7:MO7"/>
    <mergeCell ref="MP7:MP8"/>
    <mergeCell ref="OA7:OG7"/>
    <mergeCell ref="LI7:LI8"/>
    <mergeCell ref="LJ7:LL7"/>
    <mergeCell ref="KC7:KE7"/>
    <mergeCell ref="KF7:KL7"/>
    <mergeCell ref="KM7:KM8"/>
    <mergeCell ref="KN7:KP7"/>
    <mergeCell ref="KQ7:KW7"/>
    <mergeCell ref="MQ7:MS7"/>
    <mergeCell ref="MT7:MZ7"/>
    <mergeCell ref="OI4:OS6"/>
    <mergeCell ref="HZ5:IJ6"/>
    <mergeCell ref="IK5:IU6"/>
    <mergeCell ref="IV5:JF6"/>
    <mergeCell ref="JG5:JQ6"/>
    <mergeCell ref="JR5:KB6"/>
    <mergeCell ref="KC5:KM6"/>
    <mergeCell ref="KN5:KX6"/>
    <mergeCell ref="KY5:LI6"/>
    <mergeCell ref="LJ5:LT6"/>
    <mergeCell ref="LU5:ME6"/>
    <mergeCell ref="MF5:MP6"/>
    <mergeCell ref="MQ5:NA6"/>
    <mergeCell ref="NB5:NL6"/>
    <mergeCell ref="NM5:NW6"/>
    <mergeCell ref="MF4:OH4"/>
    <mergeCell ref="ID1:IE1"/>
    <mergeCell ref="HZ4:ME4"/>
    <mergeCell ref="JJ7:JP7"/>
    <mergeCell ref="JQ7:JQ8"/>
    <mergeCell ref="JR7:JT7"/>
    <mergeCell ref="JU7:KA7"/>
    <mergeCell ref="KB7:KB8"/>
    <mergeCell ref="NX5:OH6"/>
    <mergeCell ref="LM7:LS7"/>
    <mergeCell ref="LT7:LT8"/>
    <mergeCell ref="LU7:LW7"/>
    <mergeCell ref="IU7:IU8"/>
    <mergeCell ref="IV7:IX7"/>
    <mergeCell ref="IY7:JE7"/>
    <mergeCell ref="JF7:JF8"/>
    <mergeCell ref="JG7:JI7"/>
    <mergeCell ref="HZ7:IB7"/>
    <mergeCell ref="IC7:II7"/>
    <mergeCell ref="IJ7:IJ8"/>
    <mergeCell ref="IK7:IM7"/>
    <mergeCell ref="IN7:IT7"/>
    <mergeCell ref="KX7:KX8"/>
    <mergeCell ref="KY7:LA7"/>
    <mergeCell ref="LB7:LH7"/>
    <mergeCell ref="CL7:CL8"/>
    <mergeCell ref="BI7:BO7"/>
    <mergeCell ref="BP7:BP8"/>
    <mergeCell ref="BQ7:BS7"/>
    <mergeCell ref="BT7:BZ7"/>
    <mergeCell ref="BF7:BH7"/>
    <mergeCell ref="CA7:CA8"/>
    <mergeCell ref="CB7:CD7"/>
    <mergeCell ref="CE7:CK7"/>
    <mergeCell ref="DT7:DV7"/>
    <mergeCell ref="DW7:EC7"/>
    <mergeCell ref="ED7:ED8"/>
    <mergeCell ref="DL7:DR7"/>
    <mergeCell ref="CM7:CO7"/>
    <mergeCell ref="CP7:CV7"/>
    <mergeCell ref="CW7:CW8"/>
    <mergeCell ref="CX7:CZ7"/>
    <mergeCell ref="DA7:DG7"/>
    <mergeCell ref="DH7:DH8"/>
    <mergeCell ref="DI7:DK7"/>
    <mergeCell ref="HY7:HY8"/>
    <mergeCell ref="HG7:HM7"/>
    <mergeCell ref="HN7:HN8"/>
    <mergeCell ref="HO7:HQ7"/>
    <mergeCell ref="HR7:HX7"/>
    <mergeCell ref="FL7:FN7"/>
    <mergeCell ref="FO7:FU7"/>
    <mergeCell ref="EE7:EG7"/>
    <mergeCell ref="EH7:EN7"/>
    <mergeCell ref="EO7:EO8"/>
    <mergeCell ref="EP7:ER7"/>
    <mergeCell ref="GS7:GU7"/>
    <mergeCell ref="GV7:HB7"/>
    <mergeCell ref="HC7:HC8"/>
    <mergeCell ref="HD7:HF7"/>
    <mergeCell ref="FV7:FV8"/>
    <mergeCell ref="FW7:FY7"/>
    <mergeCell ref="FZ7:GF7"/>
    <mergeCell ref="GG7:GG8"/>
    <mergeCell ref="GR7:GR8"/>
    <mergeCell ref="GK7:GQ7"/>
    <mergeCell ref="GH7:GJ7"/>
    <mergeCell ref="FA7:FC7"/>
    <mergeCell ref="FD7:FJ7"/>
    <mergeCell ref="B4:B8"/>
    <mergeCell ref="C4:M6"/>
    <mergeCell ref="N4:HY4"/>
    <mergeCell ref="N5:CA5"/>
    <mergeCell ref="CB5:DH5"/>
    <mergeCell ref="FL5:HC5"/>
    <mergeCell ref="HD5:HN6"/>
    <mergeCell ref="HO5:HY6"/>
    <mergeCell ref="Y6:AI6"/>
    <mergeCell ref="Q7:W7"/>
    <mergeCell ref="X7:X8"/>
    <mergeCell ref="Y7:AA7"/>
    <mergeCell ref="AB7:AH7"/>
    <mergeCell ref="C7:E7"/>
    <mergeCell ref="F7:L7"/>
    <mergeCell ref="M7:M8"/>
    <mergeCell ref="N7:P7"/>
    <mergeCell ref="AU7:AW7"/>
    <mergeCell ref="AX7:BD7"/>
    <mergeCell ref="BE7:BE8"/>
    <mergeCell ref="AI7:AI8"/>
    <mergeCell ref="AJ7:AL7"/>
    <mergeCell ref="AM7:AS7"/>
    <mergeCell ref="AT7:AT8"/>
    <mergeCell ref="G1:H1"/>
    <mergeCell ref="FK7:FK8"/>
    <mergeCell ref="DI5:FK5"/>
    <mergeCell ref="GS6:HC6"/>
    <mergeCell ref="GH6:GR6"/>
    <mergeCell ref="N6:X6"/>
    <mergeCell ref="CB6:CL6"/>
    <mergeCell ref="DI6:DS6"/>
    <mergeCell ref="DT6:ED6"/>
    <mergeCell ref="EE6:EO6"/>
    <mergeCell ref="EP6:EZ6"/>
    <mergeCell ref="FL6:FV6"/>
    <mergeCell ref="FW6:GG6"/>
    <mergeCell ref="FA6:FK6"/>
    <mergeCell ref="CX6:DH6"/>
    <mergeCell ref="BQ6:CA6"/>
    <mergeCell ref="CM6:CW6"/>
    <mergeCell ref="AJ6:AT6"/>
    <mergeCell ref="AU6:BE6"/>
    <mergeCell ref="BF6:BP6"/>
    <mergeCell ref="G2:H2"/>
    <mergeCell ref="ES7:EY7"/>
    <mergeCell ref="EZ7:EZ8"/>
    <mergeCell ref="DS7:DS8"/>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3">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3.77734375" style="39" customWidth="1"/>
    <col min="2" max="2" width="9.77734375" style="39" customWidth="1"/>
    <col min="3" max="3" width="8.21875" style="39" customWidth="1"/>
    <col min="4" max="5" width="10" style="39" customWidth="1"/>
    <col min="6" max="6" width="7.21875" style="39" customWidth="1"/>
    <col min="7" max="8" width="10" style="39" customWidth="1"/>
    <col min="9" max="9" width="9.88671875" style="39" customWidth="1"/>
    <col min="10" max="10" width="9.77734375" style="39" customWidth="1"/>
    <col min="11" max="11" width="9.88671875" style="39" customWidth="1"/>
    <col min="12" max="12" width="10.88671875" style="39" customWidth="1"/>
    <col min="13" max="13" width="11.109375" style="39" customWidth="1"/>
    <col min="14" max="16" width="8.21875" style="39" customWidth="1"/>
    <col min="17" max="17" width="7.21875" style="39" customWidth="1"/>
    <col min="18" max="18" width="10" style="39" customWidth="1"/>
    <col min="19" max="19" width="10.109375" style="39" customWidth="1"/>
    <col min="20" max="20" width="9.109375" style="39" customWidth="1"/>
    <col min="21" max="21" width="9.77734375" style="39" customWidth="1"/>
    <col min="22" max="22" width="10.33203125" style="39" customWidth="1"/>
    <col min="23" max="23" width="10.44140625" style="39" customWidth="1"/>
    <col min="24" max="24" width="11" style="39" customWidth="1"/>
    <col min="25" max="27" width="8.21875" style="39" customWidth="1"/>
    <col min="28" max="28" width="7" style="39" customWidth="1"/>
    <col min="29" max="33" width="8.21875" style="39" customWidth="1"/>
    <col min="34" max="34" width="10.6640625" style="39" customWidth="1"/>
    <col min="35" max="35" width="10" style="39" customWidth="1"/>
    <col min="36" max="38" width="8.21875" style="39" customWidth="1"/>
    <col min="39" max="39" width="7" style="39" customWidth="1"/>
    <col min="40" max="49" width="8.21875" style="39" customWidth="1"/>
    <col min="50" max="50" width="7.21875" style="39" customWidth="1"/>
    <col min="51" max="55" width="8.21875" style="39" customWidth="1"/>
    <col min="56" max="57" width="9.33203125" style="39" customWidth="1"/>
    <col min="58" max="60" width="8.21875" style="39" customWidth="1"/>
    <col min="61" max="61" width="6.88671875" style="39" customWidth="1"/>
    <col min="62" max="71" width="8.21875" style="39" customWidth="1"/>
    <col min="72" max="72" width="7.21875" style="39" customWidth="1"/>
    <col min="73" max="79" width="8.21875" style="39" customWidth="1"/>
    <col min="80" max="82" width="8.21875" style="302" customWidth="1"/>
    <col min="83" max="83" width="7.6640625" style="302" customWidth="1"/>
    <col min="84" max="84" width="9.88671875" style="302" customWidth="1"/>
    <col min="85" max="85" width="10" style="302" customWidth="1"/>
    <col min="86" max="86" width="9.77734375" style="302" customWidth="1"/>
    <col min="87" max="87" width="9.21875" style="302" customWidth="1"/>
    <col min="88" max="88" width="8.77734375" style="302" customWidth="1"/>
    <col min="89" max="89" width="9.88671875" style="302" customWidth="1"/>
    <col min="90" max="90" width="9.77734375" style="302" customWidth="1"/>
    <col min="91" max="93" width="8.21875" style="39" customWidth="1"/>
    <col min="94" max="94" width="7.33203125" style="39" customWidth="1"/>
    <col min="95" max="95" width="9.88671875" style="39" bestFit="1" customWidth="1"/>
    <col min="96" max="96" width="10" style="39" customWidth="1"/>
    <col min="97" max="97" width="9.6640625" style="39" customWidth="1"/>
    <col min="98" max="99" width="8.21875" style="39" customWidth="1"/>
    <col min="100" max="101" width="9.88671875" style="39" customWidth="1"/>
    <col min="102" max="104" width="8.21875" style="39" customWidth="1"/>
    <col min="105" max="105" width="7.44140625" style="39" customWidth="1"/>
    <col min="106" max="110" width="8.21875" style="39" customWidth="1"/>
    <col min="111" max="111" width="10" style="39" customWidth="1"/>
    <col min="112" max="112" width="9.88671875" style="39" customWidth="1"/>
    <col min="113" max="115" width="8.21875" style="302" customWidth="1"/>
    <col min="116" max="116" width="7.21875" style="302" customWidth="1"/>
    <col min="117" max="121" width="8.21875" style="302" customWidth="1"/>
    <col min="122" max="122" width="10.109375" style="302" customWidth="1"/>
    <col min="123" max="123" width="9.77734375" style="302" customWidth="1"/>
    <col min="124" max="126" width="8.21875" style="39" customWidth="1"/>
    <col min="127" max="127" width="7.33203125" style="39" customWidth="1"/>
    <col min="128" max="132" width="8.21875" style="39" customWidth="1"/>
    <col min="133" max="133" width="10.33203125" style="39" customWidth="1"/>
    <col min="134" max="134" width="10.109375" style="39" customWidth="1"/>
    <col min="135" max="137" width="8.21875" style="39" customWidth="1"/>
    <col min="138" max="138" width="7.109375" style="39" customWidth="1"/>
    <col min="139" max="148" width="8.21875" style="39" customWidth="1"/>
    <col min="149" max="149" width="7.21875" style="39" customWidth="1"/>
    <col min="150" max="159" width="8.21875" style="39" customWidth="1"/>
    <col min="160" max="160" width="7.21875" style="39" customWidth="1"/>
    <col min="161" max="167" width="8.21875" style="39" customWidth="1"/>
    <col min="168" max="170" width="8.21875" style="302" customWidth="1"/>
    <col min="171" max="171" width="6.6640625" style="302" customWidth="1"/>
    <col min="172" max="176" width="8.21875" style="302" customWidth="1"/>
    <col min="177" max="177" width="10.109375" style="302" customWidth="1"/>
    <col min="178" max="178" width="9.88671875" style="302" customWidth="1"/>
    <col min="179" max="181" width="8.21875" style="39" customWidth="1"/>
    <col min="182" max="182" width="7.33203125" style="39" customWidth="1"/>
    <col min="183" max="187" width="8.21875" style="39" customWidth="1"/>
    <col min="188" max="188" width="10" style="39" customWidth="1"/>
    <col min="189" max="189" width="10.6640625" style="39" customWidth="1"/>
    <col min="190" max="192" width="8.21875" style="39" customWidth="1"/>
    <col min="193" max="193" width="7.21875" style="39" customWidth="1"/>
    <col min="194" max="203" width="8.21875" style="39" customWidth="1"/>
    <col min="204" max="204" width="7.109375" style="39" customWidth="1"/>
    <col min="205" max="214" width="8.21875" style="39" customWidth="1"/>
    <col min="215" max="215" width="7.109375" style="39" customWidth="1"/>
    <col min="216" max="220" width="8.21875" style="39" customWidth="1"/>
    <col min="221" max="222" width="9.77734375" style="39" customWidth="1"/>
    <col min="223" max="225" width="8.21875" style="39" customWidth="1"/>
    <col min="226" max="226" width="7.21875" style="39" customWidth="1"/>
    <col min="227" max="231" width="8.21875" style="39" customWidth="1"/>
    <col min="232" max="233" width="10" style="39" customWidth="1"/>
    <col min="234" max="235" width="7.44140625" style="34" customWidth="1"/>
    <col min="236" max="236" width="9.33203125" style="34" customWidth="1"/>
    <col min="237" max="237" width="7.44140625" style="34" customWidth="1"/>
    <col min="238" max="244" width="10.109375" style="34" customWidth="1"/>
    <col min="245" max="247" width="10.109375" style="1" customWidth="1"/>
    <col min="248" max="248" width="7.109375" style="1" customWidth="1"/>
    <col min="249" max="258" width="10.109375" style="1" customWidth="1"/>
    <col min="259" max="259" width="7.33203125" style="1" customWidth="1"/>
    <col min="260" max="269" width="10.109375" style="1" customWidth="1"/>
    <col min="270" max="270" width="7.21875" style="1" customWidth="1"/>
    <col min="271" max="280" width="10.109375" style="1" customWidth="1"/>
    <col min="281" max="281" width="7.6640625" style="1" customWidth="1"/>
    <col min="282" max="291" width="10.109375" style="1" customWidth="1"/>
    <col min="292" max="292" width="6.33203125" style="1" customWidth="1"/>
    <col min="293" max="302" width="10.109375" style="1" customWidth="1"/>
    <col min="303" max="303" width="7.44140625" style="1" customWidth="1"/>
    <col min="304" max="310" width="10.109375" style="1" customWidth="1"/>
    <col min="311" max="313" width="10.109375" style="34" customWidth="1"/>
    <col min="314" max="314" width="7.109375" style="34" customWidth="1"/>
    <col min="315" max="324" width="10.109375" style="34" customWidth="1"/>
    <col min="325" max="325" width="7.44140625" style="34" customWidth="1"/>
    <col min="326" max="335" width="10.109375" style="34" customWidth="1"/>
    <col min="336" max="336" width="6.88671875" style="34" customWidth="1"/>
    <col min="337" max="343" width="10.109375" style="34" customWidth="1"/>
    <col min="344" max="346" width="10.109375" style="1" customWidth="1"/>
    <col min="347" max="347" width="7.21875" style="1" customWidth="1"/>
    <col min="348" max="357" width="10.109375" style="1" customWidth="1"/>
    <col min="358" max="358" width="7.21875" style="1" customWidth="1"/>
    <col min="359" max="368" width="10.109375" style="1" customWidth="1"/>
    <col min="369" max="369" width="7" style="1" customWidth="1"/>
    <col min="370" max="379" width="10.109375" style="1" customWidth="1"/>
    <col min="380" max="380" width="6.88671875" style="1" customWidth="1"/>
    <col min="381" max="385" width="10.109375" style="1" customWidth="1"/>
    <col min="386" max="387" width="10.33203125" style="1" customWidth="1"/>
    <col min="388" max="390" width="10.109375" style="1" customWidth="1"/>
    <col min="391" max="391" width="6.88671875" style="1" customWidth="1"/>
    <col min="392" max="396" width="10.109375" style="1" customWidth="1"/>
    <col min="397" max="398" width="10.33203125" style="1" customWidth="1"/>
    <col min="399" max="401" width="9.21875" style="1" customWidth="1"/>
    <col min="402" max="402" width="7" style="1" customWidth="1"/>
    <col min="403" max="404" width="9.21875" style="1" customWidth="1"/>
    <col min="405" max="405" width="10.44140625" style="1" customWidth="1"/>
    <col min="406" max="406" width="12.109375" style="1" customWidth="1"/>
    <col min="407" max="407" width="10.109375" style="1" customWidth="1"/>
    <col min="408" max="409" width="10.33203125" style="1" customWidth="1"/>
    <col min="410" max="16384" width="8.21875" style="39"/>
  </cols>
  <sheetData>
    <row r="1" spans="1:409" ht="24" customHeight="1" x14ac:dyDescent="0.2">
      <c r="B1" s="15" t="s">
        <v>134</v>
      </c>
      <c r="E1" s="468">
        <f>第１表!F2</f>
        <v>5</v>
      </c>
      <c r="F1" s="233">
        <f>第１表!G2</f>
        <v>12</v>
      </c>
      <c r="G1" s="655">
        <f>IF(F1&lt;3,F1-2+12,F1-2)</f>
        <v>10</v>
      </c>
      <c r="H1" s="655"/>
      <c r="IB1" s="341"/>
      <c r="IC1" s="239"/>
      <c r="ID1" s="625"/>
      <c r="IE1" s="625"/>
    </row>
    <row r="2" spans="1:409" ht="24" customHeight="1" x14ac:dyDescent="0.2">
      <c r="B2" s="15" t="s">
        <v>145</v>
      </c>
      <c r="E2" s="236"/>
      <c r="F2" s="237"/>
      <c r="G2" s="319"/>
      <c r="H2" s="319"/>
      <c r="IB2" s="238"/>
      <c r="IC2" s="239"/>
      <c r="ID2" s="344"/>
      <c r="IE2" s="344"/>
    </row>
    <row r="3" spans="1:409" ht="24" customHeight="1" thickBot="1" x14ac:dyDescent="0.25">
      <c r="B3" s="15" t="s">
        <v>135</v>
      </c>
    </row>
    <row r="4" spans="1:409" ht="21" customHeight="1" thickBot="1" x14ac:dyDescent="0.25">
      <c r="B4" s="685" t="s">
        <v>42</v>
      </c>
      <c r="C4" s="688" t="s">
        <v>63</v>
      </c>
      <c r="D4" s="688"/>
      <c r="E4" s="688"/>
      <c r="F4" s="688"/>
      <c r="G4" s="688"/>
      <c r="H4" s="688"/>
      <c r="I4" s="688"/>
      <c r="J4" s="688"/>
      <c r="K4" s="688"/>
      <c r="L4" s="688"/>
      <c r="M4" s="688"/>
      <c r="N4" s="691"/>
      <c r="O4" s="691"/>
      <c r="P4" s="691"/>
      <c r="Q4" s="691"/>
      <c r="R4" s="691"/>
      <c r="S4" s="691"/>
      <c r="T4" s="691"/>
      <c r="U4" s="691"/>
      <c r="V4" s="691"/>
      <c r="W4" s="691"/>
      <c r="X4" s="691"/>
      <c r="Y4" s="691"/>
      <c r="Z4" s="691"/>
      <c r="AA4" s="691"/>
      <c r="AB4" s="691"/>
      <c r="AC4" s="691"/>
      <c r="AD4" s="691"/>
      <c r="AE4" s="691"/>
      <c r="AF4" s="691"/>
      <c r="AG4" s="691"/>
      <c r="AH4" s="691"/>
      <c r="AI4" s="691"/>
      <c r="AJ4" s="691"/>
      <c r="AK4" s="691"/>
      <c r="AL4" s="691"/>
      <c r="AM4" s="691"/>
      <c r="AN4" s="691"/>
      <c r="AO4" s="691"/>
      <c r="AP4" s="691"/>
      <c r="AQ4" s="691"/>
      <c r="AR4" s="691"/>
      <c r="AS4" s="691"/>
      <c r="AT4" s="691"/>
      <c r="AU4" s="691"/>
      <c r="AV4" s="691"/>
      <c r="AW4" s="691"/>
      <c r="AX4" s="691"/>
      <c r="AY4" s="691"/>
      <c r="AZ4" s="691"/>
      <c r="BA4" s="691"/>
      <c r="BB4" s="691"/>
      <c r="BC4" s="691"/>
      <c r="BD4" s="691"/>
      <c r="BE4" s="691"/>
      <c r="BF4" s="691"/>
      <c r="BG4" s="691"/>
      <c r="BH4" s="691"/>
      <c r="BI4" s="691"/>
      <c r="BJ4" s="691"/>
      <c r="BK4" s="691"/>
      <c r="BL4" s="691"/>
      <c r="BM4" s="691"/>
      <c r="BN4" s="691"/>
      <c r="BO4" s="691"/>
      <c r="BP4" s="691"/>
      <c r="BQ4" s="691"/>
      <c r="BR4" s="691"/>
      <c r="BS4" s="691"/>
      <c r="BT4" s="691"/>
      <c r="BU4" s="691"/>
      <c r="BV4" s="691"/>
      <c r="BW4" s="691"/>
      <c r="BX4" s="691"/>
      <c r="BY4" s="691"/>
      <c r="BZ4" s="691"/>
      <c r="CA4" s="691"/>
      <c r="CB4" s="691"/>
      <c r="CC4" s="691"/>
      <c r="CD4" s="691"/>
      <c r="CE4" s="691"/>
      <c r="CF4" s="691"/>
      <c r="CG4" s="691"/>
      <c r="CH4" s="691"/>
      <c r="CI4" s="691"/>
      <c r="CJ4" s="691"/>
      <c r="CK4" s="691"/>
      <c r="CL4" s="691"/>
      <c r="CM4" s="691"/>
      <c r="CN4" s="691"/>
      <c r="CO4" s="691"/>
      <c r="CP4" s="691"/>
      <c r="CQ4" s="691"/>
      <c r="CR4" s="691"/>
      <c r="CS4" s="691"/>
      <c r="CT4" s="691"/>
      <c r="CU4" s="691"/>
      <c r="CV4" s="691"/>
      <c r="CW4" s="691"/>
      <c r="CX4" s="691"/>
      <c r="CY4" s="691"/>
      <c r="CZ4" s="691"/>
      <c r="DA4" s="691"/>
      <c r="DB4" s="691"/>
      <c r="DC4" s="691"/>
      <c r="DD4" s="691"/>
      <c r="DE4" s="691"/>
      <c r="DF4" s="691"/>
      <c r="DG4" s="691"/>
      <c r="DH4" s="691"/>
      <c r="DI4" s="691"/>
      <c r="DJ4" s="691"/>
      <c r="DK4" s="691"/>
      <c r="DL4" s="691"/>
      <c r="DM4" s="691"/>
      <c r="DN4" s="691"/>
      <c r="DO4" s="691"/>
      <c r="DP4" s="691"/>
      <c r="DQ4" s="691"/>
      <c r="DR4" s="691"/>
      <c r="DS4" s="691"/>
      <c r="DT4" s="691"/>
      <c r="DU4" s="691"/>
      <c r="DV4" s="691"/>
      <c r="DW4" s="691"/>
      <c r="DX4" s="691"/>
      <c r="DY4" s="691"/>
      <c r="DZ4" s="691"/>
      <c r="EA4" s="691"/>
      <c r="EB4" s="691"/>
      <c r="EC4" s="691"/>
      <c r="ED4" s="691"/>
      <c r="EE4" s="691"/>
      <c r="EF4" s="691"/>
      <c r="EG4" s="691"/>
      <c r="EH4" s="691"/>
      <c r="EI4" s="691"/>
      <c r="EJ4" s="691"/>
      <c r="EK4" s="691"/>
      <c r="EL4" s="691"/>
      <c r="EM4" s="691"/>
      <c r="EN4" s="691"/>
      <c r="EO4" s="691"/>
      <c r="EP4" s="691"/>
      <c r="EQ4" s="691"/>
      <c r="ER4" s="691"/>
      <c r="ES4" s="691"/>
      <c r="ET4" s="691"/>
      <c r="EU4" s="691"/>
      <c r="EV4" s="691"/>
      <c r="EW4" s="691"/>
      <c r="EX4" s="691"/>
      <c r="EY4" s="691"/>
      <c r="EZ4" s="691"/>
      <c r="FA4" s="691"/>
      <c r="FB4" s="691"/>
      <c r="FC4" s="691"/>
      <c r="FD4" s="691"/>
      <c r="FE4" s="691"/>
      <c r="FF4" s="691"/>
      <c r="FG4" s="691"/>
      <c r="FH4" s="691"/>
      <c r="FI4" s="691"/>
      <c r="FJ4" s="691"/>
      <c r="FK4" s="691"/>
      <c r="FL4" s="691"/>
      <c r="FM4" s="691"/>
      <c r="FN4" s="691"/>
      <c r="FO4" s="691"/>
      <c r="FP4" s="691"/>
      <c r="FQ4" s="691"/>
      <c r="FR4" s="691"/>
      <c r="FS4" s="691"/>
      <c r="FT4" s="691"/>
      <c r="FU4" s="691"/>
      <c r="FV4" s="691"/>
      <c r="FW4" s="691"/>
      <c r="FX4" s="691"/>
      <c r="FY4" s="691"/>
      <c r="FZ4" s="691"/>
      <c r="GA4" s="691"/>
      <c r="GB4" s="691"/>
      <c r="GC4" s="691"/>
      <c r="GD4" s="691"/>
      <c r="GE4" s="691"/>
      <c r="GF4" s="691"/>
      <c r="GG4" s="691"/>
      <c r="GH4" s="691"/>
      <c r="GI4" s="691"/>
      <c r="GJ4" s="691"/>
      <c r="GK4" s="691"/>
      <c r="GL4" s="691"/>
      <c r="GM4" s="691"/>
      <c r="GN4" s="691"/>
      <c r="GO4" s="691"/>
      <c r="GP4" s="691"/>
      <c r="GQ4" s="691"/>
      <c r="GR4" s="691"/>
      <c r="GS4" s="691"/>
      <c r="GT4" s="691"/>
      <c r="GU4" s="691"/>
      <c r="GV4" s="691"/>
      <c r="GW4" s="691"/>
      <c r="GX4" s="691"/>
      <c r="GY4" s="691"/>
      <c r="GZ4" s="691"/>
      <c r="HA4" s="691"/>
      <c r="HB4" s="691"/>
      <c r="HC4" s="691"/>
      <c r="HD4" s="691"/>
      <c r="HE4" s="691"/>
      <c r="HF4" s="691"/>
      <c r="HG4" s="691"/>
      <c r="HH4" s="691"/>
      <c r="HI4" s="691"/>
      <c r="HJ4" s="691"/>
      <c r="HK4" s="691"/>
      <c r="HL4" s="691"/>
      <c r="HM4" s="691"/>
      <c r="HN4" s="691"/>
      <c r="HO4" s="691"/>
      <c r="HP4" s="691"/>
      <c r="HQ4" s="691"/>
      <c r="HR4" s="691"/>
      <c r="HS4" s="691"/>
      <c r="HT4" s="691"/>
      <c r="HU4" s="691"/>
      <c r="HV4" s="691"/>
      <c r="HW4" s="691"/>
      <c r="HX4" s="691"/>
      <c r="HY4" s="692"/>
      <c r="HZ4" s="586" t="s">
        <v>85</v>
      </c>
      <c r="IA4" s="587"/>
      <c r="IB4" s="587"/>
      <c r="IC4" s="587"/>
      <c r="ID4" s="587"/>
      <c r="IE4" s="587"/>
      <c r="IF4" s="587"/>
      <c r="IG4" s="587"/>
      <c r="IH4" s="587"/>
      <c r="II4" s="587"/>
      <c r="IJ4" s="587"/>
      <c r="IK4" s="587"/>
      <c r="IL4" s="587"/>
      <c r="IM4" s="587"/>
      <c r="IN4" s="587"/>
      <c r="IO4" s="587"/>
      <c r="IP4" s="587"/>
      <c r="IQ4" s="587"/>
      <c r="IR4" s="587"/>
      <c r="IS4" s="587"/>
      <c r="IT4" s="587"/>
      <c r="IU4" s="587"/>
      <c r="IV4" s="587"/>
      <c r="IW4" s="587"/>
      <c r="IX4" s="587"/>
      <c r="IY4" s="587"/>
      <c r="IZ4" s="587"/>
      <c r="JA4" s="587"/>
      <c r="JB4" s="587"/>
      <c r="JC4" s="587"/>
      <c r="JD4" s="587"/>
      <c r="JE4" s="587"/>
      <c r="JF4" s="587"/>
      <c r="JG4" s="587"/>
      <c r="JH4" s="587"/>
      <c r="JI4" s="587"/>
      <c r="JJ4" s="587"/>
      <c r="JK4" s="587"/>
      <c r="JL4" s="587"/>
      <c r="JM4" s="587"/>
      <c r="JN4" s="587"/>
      <c r="JO4" s="587"/>
      <c r="JP4" s="587"/>
      <c r="JQ4" s="587"/>
      <c r="JR4" s="587"/>
      <c r="JS4" s="587"/>
      <c r="JT4" s="587"/>
      <c r="JU4" s="587"/>
      <c r="JV4" s="587"/>
      <c r="JW4" s="587"/>
      <c r="JX4" s="587"/>
      <c r="JY4" s="587"/>
      <c r="JZ4" s="587"/>
      <c r="KA4" s="587"/>
      <c r="KB4" s="587"/>
      <c r="KC4" s="587"/>
      <c r="KD4" s="587"/>
      <c r="KE4" s="587"/>
      <c r="KF4" s="587"/>
      <c r="KG4" s="587"/>
      <c r="KH4" s="587"/>
      <c r="KI4" s="587"/>
      <c r="KJ4" s="587"/>
      <c r="KK4" s="587"/>
      <c r="KL4" s="587"/>
      <c r="KM4" s="587"/>
      <c r="KN4" s="587"/>
      <c r="KO4" s="587"/>
      <c r="KP4" s="587"/>
      <c r="KQ4" s="587"/>
      <c r="KR4" s="587"/>
      <c r="KS4" s="587"/>
      <c r="KT4" s="587"/>
      <c r="KU4" s="587"/>
      <c r="KV4" s="587"/>
      <c r="KW4" s="587"/>
      <c r="KX4" s="587"/>
      <c r="KY4" s="587"/>
      <c r="KZ4" s="587"/>
      <c r="LA4" s="587"/>
      <c r="LB4" s="587"/>
      <c r="LC4" s="587"/>
      <c r="LD4" s="587"/>
      <c r="LE4" s="587"/>
      <c r="LF4" s="587"/>
      <c r="LG4" s="587"/>
      <c r="LH4" s="587"/>
      <c r="LI4" s="587"/>
      <c r="LJ4" s="587"/>
      <c r="LK4" s="587"/>
      <c r="LL4" s="587"/>
      <c r="LM4" s="587"/>
      <c r="LN4" s="587"/>
      <c r="LO4" s="587"/>
      <c r="LP4" s="587"/>
      <c r="LQ4" s="587"/>
      <c r="LR4" s="587"/>
      <c r="LS4" s="587"/>
      <c r="LT4" s="587"/>
      <c r="LU4" s="587"/>
      <c r="LV4" s="587"/>
      <c r="LW4" s="587"/>
      <c r="LX4" s="587"/>
      <c r="LY4" s="587"/>
      <c r="LZ4" s="587"/>
      <c r="MA4" s="587"/>
      <c r="MB4" s="587"/>
      <c r="MC4" s="587"/>
      <c r="MD4" s="587"/>
      <c r="ME4" s="588"/>
      <c r="MF4" s="586" t="s">
        <v>86</v>
      </c>
      <c r="MG4" s="587"/>
      <c r="MH4" s="587"/>
      <c r="MI4" s="587"/>
      <c r="MJ4" s="587"/>
      <c r="MK4" s="587"/>
      <c r="ML4" s="587"/>
      <c r="MM4" s="587"/>
      <c r="MN4" s="587"/>
      <c r="MO4" s="587"/>
      <c r="MP4" s="587"/>
      <c r="MQ4" s="587"/>
      <c r="MR4" s="587"/>
      <c r="MS4" s="587"/>
      <c r="MT4" s="587"/>
      <c r="MU4" s="587"/>
      <c r="MV4" s="587"/>
      <c r="MW4" s="587"/>
      <c r="MX4" s="587"/>
      <c r="MY4" s="587"/>
      <c r="MZ4" s="587"/>
      <c r="NA4" s="587"/>
      <c r="NB4" s="587"/>
      <c r="NC4" s="587"/>
      <c r="ND4" s="587"/>
      <c r="NE4" s="587"/>
      <c r="NF4" s="587"/>
      <c r="NG4" s="587"/>
      <c r="NH4" s="587"/>
      <c r="NI4" s="587"/>
      <c r="NJ4" s="587"/>
      <c r="NK4" s="587"/>
      <c r="NL4" s="587"/>
      <c r="NM4" s="587"/>
      <c r="NN4" s="587"/>
      <c r="NO4" s="587"/>
      <c r="NP4" s="587"/>
      <c r="NQ4" s="587"/>
      <c r="NR4" s="587"/>
      <c r="NS4" s="587"/>
      <c r="NT4" s="587"/>
      <c r="NU4" s="587"/>
      <c r="NV4" s="587"/>
      <c r="NW4" s="587"/>
      <c r="NX4" s="587"/>
      <c r="NY4" s="587"/>
      <c r="NZ4" s="587"/>
      <c r="OA4" s="587"/>
      <c r="OB4" s="587"/>
      <c r="OC4" s="587"/>
      <c r="OD4" s="587"/>
      <c r="OE4" s="587"/>
      <c r="OF4" s="587"/>
      <c r="OG4" s="587"/>
      <c r="OH4" s="588"/>
      <c r="OI4" s="575" t="s">
        <v>60</v>
      </c>
      <c r="OJ4" s="480"/>
      <c r="OK4" s="480"/>
      <c r="OL4" s="480"/>
      <c r="OM4" s="480"/>
      <c r="ON4" s="480"/>
      <c r="OO4" s="480"/>
      <c r="OP4" s="480"/>
      <c r="OQ4" s="480"/>
      <c r="OR4" s="480"/>
      <c r="OS4" s="481"/>
    </row>
    <row r="5" spans="1:409" ht="21" customHeight="1" thickBot="1" x14ac:dyDescent="0.25">
      <c r="B5" s="686"/>
      <c r="C5" s="689"/>
      <c r="D5" s="689"/>
      <c r="E5" s="689"/>
      <c r="F5" s="689"/>
      <c r="G5" s="689"/>
      <c r="H5" s="689"/>
      <c r="I5" s="689"/>
      <c r="J5" s="689"/>
      <c r="K5" s="689"/>
      <c r="L5" s="689"/>
      <c r="M5" s="689"/>
      <c r="N5" s="693" t="s">
        <v>64</v>
      </c>
      <c r="O5" s="694"/>
      <c r="P5" s="694"/>
      <c r="Q5" s="694"/>
      <c r="R5" s="694"/>
      <c r="S5" s="694"/>
      <c r="T5" s="694"/>
      <c r="U5" s="694"/>
      <c r="V5" s="694"/>
      <c r="W5" s="694"/>
      <c r="X5" s="694"/>
      <c r="Y5" s="694"/>
      <c r="Z5" s="694"/>
      <c r="AA5" s="694"/>
      <c r="AB5" s="694"/>
      <c r="AC5" s="694"/>
      <c r="AD5" s="694"/>
      <c r="AE5" s="694"/>
      <c r="AF5" s="694"/>
      <c r="AG5" s="694"/>
      <c r="AH5" s="694"/>
      <c r="AI5" s="694"/>
      <c r="AJ5" s="694"/>
      <c r="AK5" s="694"/>
      <c r="AL5" s="694"/>
      <c r="AM5" s="694"/>
      <c r="AN5" s="694"/>
      <c r="AO5" s="694"/>
      <c r="AP5" s="694"/>
      <c r="AQ5" s="694"/>
      <c r="AR5" s="694"/>
      <c r="AS5" s="694"/>
      <c r="AT5" s="694"/>
      <c r="AU5" s="694"/>
      <c r="AV5" s="694"/>
      <c r="AW5" s="694"/>
      <c r="AX5" s="694"/>
      <c r="AY5" s="694"/>
      <c r="AZ5" s="694"/>
      <c r="BA5" s="694"/>
      <c r="BB5" s="694"/>
      <c r="BC5" s="694"/>
      <c r="BD5" s="694"/>
      <c r="BE5" s="694"/>
      <c r="BF5" s="694"/>
      <c r="BG5" s="694"/>
      <c r="BH5" s="694"/>
      <c r="BI5" s="694"/>
      <c r="BJ5" s="694"/>
      <c r="BK5" s="694"/>
      <c r="BL5" s="694"/>
      <c r="BM5" s="694"/>
      <c r="BN5" s="694"/>
      <c r="BO5" s="694"/>
      <c r="BP5" s="694"/>
      <c r="BQ5" s="694"/>
      <c r="BR5" s="694"/>
      <c r="BS5" s="694"/>
      <c r="BT5" s="694"/>
      <c r="BU5" s="694"/>
      <c r="BV5" s="694"/>
      <c r="BW5" s="694"/>
      <c r="BX5" s="694"/>
      <c r="BY5" s="694"/>
      <c r="BZ5" s="694"/>
      <c r="CA5" s="695"/>
      <c r="CB5" s="693" t="s">
        <v>65</v>
      </c>
      <c r="CC5" s="694"/>
      <c r="CD5" s="694"/>
      <c r="CE5" s="694"/>
      <c r="CF5" s="694"/>
      <c r="CG5" s="694"/>
      <c r="CH5" s="694"/>
      <c r="CI5" s="694"/>
      <c r="CJ5" s="694"/>
      <c r="CK5" s="694"/>
      <c r="CL5" s="694"/>
      <c r="CM5" s="694"/>
      <c r="CN5" s="694"/>
      <c r="CO5" s="694"/>
      <c r="CP5" s="694"/>
      <c r="CQ5" s="694"/>
      <c r="CR5" s="694"/>
      <c r="CS5" s="694"/>
      <c r="CT5" s="694"/>
      <c r="CU5" s="694"/>
      <c r="CV5" s="694"/>
      <c r="CW5" s="694"/>
      <c r="CX5" s="694"/>
      <c r="CY5" s="694"/>
      <c r="CZ5" s="694"/>
      <c r="DA5" s="694"/>
      <c r="DB5" s="694"/>
      <c r="DC5" s="694"/>
      <c r="DD5" s="694"/>
      <c r="DE5" s="694"/>
      <c r="DF5" s="694"/>
      <c r="DG5" s="694"/>
      <c r="DH5" s="695"/>
      <c r="DI5" s="497" t="s">
        <v>66</v>
      </c>
      <c r="DJ5" s="498"/>
      <c r="DK5" s="498"/>
      <c r="DL5" s="498"/>
      <c r="DM5" s="498"/>
      <c r="DN5" s="498"/>
      <c r="DO5" s="498"/>
      <c r="DP5" s="498"/>
      <c r="DQ5" s="498"/>
      <c r="DR5" s="498"/>
      <c r="DS5" s="498"/>
      <c r="DT5" s="498"/>
      <c r="DU5" s="498"/>
      <c r="DV5" s="498"/>
      <c r="DW5" s="498"/>
      <c r="DX5" s="498"/>
      <c r="DY5" s="498"/>
      <c r="DZ5" s="498"/>
      <c r="EA5" s="498"/>
      <c r="EB5" s="498"/>
      <c r="EC5" s="498"/>
      <c r="ED5" s="498"/>
      <c r="EE5" s="498"/>
      <c r="EF5" s="498"/>
      <c r="EG5" s="498"/>
      <c r="EH5" s="498"/>
      <c r="EI5" s="498"/>
      <c r="EJ5" s="498"/>
      <c r="EK5" s="498"/>
      <c r="EL5" s="498"/>
      <c r="EM5" s="498"/>
      <c r="EN5" s="498"/>
      <c r="EO5" s="498"/>
      <c r="EP5" s="498"/>
      <c r="EQ5" s="498"/>
      <c r="ER5" s="498"/>
      <c r="ES5" s="498"/>
      <c r="ET5" s="498"/>
      <c r="EU5" s="498"/>
      <c r="EV5" s="498"/>
      <c r="EW5" s="498"/>
      <c r="EX5" s="498"/>
      <c r="EY5" s="498"/>
      <c r="EZ5" s="498"/>
      <c r="FA5" s="498"/>
      <c r="FB5" s="498"/>
      <c r="FC5" s="498"/>
      <c r="FD5" s="498"/>
      <c r="FE5" s="498"/>
      <c r="FF5" s="498"/>
      <c r="FG5" s="498"/>
      <c r="FH5" s="498"/>
      <c r="FI5" s="498"/>
      <c r="FJ5" s="498"/>
      <c r="FK5" s="499"/>
      <c r="FL5" s="693" t="s">
        <v>67</v>
      </c>
      <c r="FM5" s="694"/>
      <c r="FN5" s="694"/>
      <c r="FO5" s="694"/>
      <c r="FP5" s="694"/>
      <c r="FQ5" s="694"/>
      <c r="FR5" s="694"/>
      <c r="FS5" s="694"/>
      <c r="FT5" s="694"/>
      <c r="FU5" s="694"/>
      <c r="FV5" s="694"/>
      <c r="FW5" s="694"/>
      <c r="FX5" s="694"/>
      <c r="FY5" s="694"/>
      <c r="FZ5" s="694"/>
      <c r="GA5" s="694"/>
      <c r="GB5" s="694"/>
      <c r="GC5" s="694"/>
      <c r="GD5" s="694"/>
      <c r="GE5" s="694"/>
      <c r="GF5" s="694"/>
      <c r="GG5" s="694"/>
      <c r="GH5" s="694"/>
      <c r="GI5" s="694"/>
      <c r="GJ5" s="694"/>
      <c r="GK5" s="694"/>
      <c r="GL5" s="694"/>
      <c r="GM5" s="694"/>
      <c r="GN5" s="694"/>
      <c r="GO5" s="694"/>
      <c r="GP5" s="694"/>
      <c r="GQ5" s="694"/>
      <c r="GR5" s="694"/>
      <c r="GS5" s="694"/>
      <c r="GT5" s="694"/>
      <c r="GU5" s="694"/>
      <c r="GV5" s="694"/>
      <c r="GW5" s="694"/>
      <c r="GX5" s="694"/>
      <c r="GY5" s="694"/>
      <c r="GZ5" s="694"/>
      <c r="HA5" s="694"/>
      <c r="HB5" s="694"/>
      <c r="HC5" s="695"/>
      <c r="HD5" s="696" t="s">
        <v>68</v>
      </c>
      <c r="HE5" s="697"/>
      <c r="HF5" s="697"/>
      <c r="HG5" s="697"/>
      <c r="HH5" s="697"/>
      <c r="HI5" s="697"/>
      <c r="HJ5" s="697"/>
      <c r="HK5" s="697"/>
      <c r="HL5" s="697"/>
      <c r="HM5" s="697"/>
      <c r="HN5" s="698"/>
      <c r="HO5" s="696" t="s">
        <v>69</v>
      </c>
      <c r="HP5" s="697"/>
      <c r="HQ5" s="697"/>
      <c r="HR5" s="697"/>
      <c r="HS5" s="697"/>
      <c r="HT5" s="697"/>
      <c r="HU5" s="697"/>
      <c r="HV5" s="697"/>
      <c r="HW5" s="697"/>
      <c r="HX5" s="697"/>
      <c r="HY5" s="698"/>
      <c r="HZ5" s="637"/>
      <c r="IA5" s="638"/>
      <c r="IB5" s="638"/>
      <c r="IC5" s="638"/>
      <c r="ID5" s="638"/>
      <c r="IE5" s="638"/>
      <c r="IF5" s="638"/>
      <c r="IG5" s="638"/>
      <c r="IH5" s="638"/>
      <c r="II5" s="638"/>
      <c r="IJ5" s="639"/>
      <c r="IK5" s="575" t="s">
        <v>94</v>
      </c>
      <c r="IL5" s="480"/>
      <c r="IM5" s="480"/>
      <c r="IN5" s="480"/>
      <c r="IO5" s="480"/>
      <c r="IP5" s="480"/>
      <c r="IQ5" s="480"/>
      <c r="IR5" s="480"/>
      <c r="IS5" s="480"/>
      <c r="IT5" s="480"/>
      <c r="IU5" s="481"/>
      <c r="IV5" s="575" t="s">
        <v>88</v>
      </c>
      <c r="IW5" s="480"/>
      <c r="IX5" s="480"/>
      <c r="IY5" s="480"/>
      <c r="IZ5" s="480"/>
      <c r="JA5" s="480"/>
      <c r="JB5" s="480"/>
      <c r="JC5" s="480"/>
      <c r="JD5" s="480"/>
      <c r="JE5" s="480"/>
      <c r="JF5" s="481"/>
      <c r="JG5" s="640" t="s">
        <v>142</v>
      </c>
      <c r="JH5" s="641"/>
      <c r="JI5" s="641"/>
      <c r="JJ5" s="641"/>
      <c r="JK5" s="641"/>
      <c r="JL5" s="641"/>
      <c r="JM5" s="641"/>
      <c r="JN5" s="641"/>
      <c r="JO5" s="641"/>
      <c r="JP5" s="641"/>
      <c r="JQ5" s="642"/>
      <c r="JR5" s="575" t="s">
        <v>90</v>
      </c>
      <c r="JS5" s="480"/>
      <c r="JT5" s="480"/>
      <c r="JU5" s="480"/>
      <c r="JV5" s="480"/>
      <c r="JW5" s="480"/>
      <c r="JX5" s="480"/>
      <c r="JY5" s="480"/>
      <c r="JZ5" s="480"/>
      <c r="KA5" s="480"/>
      <c r="KB5" s="481"/>
      <c r="KC5" s="575" t="s">
        <v>89</v>
      </c>
      <c r="KD5" s="480"/>
      <c r="KE5" s="480"/>
      <c r="KF5" s="480"/>
      <c r="KG5" s="480"/>
      <c r="KH5" s="480"/>
      <c r="KI5" s="480"/>
      <c r="KJ5" s="480"/>
      <c r="KK5" s="480"/>
      <c r="KL5" s="480"/>
      <c r="KM5" s="481"/>
      <c r="KN5" s="575" t="s">
        <v>91</v>
      </c>
      <c r="KO5" s="480"/>
      <c r="KP5" s="480"/>
      <c r="KQ5" s="480"/>
      <c r="KR5" s="480"/>
      <c r="KS5" s="480"/>
      <c r="KT5" s="480"/>
      <c r="KU5" s="480"/>
      <c r="KV5" s="480"/>
      <c r="KW5" s="480"/>
      <c r="KX5" s="481"/>
      <c r="KY5" s="575" t="s">
        <v>92</v>
      </c>
      <c r="KZ5" s="480"/>
      <c r="LA5" s="480"/>
      <c r="LB5" s="480"/>
      <c r="LC5" s="480"/>
      <c r="LD5" s="480"/>
      <c r="LE5" s="480"/>
      <c r="LF5" s="480"/>
      <c r="LG5" s="480"/>
      <c r="LH5" s="480"/>
      <c r="LI5" s="481"/>
      <c r="LJ5" s="646" t="s">
        <v>93</v>
      </c>
      <c r="LK5" s="647"/>
      <c r="LL5" s="647"/>
      <c r="LM5" s="647"/>
      <c r="LN5" s="647"/>
      <c r="LO5" s="647"/>
      <c r="LP5" s="647"/>
      <c r="LQ5" s="647"/>
      <c r="LR5" s="647"/>
      <c r="LS5" s="647"/>
      <c r="LT5" s="648"/>
      <c r="LU5" s="649" t="s">
        <v>143</v>
      </c>
      <c r="LV5" s="650"/>
      <c r="LW5" s="650"/>
      <c r="LX5" s="650"/>
      <c r="LY5" s="650"/>
      <c r="LZ5" s="650"/>
      <c r="MA5" s="650"/>
      <c r="MB5" s="650"/>
      <c r="MC5" s="650"/>
      <c r="MD5" s="650"/>
      <c r="ME5" s="651"/>
      <c r="MF5" s="637"/>
      <c r="MG5" s="638"/>
      <c r="MH5" s="638"/>
      <c r="MI5" s="638"/>
      <c r="MJ5" s="638"/>
      <c r="MK5" s="638"/>
      <c r="ML5" s="638"/>
      <c r="MM5" s="638"/>
      <c r="MN5" s="638"/>
      <c r="MO5" s="638"/>
      <c r="MP5" s="639"/>
      <c r="MQ5" s="575" t="s">
        <v>57</v>
      </c>
      <c r="MR5" s="480"/>
      <c r="MS5" s="480"/>
      <c r="MT5" s="480"/>
      <c r="MU5" s="480"/>
      <c r="MV5" s="480"/>
      <c r="MW5" s="480"/>
      <c r="MX5" s="480"/>
      <c r="MY5" s="480"/>
      <c r="MZ5" s="480"/>
      <c r="NA5" s="481"/>
      <c r="NB5" s="575" t="s">
        <v>58</v>
      </c>
      <c r="NC5" s="480"/>
      <c r="ND5" s="480"/>
      <c r="NE5" s="480"/>
      <c r="NF5" s="480"/>
      <c r="NG5" s="480"/>
      <c r="NH5" s="480"/>
      <c r="NI5" s="480"/>
      <c r="NJ5" s="480"/>
      <c r="NK5" s="480"/>
      <c r="NL5" s="481"/>
      <c r="NM5" s="575" t="s">
        <v>59</v>
      </c>
      <c r="NN5" s="480"/>
      <c r="NO5" s="480"/>
      <c r="NP5" s="480"/>
      <c r="NQ5" s="480"/>
      <c r="NR5" s="480"/>
      <c r="NS5" s="480"/>
      <c r="NT5" s="480"/>
      <c r="NU5" s="480"/>
      <c r="NV5" s="480"/>
      <c r="NW5" s="481"/>
      <c r="NX5" s="627" t="s">
        <v>149</v>
      </c>
      <c r="NY5" s="628"/>
      <c r="NZ5" s="628"/>
      <c r="OA5" s="628"/>
      <c r="OB5" s="628"/>
      <c r="OC5" s="628"/>
      <c r="OD5" s="628"/>
      <c r="OE5" s="628"/>
      <c r="OF5" s="628"/>
      <c r="OG5" s="628"/>
      <c r="OH5" s="629"/>
      <c r="OI5" s="634"/>
      <c r="OJ5" s="635"/>
      <c r="OK5" s="635"/>
      <c r="OL5" s="635"/>
      <c r="OM5" s="635"/>
      <c r="ON5" s="635"/>
      <c r="OO5" s="635"/>
      <c r="OP5" s="635"/>
      <c r="OQ5" s="635"/>
      <c r="OR5" s="635"/>
      <c r="OS5" s="636"/>
    </row>
    <row r="6" spans="1:409" ht="21" customHeight="1" thickBot="1" x14ac:dyDescent="0.25">
      <c r="B6" s="686"/>
      <c r="C6" s="690"/>
      <c r="D6" s="690"/>
      <c r="E6" s="690"/>
      <c r="F6" s="690"/>
      <c r="G6" s="690"/>
      <c r="H6" s="690"/>
      <c r="I6" s="690"/>
      <c r="J6" s="690"/>
      <c r="K6" s="690"/>
      <c r="L6" s="690"/>
      <c r="M6" s="690"/>
      <c r="N6" s="489"/>
      <c r="O6" s="490"/>
      <c r="P6" s="490"/>
      <c r="Q6" s="490"/>
      <c r="R6" s="490"/>
      <c r="S6" s="490"/>
      <c r="T6" s="490"/>
      <c r="U6" s="490"/>
      <c r="V6" s="490"/>
      <c r="W6" s="490"/>
      <c r="X6" s="491"/>
      <c r="Y6" s="678" t="s">
        <v>70</v>
      </c>
      <c r="Z6" s="493"/>
      <c r="AA6" s="493"/>
      <c r="AB6" s="493"/>
      <c r="AC6" s="493"/>
      <c r="AD6" s="493"/>
      <c r="AE6" s="493"/>
      <c r="AF6" s="493"/>
      <c r="AG6" s="493"/>
      <c r="AH6" s="493"/>
      <c r="AI6" s="494"/>
      <c r="AJ6" s="673" t="s">
        <v>71</v>
      </c>
      <c r="AK6" s="674"/>
      <c r="AL6" s="674"/>
      <c r="AM6" s="674"/>
      <c r="AN6" s="674"/>
      <c r="AO6" s="674"/>
      <c r="AP6" s="674"/>
      <c r="AQ6" s="674"/>
      <c r="AR6" s="674"/>
      <c r="AS6" s="674"/>
      <c r="AT6" s="675"/>
      <c r="AU6" s="673" t="s">
        <v>72</v>
      </c>
      <c r="AV6" s="674"/>
      <c r="AW6" s="674"/>
      <c r="AX6" s="674"/>
      <c r="AY6" s="674"/>
      <c r="AZ6" s="674"/>
      <c r="BA6" s="674"/>
      <c r="BB6" s="674"/>
      <c r="BC6" s="674"/>
      <c r="BD6" s="674"/>
      <c r="BE6" s="675"/>
      <c r="BF6" s="673" t="s">
        <v>73</v>
      </c>
      <c r="BG6" s="674"/>
      <c r="BH6" s="674"/>
      <c r="BI6" s="674"/>
      <c r="BJ6" s="674"/>
      <c r="BK6" s="674"/>
      <c r="BL6" s="674"/>
      <c r="BM6" s="674"/>
      <c r="BN6" s="674"/>
      <c r="BO6" s="674"/>
      <c r="BP6" s="675"/>
      <c r="BQ6" s="673" t="s">
        <v>74</v>
      </c>
      <c r="BR6" s="674"/>
      <c r="BS6" s="674"/>
      <c r="BT6" s="674"/>
      <c r="BU6" s="674"/>
      <c r="BV6" s="674"/>
      <c r="BW6" s="674"/>
      <c r="BX6" s="674"/>
      <c r="BY6" s="674"/>
      <c r="BZ6" s="674"/>
      <c r="CA6" s="675"/>
      <c r="CB6" s="676"/>
      <c r="CC6" s="677"/>
      <c r="CD6" s="677"/>
      <c r="CE6" s="677"/>
      <c r="CF6" s="677"/>
      <c r="CG6" s="677"/>
      <c r="CH6" s="677"/>
      <c r="CI6" s="677"/>
      <c r="CJ6" s="677"/>
      <c r="CK6" s="677"/>
      <c r="CL6" s="702"/>
      <c r="CM6" s="673" t="s">
        <v>75</v>
      </c>
      <c r="CN6" s="674"/>
      <c r="CO6" s="674"/>
      <c r="CP6" s="674"/>
      <c r="CQ6" s="674"/>
      <c r="CR6" s="674"/>
      <c r="CS6" s="674"/>
      <c r="CT6" s="674"/>
      <c r="CU6" s="674"/>
      <c r="CV6" s="674"/>
      <c r="CW6" s="675"/>
      <c r="CX6" s="673" t="s">
        <v>76</v>
      </c>
      <c r="CY6" s="674"/>
      <c r="CZ6" s="674"/>
      <c r="DA6" s="674"/>
      <c r="DB6" s="674"/>
      <c r="DC6" s="674"/>
      <c r="DD6" s="674"/>
      <c r="DE6" s="674"/>
      <c r="DF6" s="674"/>
      <c r="DG6" s="674"/>
      <c r="DH6" s="675"/>
      <c r="DI6" s="676"/>
      <c r="DJ6" s="677"/>
      <c r="DK6" s="677"/>
      <c r="DL6" s="677"/>
      <c r="DM6" s="677"/>
      <c r="DN6" s="677"/>
      <c r="DO6" s="677"/>
      <c r="DP6" s="677"/>
      <c r="DQ6" s="677"/>
      <c r="DR6" s="677"/>
      <c r="DS6" s="677"/>
      <c r="DT6" s="673" t="s">
        <v>77</v>
      </c>
      <c r="DU6" s="674"/>
      <c r="DV6" s="674"/>
      <c r="DW6" s="674"/>
      <c r="DX6" s="674"/>
      <c r="DY6" s="674"/>
      <c r="DZ6" s="674"/>
      <c r="EA6" s="674"/>
      <c r="EB6" s="674"/>
      <c r="EC6" s="674"/>
      <c r="ED6" s="675"/>
      <c r="EE6" s="673" t="s">
        <v>78</v>
      </c>
      <c r="EF6" s="674"/>
      <c r="EG6" s="674"/>
      <c r="EH6" s="674"/>
      <c r="EI6" s="674"/>
      <c r="EJ6" s="674"/>
      <c r="EK6" s="674"/>
      <c r="EL6" s="674"/>
      <c r="EM6" s="674"/>
      <c r="EN6" s="674"/>
      <c r="EO6" s="675"/>
      <c r="EP6" s="673" t="s">
        <v>79</v>
      </c>
      <c r="EQ6" s="674"/>
      <c r="ER6" s="674"/>
      <c r="ES6" s="674"/>
      <c r="ET6" s="674"/>
      <c r="EU6" s="674"/>
      <c r="EV6" s="674"/>
      <c r="EW6" s="674"/>
      <c r="EX6" s="674"/>
      <c r="EY6" s="674"/>
      <c r="EZ6" s="675"/>
      <c r="FA6" s="595" t="s">
        <v>150</v>
      </c>
      <c r="FB6" s="674"/>
      <c r="FC6" s="674"/>
      <c r="FD6" s="674"/>
      <c r="FE6" s="674"/>
      <c r="FF6" s="674"/>
      <c r="FG6" s="674"/>
      <c r="FH6" s="674"/>
      <c r="FI6" s="674"/>
      <c r="FJ6" s="674"/>
      <c r="FK6" s="675"/>
      <c r="FL6" s="676"/>
      <c r="FM6" s="677"/>
      <c r="FN6" s="677"/>
      <c r="FO6" s="677"/>
      <c r="FP6" s="677"/>
      <c r="FQ6" s="677"/>
      <c r="FR6" s="677"/>
      <c r="FS6" s="677"/>
      <c r="FT6" s="677"/>
      <c r="FU6" s="677"/>
      <c r="FV6" s="677"/>
      <c r="FW6" s="673" t="s">
        <v>80</v>
      </c>
      <c r="FX6" s="674"/>
      <c r="FY6" s="674"/>
      <c r="FZ6" s="674"/>
      <c r="GA6" s="674"/>
      <c r="GB6" s="674"/>
      <c r="GC6" s="674"/>
      <c r="GD6" s="674"/>
      <c r="GE6" s="674"/>
      <c r="GF6" s="674"/>
      <c r="GG6" s="675"/>
      <c r="GH6" s="678" t="s">
        <v>81</v>
      </c>
      <c r="GI6" s="493"/>
      <c r="GJ6" s="493"/>
      <c r="GK6" s="493"/>
      <c r="GL6" s="493"/>
      <c r="GM6" s="493"/>
      <c r="GN6" s="493"/>
      <c r="GO6" s="493"/>
      <c r="GP6" s="493"/>
      <c r="GQ6" s="493"/>
      <c r="GR6" s="494"/>
      <c r="GS6" s="678" t="s">
        <v>82</v>
      </c>
      <c r="GT6" s="493"/>
      <c r="GU6" s="493"/>
      <c r="GV6" s="493"/>
      <c r="GW6" s="493"/>
      <c r="GX6" s="493"/>
      <c r="GY6" s="493"/>
      <c r="GZ6" s="493"/>
      <c r="HA6" s="493"/>
      <c r="HB6" s="493"/>
      <c r="HC6" s="494"/>
      <c r="HD6" s="699"/>
      <c r="HE6" s="700"/>
      <c r="HF6" s="700"/>
      <c r="HG6" s="700"/>
      <c r="HH6" s="700"/>
      <c r="HI6" s="700"/>
      <c r="HJ6" s="700"/>
      <c r="HK6" s="700"/>
      <c r="HL6" s="700"/>
      <c r="HM6" s="700"/>
      <c r="HN6" s="701"/>
      <c r="HO6" s="699"/>
      <c r="HP6" s="700"/>
      <c r="HQ6" s="700"/>
      <c r="HR6" s="700"/>
      <c r="HS6" s="700"/>
      <c r="HT6" s="700"/>
      <c r="HU6" s="700"/>
      <c r="HV6" s="700"/>
      <c r="HW6" s="700"/>
      <c r="HX6" s="700"/>
      <c r="HY6" s="701"/>
      <c r="HZ6" s="589"/>
      <c r="IA6" s="590"/>
      <c r="IB6" s="590"/>
      <c r="IC6" s="590"/>
      <c r="ID6" s="590"/>
      <c r="IE6" s="590"/>
      <c r="IF6" s="590"/>
      <c r="IG6" s="590"/>
      <c r="IH6" s="590"/>
      <c r="II6" s="590"/>
      <c r="IJ6" s="591"/>
      <c r="IK6" s="576"/>
      <c r="IL6" s="569"/>
      <c r="IM6" s="569"/>
      <c r="IN6" s="569"/>
      <c r="IO6" s="569"/>
      <c r="IP6" s="569"/>
      <c r="IQ6" s="569"/>
      <c r="IR6" s="569"/>
      <c r="IS6" s="569"/>
      <c r="IT6" s="569"/>
      <c r="IU6" s="577"/>
      <c r="IV6" s="576"/>
      <c r="IW6" s="569"/>
      <c r="IX6" s="569"/>
      <c r="IY6" s="569"/>
      <c r="IZ6" s="569"/>
      <c r="JA6" s="569"/>
      <c r="JB6" s="569"/>
      <c r="JC6" s="569"/>
      <c r="JD6" s="569"/>
      <c r="JE6" s="569"/>
      <c r="JF6" s="577"/>
      <c r="JG6" s="643"/>
      <c r="JH6" s="644"/>
      <c r="JI6" s="644"/>
      <c r="JJ6" s="644"/>
      <c r="JK6" s="644"/>
      <c r="JL6" s="644"/>
      <c r="JM6" s="644"/>
      <c r="JN6" s="644"/>
      <c r="JO6" s="644"/>
      <c r="JP6" s="644"/>
      <c r="JQ6" s="645"/>
      <c r="JR6" s="576"/>
      <c r="JS6" s="569"/>
      <c r="JT6" s="569"/>
      <c r="JU6" s="569"/>
      <c r="JV6" s="569"/>
      <c r="JW6" s="569"/>
      <c r="JX6" s="569"/>
      <c r="JY6" s="569"/>
      <c r="JZ6" s="569"/>
      <c r="KA6" s="569"/>
      <c r="KB6" s="577"/>
      <c r="KC6" s="576"/>
      <c r="KD6" s="569"/>
      <c r="KE6" s="569"/>
      <c r="KF6" s="569"/>
      <c r="KG6" s="569"/>
      <c r="KH6" s="569"/>
      <c r="KI6" s="569"/>
      <c r="KJ6" s="569"/>
      <c r="KK6" s="569"/>
      <c r="KL6" s="569"/>
      <c r="KM6" s="577"/>
      <c r="KN6" s="576"/>
      <c r="KO6" s="569"/>
      <c r="KP6" s="569"/>
      <c r="KQ6" s="569"/>
      <c r="KR6" s="569"/>
      <c r="KS6" s="569"/>
      <c r="KT6" s="569"/>
      <c r="KU6" s="569"/>
      <c r="KV6" s="569"/>
      <c r="KW6" s="569"/>
      <c r="KX6" s="577"/>
      <c r="KY6" s="576"/>
      <c r="KZ6" s="569"/>
      <c r="LA6" s="569"/>
      <c r="LB6" s="569"/>
      <c r="LC6" s="569"/>
      <c r="LD6" s="569"/>
      <c r="LE6" s="569"/>
      <c r="LF6" s="569"/>
      <c r="LG6" s="569"/>
      <c r="LH6" s="569"/>
      <c r="LI6" s="577"/>
      <c r="LJ6" s="589"/>
      <c r="LK6" s="590"/>
      <c r="LL6" s="590"/>
      <c r="LM6" s="590"/>
      <c r="LN6" s="590"/>
      <c r="LO6" s="590"/>
      <c r="LP6" s="590"/>
      <c r="LQ6" s="590"/>
      <c r="LR6" s="590"/>
      <c r="LS6" s="590"/>
      <c r="LT6" s="591"/>
      <c r="LU6" s="652"/>
      <c r="LV6" s="653"/>
      <c r="LW6" s="653"/>
      <c r="LX6" s="653"/>
      <c r="LY6" s="653"/>
      <c r="LZ6" s="653"/>
      <c r="MA6" s="653"/>
      <c r="MB6" s="653"/>
      <c r="MC6" s="653"/>
      <c r="MD6" s="653"/>
      <c r="ME6" s="654"/>
      <c r="MF6" s="589"/>
      <c r="MG6" s="590"/>
      <c r="MH6" s="590"/>
      <c r="MI6" s="590"/>
      <c r="MJ6" s="590"/>
      <c r="MK6" s="590"/>
      <c r="ML6" s="590"/>
      <c r="MM6" s="590"/>
      <c r="MN6" s="590"/>
      <c r="MO6" s="590"/>
      <c r="MP6" s="591"/>
      <c r="MQ6" s="576"/>
      <c r="MR6" s="569"/>
      <c r="MS6" s="569"/>
      <c r="MT6" s="569"/>
      <c r="MU6" s="569"/>
      <c r="MV6" s="569"/>
      <c r="MW6" s="569"/>
      <c r="MX6" s="569"/>
      <c r="MY6" s="569"/>
      <c r="MZ6" s="569"/>
      <c r="NA6" s="577"/>
      <c r="NB6" s="576"/>
      <c r="NC6" s="569"/>
      <c r="ND6" s="569"/>
      <c r="NE6" s="569"/>
      <c r="NF6" s="569"/>
      <c r="NG6" s="569"/>
      <c r="NH6" s="569"/>
      <c r="NI6" s="569"/>
      <c r="NJ6" s="569"/>
      <c r="NK6" s="569"/>
      <c r="NL6" s="577"/>
      <c r="NM6" s="576"/>
      <c r="NN6" s="569"/>
      <c r="NO6" s="569"/>
      <c r="NP6" s="569"/>
      <c r="NQ6" s="569"/>
      <c r="NR6" s="569"/>
      <c r="NS6" s="569"/>
      <c r="NT6" s="569"/>
      <c r="NU6" s="569"/>
      <c r="NV6" s="569"/>
      <c r="NW6" s="577"/>
      <c r="NX6" s="630"/>
      <c r="NY6" s="631"/>
      <c r="NZ6" s="631"/>
      <c r="OA6" s="631"/>
      <c r="OB6" s="631"/>
      <c r="OC6" s="631"/>
      <c r="OD6" s="631"/>
      <c r="OE6" s="631"/>
      <c r="OF6" s="631"/>
      <c r="OG6" s="631"/>
      <c r="OH6" s="632"/>
      <c r="OI6" s="576"/>
      <c r="OJ6" s="569"/>
      <c r="OK6" s="569"/>
      <c r="OL6" s="569"/>
      <c r="OM6" s="569"/>
      <c r="ON6" s="569"/>
      <c r="OO6" s="569"/>
      <c r="OP6" s="569"/>
      <c r="OQ6" s="569"/>
      <c r="OR6" s="569"/>
      <c r="OS6" s="577"/>
    </row>
    <row r="7" spans="1:409" ht="21" customHeight="1" x14ac:dyDescent="0.2">
      <c r="B7" s="686"/>
      <c r="C7" s="671" t="s">
        <v>61</v>
      </c>
      <c r="D7" s="671"/>
      <c r="E7" s="671"/>
      <c r="F7" s="683" t="s">
        <v>62</v>
      </c>
      <c r="G7" s="671"/>
      <c r="H7" s="671"/>
      <c r="I7" s="671"/>
      <c r="J7" s="671"/>
      <c r="K7" s="671"/>
      <c r="L7" s="671"/>
      <c r="M7" s="683" t="s">
        <v>52</v>
      </c>
      <c r="N7" s="682" t="s">
        <v>61</v>
      </c>
      <c r="O7" s="671"/>
      <c r="P7" s="671"/>
      <c r="Q7" s="683" t="s">
        <v>62</v>
      </c>
      <c r="R7" s="671"/>
      <c r="S7" s="671"/>
      <c r="T7" s="671"/>
      <c r="U7" s="671"/>
      <c r="V7" s="671"/>
      <c r="W7" s="684"/>
      <c r="X7" s="679" t="s">
        <v>52</v>
      </c>
      <c r="Y7" s="489" t="s">
        <v>61</v>
      </c>
      <c r="Z7" s="490"/>
      <c r="AA7" s="665"/>
      <c r="AB7" s="664" t="s">
        <v>62</v>
      </c>
      <c r="AC7" s="490"/>
      <c r="AD7" s="490"/>
      <c r="AE7" s="490"/>
      <c r="AF7" s="490"/>
      <c r="AG7" s="490"/>
      <c r="AH7" s="665"/>
      <c r="AI7" s="491" t="s">
        <v>52</v>
      </c>
      <c r="AJ7" s="659" t="s">
        <v>61</v>
      </c>
      <c r="AK7" s="660"/>
      <c r="AL7" s="661"/>
      <c r="AM7" s="662" t="s">
        <v>62</v>
      </c>
      <c r="AN7" s="660"/>
      <c r="AO7" s="660"/>
      <c r="AP7" s="660"/>
      <c r="AQ7" s="660"/>
      <c r="AR7" s="660"/>
      <c r="AS7" s="663"/>
      <c r="AT7" s="491" t="s">
        <v>52</v>
      </c>
      <c r="AU7" s="659" t="s">
        <v>61</v>
      </c>
      <c r="AV7" s="660"/>
      <c r="AW7" s="661"/>
      <c r="AX7" s="662" t="s">
        <v>62</v>
      </c>
      <c r="AY7" s="660"/>
      <c r="AZ7" s="660"/>
      <c r="BA7" s="660"/>
      <c r="BB7" s="660"/>
      <c r="BC7" s="660"/>
      <c r="BD7" s="663"/>
      <c r="BE7" s="491" t="s">
        <v>52</v>
      </c>
      <c r="BF7" s="659" t="s">
        <v>61</v>
      </c>
      <c r="BG7" s="660"/>
      <c r="BH7" s="661"/>
      <c r="BI7" s="662" t="s">
        <v>62</v>
      </c>
      <c r="BJ7" s="660"/>
      <c r="BK7" s="660"/>
      <c r="BL7" s="660"/>
      <c r="BM7" s="660"/>
      <c r="BN7" s="660"/>
      <c r="BO7" s="663"/>
      <c r="BP7" s="491" t="s">
        <v>52</v>
      </c>
      <c r="BQ7" s="659" t="s">
        <v>61</v>
      </c>
      <c r="BR7" s="660"/>
      <c r="BS7" s="661"/>
      <c r="BT7" s="662" t="s">
        <v>62</v>
      </c>
      <c r="BU7" s="660"/>
      <c r="BV7" s="660"/>
      <c r="BW7" s="660"/>
      <c r="BX7" s="660"/>
      <c r="BY7" s="660"/>
      <c r="BZ7" s="663"/>
      <c r="CA7" s="491" t="s">
        <v>52</v>
      </c>
      <c r="CB7" s="666" t="s">
        <v>61</v>
      </c>
      <c r="CC7" s="667"/>
      <c r="CD7" s="668"/>
      <c r="CE7" s="669" t="s">
        <v>62</v>
      </c>
      <c r="CF7" s="667"/>
      <c r="CG7" s="667"/>
      <c r="CH7" s="667"/>
      <c r="CI7" s="667"/>
      <c r="CJ7" s="667"/>
      <c r="CK7" s="670"/>
      <c r="CL7" s="679" t="s">
        <v>52</v>
      </c>
      <c r="CM7" s="659" t="s">
        <v>61</v>
      </c>
      <c r="CN7" s="660"/>
      <c r="CO7" s="663"/>
      <c r="CP7" s="662" t="s">
        <v>62</v>
      </c>
      <c r="CQ7" s="660"/>
      <c r="CR7" s="660"/>
      <c r="CS7" s="660"/>
      <c r="CT7" s="660"/>
      <c r="CU7" s="660"/>
      <c r="CV7" s="663"/>
      <c r="CW7" s="681" t="s">
        <v>52</v>
      </c>
      <c r="CX7" s="659" t="s">
        <v>61</v>
      </c>
      <c r="CY7" s="660"/>
      <c r="CZ7" s="663"/>
      <c r="DA7" s="662" t="s">
        <v>62</v>
      </c>
      <c r="DB7" s="660"/>
      <c r="DC7" s="660"/>
      <c r="DD7" s="660"/>
      <c r="DE7" s="660"/>
      <c r="DF7" s="660"/>
      <c r="DG7" s="663"/>
      <c r="DH7" s="681" t="s">
        <v>52</v>
      </c>
      <c r="DI7" s="666" t="s">
        <v>61</v>
      </c>
      <c r="DJ7" s="667"/>
      <c r="DK7" s="670"/>
      <c r="DL7" s="669" t="s">
        <v>62</v>
      </c>
      <c r="DM7" s="667"/>
      <c r="DN7" s="667"/>
      <c r="DO7" s="667"/>
      <c r="DP7" s="667"/>
      <c r="DQ7" s="667"/>
      <c r="DR7" s="670"/>
      <c r="DS7" s="679" t="s">
        <v>52</v>
      </c>
      <c r="DT7" s="659" t="s">
        <v>61</v>
      </c>
      <c r="DU7" s="660"/>
      <c r="DV7" s="661"/>
      <c r="DW7" s="662" t="s">
        <v>62</v>
      </c>
      <c r="DX7" s="660"/>
      <c r="DY7" s="660"/>
      <c r="DZ7" s="660"/>
      <c r="EA7" s="660"/>
      <c r="EB7" s="660"/>
      <c r="EC7" s="663"/>
      <c r="ED7" s="491" t="s">
        <v>52</v>
      </c>
      <c r="EE7" s="659" t="s">
        <v>61</v>
      </c>
      <c r="EF7" s="660"/>
      <c r="EG7" s="661"/>
      <c r="EH7" s="662" t="s">
        <v>62</v>
      </c>
      <c r="EI7" s="660"/>
      <c r="EJ7" s="660"/>
      <c r="EK7" s="660"/>
      <c r="EL7" s="660"/>
      <c r="EM7" s="660"/>
      <c r="EN7" s="663"/>
      <c r="EO7" s="491" t="s">
        <v>52</v>
      </c>
      <c r="EP7" s="659" t="s">
        <v>61</v>
      </c>
      <c r="EQ7" s="660"/>
      <c r="ER7" s="661"/>
      <c r="ES7" s="662" t="s">
        <v>62</v>
      </c>
      <c r="ET7" s="660"/>
      <c r="EU7" s="660"/>
      <c r="EV7" s="660"/>
      <c r="EW7" s="660"/>
      <c r="EX7" s="660"/>
      <c r="EY7" s="663"/>
      <c r="EZ7" s="491" t="s">
        <v>52</v>
      </c>
      <c r="FA7" s="659" t="s">
        <v>61</v>
      </c>
      <c r="FB7" s="660"/>
      <c r="FC7" s="661"/>
      <c r="FD7" s="662" t="s">
        <v>62</v>
      </c>
      <c r="FE7" s="660"/>
      <c r="FF7" s="660"/>
      <c r="FG7" s="660"/>
      <c r="FH7" s="660"/>
      <c r="FI7" s="660"/>
      <c r="FJ7" s="663"/>
      <c r="FK7" s="491" t="s">
        <v>52</v>
      </c>
      <c r="FL7" s="666" t="s">
        <v>61</v>
      </c>
      <c r="FM7" s="667"/>
      <c r="FN7" s="668"/>
      <c r="FO7" s="669" t="s">
        <v>62</v>
      </c>
      <c r="FP7" s="667"/>
      <c r="FQ7" s="667"/>
      <c r="FR7" s="667"/>
      <c r="FS7" s="667"/>
      <c r="FT7" s="667"/>
      <c r="FU7" s="670"/>
      <c r="FV7" s="671" t="s">
        <v>52</v>
      </c>
      <c r="FW7" s="659" t="s">
        <v>61</v>
      </c>
      <c r="FX7" s="660"/>
      <c r="FY7" s="661"/>
      <c r="FZ7" s="662" t="s">
        <v>62</v>
      </c>
      <c r="GA7" s="660"/>
      <c r="GB7" s="660"/>
      <c r="GC7" s="660"/>
      <c r="GD7" s="660"/>
      <c r="GE7" s="660"/>
      <c r="GF7" s="663"/>
      <c r="GG7" s="491" t="s">
        <v>52</v>
      </c>
      <c r="GH7" s="489" t="s">
        <v>61</v>
      </c>
      <c r="GI7" s="490"/>
      <c r="GJ7" s="490"/>
      <c r="GK7" s="664" t="s">
        <v>62</v>
      </c>
      <c r="GL7" s="490"/>
      <c r="GM7" s="490"/>
      <c r="GN7" s="490"/>
      <c r="GO7" s="490"/>
      <c r="GP7" s="490"/>
      <c r="GQ7" s="665"/>
      <c r="GR7" s="657" t="s">
        <v>52</v>
      </c>
      <c r="GS7" s="489" t="s">
        <v>61</v>
      </c>
      <c r="GT7" s="490"/>
      <c r="GU7" s="665"/>
      <c r="GV7" s="664" t="s">
        <v>62</v>
      </c>
      <c r="GW7" s="490"/>
      <c r="GX7" s="490"/>
      <c r="GY7" s="490"/>
      <c r="GZ7" s="490"/>
      <c r="HA7" s="490"/>
      <c r="HB7" s="665"/>
      <c r="HC7" s="657" t="s">
        <v>52</v>
      </c>
      <c r="HD7" s="659" t="s">
        <v>61</v>
      </c>
      <c r="HE7" s="660"/>
      <c r="HF7" s="661"/>
      <c r="HG7" s="662" t="s">
        <v>62</v>
      </c>
      <c r="HH7" s="660"/>
      <c r="HI7" s="660"/>
      <c r="HJ7" s="660"/>
      <c r="HK7" s="660"/>
      <c r="HL7" s="660"/>
      <c r="HM7" s="663"/>
      <c r="HN7" s="491" t="s">
        <v>52</v>
      </c>
      <c r="HO7" s="659" t="s">
        <v>61</v>
      </c>
      <c r="HP7" s="660"/>
      <c r="HQ7" s="661"/>
      <c r="HR7" s="662" t="s">
        <v>62</v>
      </c>
      <c r="HS7" s="660"/>
      <c r="HT7" s="660"/>
      <c r="HU7" s="660"/>
      <c r="HV7" s="660"/>
      <c r="HW7" s="660"/>
      <c r="HX7" s="663"/>
      <c r="HY7" s="491" t="s">
        <v>52</v>
      </c>
      <c r="HZ7" s="557" t="s">
        <v>61</v>
      </c>
      <c r="IA7" s="558"/>
      <c r="IB7" s="559"/>
      <c r="IC7" s="618" t="s">
        <v>62</v>
      </c>
      <c r="ID7" s="558"/>
      <c r="IE7" s="558"/>
      <c r="IF7" s="558"/>
      <c r="IG7" s="558"/>
      <c r="IH7" s="558"/>
      <c r="II7" s="619"/>
      <c r="IJ7" s="561" t="s">
        <v>52</v>
      </c>
      <c r="IK7" s="565" t="s">
        <v>61</v>
      </c>
      <c r="IL7" s="566"/>
      <c r="IM7" s="567"/>
      <c r="IN7" s="600" t="s">
        <v>62</v>
      </c>
      <c r="IO7" s="566"/>
      <c r="IP7" s="566"/>
      <c r="IQ7" s="566"/>
      <c r="IR7" s="566"/>
      <c r="IS7" s="566"/>
      <c r="IT7" s="601"/>
      <c r="IU7" s="577" t="s">
        <v>52</v>
      </c>
      <c r="IV7" s="565" t="s">
        <v>61</v>
      </c>
      <c r="IW7" s="566"/>
      <c r="IX7" s="601"/>
      <c r="IY7" s="600" t="s">
        <v>62</v>
      </c>
      <c r="IZ7" s="566"/>
      <c r="JA7" s="566"/>
      <c r="JB7" s="566"/>
      <c r="JC7" s="566"/>
      <c r="JD7" s="566"/>
      <c r="JE7" s="601"/>
      <c r="JF7" s="577" t="s">
        <v>52</v>
      </c>
      <c r="JG7" s="565" t="s">
        <v>61</v>
      </c>
      <c r="JH7" s="566"/>
      <c r="JI7" s="567"/>
      <c r="JJ7" s="600" t="s">
        <v>62</v>
      </c>
      <c r="JK7" s="566"/>
      <c r="JL7" s="566"/>
      <c r="JM7" s="566"/>
      <c r="JN7" s="566"/>
      <c r="JO7" s="566"/>
      <c r="JP7" s="601"/>
      <c r="JQ7" s="624" t="s">
        <v>52</v>
      </c>
      <c r="JR7" s="565" t="s">
        <v>61</v>
      </c>
      <c r="JS7" s="566"/>
      <c r="JT7" s="567"/>
      <c r="JU7" s="600" t="s">
        <v>62</v>
      </c>
      <c r="JV7" s="566"/>
      <c r="JW7" s="566"/>
      <c r="JX7" s="566"/>
      <c r="JY7" s="566"/>
      <c r="JZ7" s="566"/>
      <c r="KA7" s="601"/>
      <c r="KB7" s="624" t="s">
        <v>52</v>
      </c>
      <c r="KC7" s="565" t="s">
        <v>61</v>
      </c>
      <c r="KD7" s="566"/>
      <c r="KE7" s="567"/>
      <c r="KF7" s="600" t="s">
        <v>62</v>
      </c>
      <c r="KG7" s="566"/>
      <c r="KH7" s="566"/>
      <c r="KI7" s="566"/>
      <c r="KJ7" s="566"/>
      <c r="KK7" s="566"/>
      <c r="KL7" s="601"/>
      <c r="KM7" s="624" t="s">
        <v>52</v>
      </c>
      <c r="KN7" s="565" t="s">
        <v>61</v>
      </c>
      <c r="KO7" s="566"/>
      <c r="KP7" s="567"/>
      <c r="KQ7" s="600" t="s">
        <v>62</v>
      </c>
      <c r="KR7" s="566"/>
      <c r="KS7" s="566"/>
      <c r="KT7" s="566"/>
      <c r="KU7" s="566"/>
      <c r="KV7" s="566"/>
      <c r="KW7" s="601"/>
      <c r="KX7" s="624" t="s">
        <v>52</v>
      </c>
      <c r="KY7" s="565" t="s">
        <v>61</v>
      </c>
      <c r="KZ7" s="566"/>
      <c r="LA7" s="567"/>
      <c r="LB7" s="600" t="s">
        <v>62</v>
      </c>
      <c r="LC7" s="566"/>
      <c r="LD7" s="566"/>
      <c r="LE7" s="566"/>
      <c r="LF7" s="566"/>
      <c r="LG7" s="566"/>
      <c r="LH7" s="601"/>
      <c r="LI7" s="624" t="s">
        <v>52</v>
      </c>
      <c r="LJ7" s="565" t="s">
        <v>61</v>
      </c>
      <c r="LK7" s="566"/>
      <c r="LL7" s="567"/>
      <c r="LM7" s="600" t="s">
        <v>62</v>
      </c>
      <c r="LN7" s="566"/>
      <c r="LO7" s="566"/>
      <c r="LP7" s="566"/>
      <c r="LQ7" s="566"/>
      <c r="LR7" s="566"/>
      <c r="LS7" s="601"/>
      <c r="LT7" s="624" t="s">
        <v>52</v>
      </c>
      <c r="LU7" s="565" t="s">
        <v>61</v>
      </c>
      <c r="LV7" s="566"/>
      <c r="LW7" s="567"/>
      <c r="LX7" s="600" t="s">
        <v>62</v>
      </c>
      <c r="LY7" s="566"/>
      <c r="LZ7" s="566"/>
      <c r="MA7" s="566"/>
      <c r="MB7" s="566"/>
      <c r="MC7" s="566"/>
      <c r="MD7" s="601"/>
      <c r="ME7" s="624" t="s">
        <v>52</v>
      </c>
      <c r="MF7" s="557" t="s">
        <v>61</v>
      </c>
      <c r="MG7" s="558"/>
      <c r="MH7" s="559"/>
      <c r="MI7" s="618" t="s">
        <v>62</v>
      </c>
      <c r="MJ7" s="558"/>
      <c r="MK7" s="558"/>
      <c r="ML7" s="558"/>
      <c r="MM7" s="558"/>
      <c r="MN7" s="558"/>
      <c r="MO7" s="619"/>
      <c r="MP7" s="602" t="s">
        <v>52</v>
      </c>
      <c r="MQ7" s="565" t="s">
        <v>61</v>
      </c>
      <c r="MR7" s="566"/>
      <c r="MS7" s="567"/>
      <c r="MT7" s="600" t="s">
        <v>62</v>
      </c>
      <c r="MU7" s="566"/>
      <c r="MV7" s="566"/>
      <c r="MW7" s="566"/>
      <c r="MX7" s="566"/>
      <c r="MY7" s="566"/>
      <c r="MZ7" s="601"/>
      <c r="NA7" s="624" t="s">
        <v>52</v>
      </c>
      <c r="NB7" s="565" t="s">
        <v>61</v>
      </c>
      <c r="NC7" s="566"/>
      <c r="ND7" s="567"/>
      <c r="NE7" s="600" t="s">
        <v>62</v>
      </c>
      <c r="NF7" s="566"/>
      <c r="NG7" s="566"/>
      <c r="NH7" s="566"/>
      <c r="NI7" s="566"/>
      <c r="NJ7" s="566"/>
      <c r="NK7" s="601"/>
      <c r="NL7" s="624" t="s">
        <v>52</v>
      </c>
      <c r="NM7" s="565" t="s">
        <v>61</v>
      </c>
      <c r="NN7" s="566"/>
      <c r="NO7" s="567"/>
      <c r="NP7" s="600" t="s">
        <v>62</v>
      </c>
      <c r="NQ7" s="566"/>
      <c r="NR7" s="566"/>
      <c r="NS7" s="566"/>
      <c r="NT7" s="566"/>
      <c r="NU7" s="566"/>
      <c r="NV7" s="601"/>
      <c r="NW7" s="624" t="s">
        <v>52</v>
      </c>
      <c r="NX7" s="565" t="s">
        <v>61</v>
      </c>
      <c r="NY7" s="566"/>
      <c r="NZ7" s="567"/>
      <c r="OA7" s="600" t="s">
        <v>62</v>
      </c>
      <c r="OB7" s="566"/>
      <c r="OC7" s="566"/>
      <c r="OD7" s="566"/>
      <c r="OE7" s="566"/>
      <c r="OF7" s="566"/>
      <c r="OG7" s="601"/>
      <c r="OH7" s="624" t="s">
        <v>52</v>
      </c>
      <c r="OI7" s="557" t="s">
        <v>61</v>
      </c>
      <c r="OJ7" s="558"/>
      <c r="OK7" s="559"/>
      <c r="OL7" s="618" t="s">
        <v>62</v>
      </c>
      <c r="OM7" s="558"/>
      <c r="ON7" s="558"/>
      <c r="OO7" s="558"/>
      <c r="OP7" s="558"/>
      <c r="OQ7" s="558"/>
      <c r="OR7" s="619"/>
      <c r="OS7" s="602" t="s">
        <v>52</v>
      </c>
    </row>
    <row r="8" spans="1:409" ht="30" customHeight="1" thickBot="1" x14ac:dyDescent="0.25">
      <c r="B8" s="687"/>
      <c r="C8" s="303" t="s">
        <v>43</v>
      </c>
      <c r="D8" s="41" t="s">
        <v>44</v>
      </c>
      <c r="E8" s="304" t="s">
        <v>45</v>
      </c>
      <c r="F8" s="44" t="s">
        <v>83</v>
      </c>
      <c r="G8" s="41" t="s">
        <v>47</v>
      </c>
      <c r="H8" s="41" t="s">
        <v>48</v>
      </c>
      <c r="I8" s="41" t="s">
        <v>49</v>
      </c>
      <c r="J8" s="41" t="s">
        <v>50</v>
      </c>
      <c r="K8" s="41" t="s">
        <v>51</v>
      </c>
      <c r="L8" s="42" t="s">
        <v>45</v>
      </c>
      <c r="M8" s="703"/>
      <c r="N8" s="43" t="s">
        <v>43</v>
      </c>
      <c r="O8" s="41" t="s">
        <v>44</v>
      </c>
      <c r="P8" s="42" t="s">
        <v>45</v>
      </c>
      <c r="Q8" s="44" t="s">
        <v>83</v>
      </c>
      <c r="R8" s="41" t="s">
        <v>47</v>
      </c>
      <c r="S8" s="41" t="s">
        <v>48</v>
      </c>
      <c r="T8" s="41" t="s">
        <v>49</v>
      </c>
      <c r="U8" s="41" t="s">
        <v>50</v>
      </c>
      <c r="V8" s="41" t="s">
        <v>51</v>
      </c>
      <c r="W8" s="42" t="s">
        <v>45</v>
      </c>
      <c r="X8" s="680"/>
      <c r="Y8" s="43" t="s">
        <v>43</v>
      </c>
      <c r="Z8" s="41" t="s">
        <v>44</v>
      </c>
      <c r="AA8" s="42" t="s">
        <v>45</v>
      </c>
      <c r="AB8" s="44" t="s">
        <v>83</v>
      </c>
      <c r="AC8" s="41" t="s">
        <v>47</v>
      </c>
      <c r="AD8" s="41" t="s">
        <v>48</v>
      </c>
      <c r="AE8" s="41" t="s">
        <v>49</v>
      </c>
      <c r="AF8" s="41" t="s">
        <v>50</v>
      </c>
      <c r="AG8" s="41" t="s">
        <v>51</v>
      </c>
      <c r="AH8" s="42" t="s">
        <v>45</v>
      </c>
      <c r="AI8" s="656"/>
      <c r="AJ8" s="43" t="s">
        <v>43</v>
      </c>
      <c r="AK8" s="41" t="s">
        <v>44</v>
      </c>
      <c r="AL8" s="304" t="s">
        <v>45</v>
      </c>
      <c r="AM8" s="44" t="s">
        <v>83</v>
      </c>
      <c r="AN8" s="41" t="s">
        <v>47</v>
      </c>
      <c r="AO8" s="41" t="s">
        <v>48</v>
      </c>
      <c r="AP8" s="41" t="s">
        <v>49</v>
      </c>
      <c r="AQ8" s="41" t="s">
        <v>50</v>
      </c>
      <c r="AR8" s="41" t="s">
        <v>51</v>
      </c>
      <c r="AS8" s="42" t="s">
        <v>45</v>
      </c>
      <c r="AT8" s="656"/>
      <c r="AU8" s="43" t="s">
        <v>43</v>
      </c>
      <c r="AV8" s="41" t="s">
        <v>44</v>
      </c>
      <c r="AW8" s="304" t="s">
        <v>45</v>
      </c>
      <c r="AX8" s="44" t="s">
        <v>83</v>
      </c>
      <c r="AY8" s="41" t="s">
        <v>47</v>
      </c>
      <c r="AZ8" s="41" t="s">
        <v>48</v>
      </c>
      <c r="BA8" s="41" t="s">
        <v>49</v>
      </c>
      <c r="BB8" s="41" t="s">
        <v>50</v>
      </c>
      <c r="BC8" s="41" t="s">
        <v>51</v>
      </c>
      <c r="BD8" s="42" t="s">
        <v>45</v>
      </c>
      <c r="BE8" s="656"/>
      <c r="BF8" s="305" t="s">
        <v>43</v>
      </c>
      <c r="BG8" s="41" t="s">
        <v>44</v>
      </c>
      <c r="BH8" s="304" t="s">
        <v>45</v>
      </c>
      <c r="BI8" s="44" t="s">
        <v>83</v>
      </c>
      <c r="BJ8" s="41" t="s">
        <v>47</v>
      </c>
      <c r="BK8" s="41" t="s">
        <v>48</v>
      </c>
      <c r="BL8" s="41" t="s">
        <v>49</v>
      </c>
      <c r="BM8" s="41" t="s">
        <v>50</v>
      </c>
      <c r="BN8" s="41" t="s">
        <v>51</v>
      </c>
      <c r="BO8" s="42" t="s">
        <v>45</v>
      </c>
      <c r="BP8" s="656"/>
      <c r="BQ8" s="43" t="s">
        <v>43</v>
      </c>
      <c r="BR8" s="41" t="s">
        <v>44</v>
      </c>
      <c r="BS8" s="304" t="s">
        <v>45</v>
      </c>
      <c r="BT8" s="44" t="s">
        <v>83</v>
      </c>
      <c r="BU8" s="41" t="s">
        <v>47</v>
      </c>
      <c r="BV8" s="41" t="s">
        <v>48</v>
      </c>
      <c r="BW8" s="41" t="s">
        <v>49</v>
      </c>
      <c r="BX8" s="41" t="s">
        <v>50</v>
      </c>
      <c r="BY8" s="41" t="s">
        <v>51</v>
      </c>
      <c r="BZ8" s="42" t="s">
        <v>45</v>
      </c>
      <c r="CA8" s="656"/>
      <c r="CB8" s="43" t="s">
        <v>43</v>
      </c>
      <c r="CC8" s="41" t="s">
        <v>44</v>
      </c>
      <c r="CD8" s="304" t="s">
        <v>45</v>
      </c>
      <c r="CE8" s="44" t="s">
        <v>83</v>
      </c>
      <c r="CF8" s="41" t="s">
        <v>47</v>
      </c>
      <c r="CG8" s="41" t="s">
        <v>48</v>
      </c>
      <c r="CH8" s="41" t="s">
        <v>49</v>
      </c>
      <c r="CI8" s="41" t="s">
        <v>50</v>
      </c>
      <c r="CJ8" s="41" t="s">
        <v>51</v>
      </c>
      <c r="CK8" s="42" t="s">
        <v>45</v>
      </c>
      <c r="CL8" s="680"/>
      <c r="CM8" s="43" t="s">
        <v>43</v>
      </c>
      <c r="CN8" s="41" t="s">
        <v>44</v>
      </c>
      <c r="CO8" s="42" t="s">
        <v>45</v>
      </c>
      <c r="CP8" s="44" t="s">
        <v>83</v>
      </c>
      <c r="CQ8" s="41" t="s">
        <v>47</v>
      </c>
      <c r="CR8" s="41" t="s">
        <v>48</v>
      </c>
      <c r="CS8" s="41" t="s">
        <v>49</v>
      </c>
      <c r="CT8" s="41" t="s">
        <v>50</v>
      </c>
      <c r="CU8" s="41" t="s">
        <v>51</v>
      </c>
      <c r="CV8" s="42" t="s">
        <v>45</v>
      </c>
      <c r="CW8" s="680"/>
      <c r="CX8" s="43" t="s">
        <v>43</v>
      </c>
      <c r="CY8" s="41" t="s">
        <v>44</v>
      </c>
      <c r="CZ8" s="42" t="s">
        <v>45</v>
      </c>
      <c r="DA8" s="44" t="s">
        <v>83</v>
      </c>
      <c r="DB8" s="41" t="s">
        <v>47</v>
      </c>
      <c r="DC8" s="41" t="s">
        <v>48</v>
      </c>
      <c r="DD8" s="41" t="s">
        <v>49</v>
      </c>
      <c r="DE8" s="41" t="s">
        <v>50</v>
      </c>
      <c r="DF8" s="41" t="s">
        <v>51</v>
      </c>
      <c r="DG8" s="42" t="s">
        <v>45</v>
      </c>
      <c r="DH8" s="680"/>
      <c r="DI8" s="43" t="s">
        <v>43</v>
      </c>
      <c r="DJ8" s="41" t="s">
        <v>44</v>
      </c>
      <c r="DK8" s="42" t="s">
        <v>45</v>
      </c>
      <c r="DL8" s="44" t="s">
        <v>83</v>
      </c>
      <c r="DM8" s="41" t="s">
        <v>47</v>
      </c>
      <c r="DN8" s="41" t="s">
        <v>48</v>
      </c>
      <c r="DO8" s="41" t="s">
        <v>49</v>
      </c>
      <c r="DP8" s="41" t="s">
        <v>50</v>
      </c>
      <c r="DQ8" s="41" t="s">
        <v>51</v>
      </c>
      <c r="DR8" s="42" t="s">
        <v>45</v>
      </c>
      <c r="DS8" s="680"/>
      <c r="DT8" s="43" t="s">
        <v>43</v>
      </c>
      <c r="DU8" s="41" t="s">
        <v>44</v>
      </c>
      <c r="DV8" s="304" t="s">
        <v>45</v>
      </c>
      <c r="DW8" s="44" t="s">
        <v>83</v>
      </c>
      <c r="DX8" s="41" t="s">
        <v>47</v>
      </c>
      <c r="DY8" s="41" t="s">
        <v>48</v>
      </c>
      <c r="DZ8" s="41" t="s">
        <v>49</v>
      </c>
      <c r="EA8" s="41" t="s">
        <v>50</v>
      </c>
      <c r="EB8" s="41" t="s">
        <v>51</v>
      </c>
      <c r="EC8" s="42" t="s">
        <v>45</v>
      </c>
      <c r="ED8" s="656"/>
      <c r="EE8" s="43" t="s">
        <v>43</v>
      </c>
      <c r="EF8" s="41" t="s">
        <v>44</v>
      </c>
      <c r="EG8" s="304" t="s">
        <v>45</v>
      </c>
      <c r="EH8" s="44" t="s">
        <v>83</v>
      </c>
      <c r="EI8" s="41" t="s">
        <v>47</v>
      </c>
      <c r="EJ8" s="41" t="s">
        <v>48</v>
      </c>
      <c r="EK8" s="41" t="s">
        <v>49</v>
      </c>
      <c r="EL8" s="41" t="s">
        <v>50</v>
      </c>
      <c r="EM8" s="41" t="s">
        <v>51</v>
      </c>
      <c r="EN8" s="42" t="s">
        <v>45</v>
      </c>
      <c r="EO8" s="656"/>
      <c r="EP8" s="43" t="s">
        <v>43</v>
      </c>
      <c r="EQ8" s="41" t="s">
        <v>44</v>
      </c>
      <c r="ER8" s="304" t="s">
        <v>45</v>
      </c>
      <c r="ES8" s="44" t="s">
        <v>83</v>
      </c>
      <c r="ET8" s="41" t="s">
        <v>47</v>
      </c>
      <c r="EU8" s="41" t="s">
        <v>48</v>
      </c>
      <c r="EV8" s="41" t="s">
        <v>49</v>
      </c>
      <c r="EW8" s="41" t="s">
        <v>50</v>
      </c>
      <c r="EX8" s="41" t="s">
        <v>51</v>
      </c>
      <c r="EY8" s="42" t="s">
        <v>45</v>
      </c>
      <c r="EZ8" s="656"/>
      <c r="FA8" s="43" t="s">
        <v>43</v>
      </c>
      <c r="FB8" s="41" t="s">
        <v>44</v>
      </c>
      <c r="FC8" s="304" t="s">
        <v>45</v>
      </c>
      <c r="FD8" s="44" t="s">
        <v>83</v>
      </c>
      <c r="FE8" s="41" t="s">
        <v>47</v>
      </c>
      <c r="FF8" s="41" t="s">
        <v>48</v>
      </c>
      <c r="FG8" s="41" t="s">
        <v>49</v>
      </c>
      <c r="FH8" s="41" t="s">
        <v>50</v>
      </c>
      <c r="FI8" s="41" t="s">
        <v>51</v>
      </c>
      <c r="FJ8" s="42" t="s">
        <v>45</v>
      </c>
      <c r="FK8" s="656"/>
      <c r="FL8" s="43" t="s">
        <v>43</v>
      </c>
      <c r="FM8" s="41" t="s">
        <v>44</v>
      </c>
      <c r="FN8" s="304" t="s">
        <v>45</v>
      </c>
      <c r="FO8" s="44" t="s">
        <v>83</v>
      </c>
      <c r="FP8" s="41" t="s">
        <v>47</v>
      </c>
      <c r="FQ8" s="41" t="s">
        <v>48</v>
      </c>
      <c r="FR8" s="41" t="s">
        <v>49</v>
      </c>
      <c r="FS8" s="41" t="s">
        <v>50</v>
      </c>
      <c r="FT8" s="41" t="s">
        <v>51</v>
      </c>
      <c r="FU8" s="42" t="s">
        <v>45</v>
      </c>
      <c r="FV8" s="672"/>
      <c r="FW8" s="43" t="s">
        <v>43</v>
      </c>
      <c r="FX8" s="41" t="s">
        <v>44</v>
      </c>
      <c r="FY8" s="304" t="s">
        <v>45</v>
      </c>
      <c r="FZ8" s="44" t="s">
        <v>83</v>
      </c>
      <c r="GA8" s="41" t="s">
        <v>47</v>
      </c>
      <c r="GB8" s="41" t="s">
        <v>48</v>
      </c>
      <c r="GC8" s="41" t="s">
        <v>49</v>
      </c>
      <c r="GD8" s="41" t="s">
        <v>50</v>
      </c>
      <c r="GE8" s="41" t="s">
        <v>51</v>
      </c>
      <c r="GF8" s="42" t="s">
        <v>45</v>
      </c>
      <c r="GG8" s="656"/>
      <c r="GH8" s="43" t="s">
        <v>43</v>
      </c>
      <c r="GI8" s="41" t="s">
        <v>44</v>
      </c>
      <c r="GJ8" s="304" t="s">
        <v>45</v>
      </c>
      <c r="GK8" s="44" t="s">
        <v>83</v>
      </c>
      <c r="GL8" s="41" t="s">
        <v>47</v>
      </c>
      <c r="GM8" s="41" t="s">
        <v>48</v>
      </c>
      <c r="GN8" s="41" t="s">
        <v>49</v>
      </c>
      <c r="GO8" s="41" t="s">
        <v>50</v>
      </c>
      <c r="GP8" s="41" t="s">
        <v>51</v>
      </c>
      <c r="GQ8" s="42" t="s">
        <v>45</v>
      </c>
      <c r="GR8" s="658"/>
      <c r="GS8" s="43" t="s">
        <v>43</v>
      </c>
      <c r="GT8" s="41" t="s">
        <v>44</v>
      </c>
      <c r="GU8" s="304" t="s">
        <v>45</v>
      </c>
      <c r="GV8" s="44" t="s">
        <v>83</v>
      </c>
      <c r="GW8" s="41" t="s">
        <v>47</v>
      </c>
      <c r="GX8" s="41" t="s">
        <v>48</v>
      </c>
      <c r="GY8" s="41" t="s">
        <v>49</v>
      </c>
      <c r="GZ8" s="41" t="s">
        <v>50</v>
      </c>
      <c r="HA8" s="41" t="s">
        <v>51</v>
      </c>
      <c r="HB8" s="42" t="s">
        <v>45</v>
      </c>
      <c r="HC8" s="658"/>
      <c r="HD8" s="43" t="s">
        <v>43</v>
      </c>
      <c r="HE8" s="41" t="s">
        <v>44</v>
      </c>
      <c r="HF8" s="304" t="s">
        <v>45</v>
      </c>
      <c r="HG8" s="44" t="s">
        <v>83</v>
      </c>
      <c r="HH8" s="41" t="s">
        <v>47</v>
      </c>
      <c r="HI8" s="41" t="s">
        <v>48</v>
      </c>
      <c r="HJ8" s="41" t="s">
        <v>49</v>
      </c>
      <c r="HK8" s="41" t="s">
        <v>50</v>
      </c>
      <c r="HL8" s="41" t="s">
        <v>51</v>
      </c>
      <c r="HM8" s="42" t="s">
        <v>45</v>
      </c>
      <c r="HN8" s="656"/>
      <c r="HO8" s="43" t="s">
        <v>43</v>
      </c>
      <c r="HP8" s="41" t="s">
        <v>44</v>
      </c>
      <c r="HQ8" s="304" t="s">
        <v>45</v>
      </c>
      <c r="HR8" s="44" t="s">
        <v>83</v>
      </c>
      <c r="HS8" s="41" t="s">
        <v>47</v>
      </c>
      <c r="HT8" s="41" t="s">
        <v>48</v>
      </c>
      <c r="HU8" s="41" t="s">
        <v>49</v>
      </c>
      <c r="HV8" s="41" t="s">
        <v>50</v>
      </c>
      <c r="HW8" s="41" t="s">
        <v>51</v>
      </c>
      <c r="HX8" s="42" t="s">
        <v>45</v>
      </c>
      <c r="HY8" s="656"/>
      <c r="HZ8" s="342" t="s">
        <v>43</v>
      </c>
      <c r="IA8" s="343" t="s">
        <v>44</v>
      </c>
      <c r="IB8" s="36" t="s">
        <v>45</v>
      </c>
      <c r="IC8" s="37" t="s">
        <v>83</v>
      </c>
      <c r="ID8" s="343" t="s">
        <v>47</v>
      </c>
      <c r="IE8" s="343" t="s">
        <v>48</v>
      </c>
      <c r="IF8" s="343" t="s">
        <v>49</v>
      </c>
      <c r="IG8" s="343" t="s">
        <v>50</v>
      </c>
      <c r="IH8" s="343" t="s">
        <v>51</v>
      </c>
      <c r="II8" s="14" t="s">
        <v>45</v>
      </c>
      <c r="IJ8" s="623"/>
      <c r="IK8" s="342" t="s">
        <v>43</v>
      </c>
      <c r="IL8" s="343" t="s">
        <v>44</v>
      </c>
      <c r="IM8" s="36" t="s">
        <v>45</v>
      </c>
      <c r="IN8" s="37" t="s">
        <v>83</v>
      </c>
      <c r="IO8" s="51" t="s">
        <v>47</v>
      </c>
      <c r="IP8" s="51" t="s">
        <v>48</v>
      </c>
      <c r="IQ8" s="51" t="s">
        <v>49</v>
      </c>
      <c r="IR8" s="51" t="s">
        <v>50</v>
      </c>
      <c r="IS8" s="51" t="s">
        <v>51</v>
      </c>
      <c r="IT8" s="54" t="s">
        <v>45</v>
      </c>
      <c r="IU8" s="633"/>
      <c r="IV8" s="53" t="s">
        <v>43</v>
      </c>
      <c r="IW8" s="51" t="s">
        <v>44</v>
      </c>
      <c r="IX8" s="54" t="s">
        <v>45</v>
      </c>
      <c r="IY8" s="28" t="s">
        <v>83</v>
      </c>
      <c r="IZ8" s="51" t="s">
        <v>47</v>
      </c>
      <c r="JA8" s="51" t="s">
        <v>48</v>
      </c>
      <c r="JB8" s="51" t="s">
        <v>49</v>
      </c>
      <c r="JC8" s="51" t="s">
        <v>50</v>
      </c>
      <c r="JD8" s="51" t="s">
        <v>51</v>
      </c>
      <c r="JE8" s="54" t="s">
        <v>45</v>
      </c>
      <c r="JF8" s="633"/>
      <c r="JG8" s="53" t="s">
        <v>43</v>
      </c>
      <c r="JH8" s="51" t="s">
        <v>44</v>
      </c>
      <c r="JI8" s="52" t="s">
        <v>45</v>
      </c>
      <c r="JJ8" s="28" t="s">
        <v>83</v>
      </c>
      <c r="JK8" s="51" t="s">
        <v>47</v>
      </c>
      <c r="JL8" s="51" t="s">
        <v>48</v>
      </c>
      <c r="JM8" s="51" t="s">
        <v>49</v>
      </c>
      <c r="JN8" s="51" t="s">
        <v>50</v>
      </c>
      <c r="JO8" s="51" t="s">
        <v>51</v>
      </c>
      <c r="JP8" s="54" t="s">
        <v>45</v>
      </c>
      <c r="JQ8" s="626"/>
      <c r="JR8" s="53" t="s">
        <v>43</v>
      </c>
      <c r="JS8" s="51" t="s">
        <v>44</v>
      </c>
      <c r="JT8" s="52" t="s">
        <v>45</v>
      </c>
      <c r="JU8" s="28" t="s">
        <v>83</v>
      </c>
      <c r="JV8" s="51" t="s">
        <v>47</v>
      </c>
      <c r="JW8" s="51" t="s">
        <v>48</v>
      </c>
      <c r="JX8" s="51" t="s">
        <v>49</v>
      </c>
      <c r="JY8" s="51" t="s">
        <v>50</v>
      </c>
      <c r="JZ8" s="51" t="s">
        <v>51</v>
      </c>
      <c r="KA8" s="54" t="s">
        <v>45</v>
      </c>
      <c r="KB8" s="626"/>
      <c r="KC8" s="53" t="s">
        <v>43</v>
      </c>
      <c r="KD8" s="51" t="s">
        <v>44</v>
      </c>
      <c r="KE8" s="52" t="s">
        <v>45</v>
      </c>
      <c r="KF8" s="28" t="s">
        <v>83</v>
      </c>
      <c r="KG8" s="51" t="s">
        <v>47</v>
      </c>
      <c r="KH8" s="51" t="s">
        <v>48</v>
      </c>
      <c r="KI8" s="51" t="s">
        <v>49</v>
      </c>
      <c r="KJ8" s="51" t="s">
        <v>50</v>
      </c>
      <c r="KK8" s="51" t="s">
        <v>51</v>
      </c>
      <c r="KL8" s="54" t="s">
        <v>45</v>
      </c>
      <c r="KM8" s="626"/>
      <c r="KN8" s="53" t="s">
        <v>43</v>
      </c>
      <c r="KO8" s="51" t="s">
        <v>44</v>
      </c>
      <c r="KP8" s="52" t="s">
        <v>45</v>
      </c>
      <c r="KQ8" s="37" t="s">
        <v>83</v>
      </c>
      <c r="KR8" s="51" t="s">
        <v>47</v>
      </c>
      <c r="KS8" s="51" t="s">
        <v>48</v>
      </c>
      <c r="KT8" s="51" t="s">
        <v>49</v>
      </c>
      <c r="KU8" s="51" t="s">
        <v>50</v>
      </c>
      <c r="KV8" s="51" t="s">
        <v>51</v>
      </c>
      <c r="KW8" s="54" t="s">
        <v>45</v>
      </c>
      <c r="KX8" s="626"/>
      <c r="KY8" s="53" t="s">
        <v>43</v>
      </c>
      <c r="KZ8" s="51" t="s">
        <v>44</v>
      </c>
      <c r="LA8" s="52" t="s">
        <v>45</v>
      </c>
      <c r="LB8" s="37" t="s">
        <v>83</v>
      </c>
      <c r="LC8" s="51" t="s">
        <v>47</v>
      </c>
      <c r="LD8" s="51" t="s">
        <v>48</v>
      </c>
      <c r="LE8" s="51" t="s">
        <v>49</v>
      </c>
      <c r="LF8" s="51" t="s">
        <v>50</v>
      </c>
      <c r="LG8" s="51" t="s">
        <v>51</v>
      </c>
      <c r="LH8" s="54" t="s">
        <v>45</v>
      </c>
      <c r="LI8" s="626"/>
      <c r="LJ8" s="53" t="s">
        <v>43</v>
      </c>
      <c r="LK8" s="51" t="s">
        <v>44</v>
      </c>
      <c r="LL8" s="52" t="s">
        <v>45</v>
      </c>
      <c r="LM8" s="37" t="s">
        <v>83</v>
      </c>
      <c r="LN8" s="51" t="s">
        <v>47</v>
      </c>
      <c r="LO8" s="51" t="s">
        <v>48</v>
      </c>
      <c r="LP8" s="51" t="s">
        <v>49</v>
      </c>
      <c r="LQ8" s="51" t="s">
        <v>50</v>
      </c>
      <c r="LR8" s="51" t="s">
        <v>51</v>
      </c>
      <c r="LS8" s="54" t="s">
        <v>45</v>
      </c>
      <c r="LT8" s="626"/>
      <c r="LU8" s="53" t="s">
        <v>43</v>
      </c>
      <c r="LV8" s="51" t="s">
        <v>44</v>
      </c>
      <c r="LW8" s="52" t="s">
        <v>45</v>
      </c>
      <c r="LX8" s="37" t="s">
        <v>83</v>
      </c>
      <c r="LY8" s="51" t="s">
        <v>47</v>
      </c>
      <c r="LZ8" s="51" t="s">
        <v>48</v>
      </c>
      <c r="MA8" s="51" t="s">
        <v>49</v>
      </c>
      <c r="MB8" s="51" t="s">
        <v>50</v>
      </c>
      <c r="MC8" s="51" t="s">
        <v>51</v>
      </c>
      <c r="MD8" s="54" t="s">
        <v>45</v>
      </c>
      <c r="ME8" s="626"/>
      <c r="MF8" s="53" t="s">
        <v>43</v>
      </c>
      <c r="MG8" s="51" t="s">
        <v>44</v>
      </c>
      <c r="MH8" s="52" t="s">
        <v>45</v>
      </c>
      <c r="MI8" s="37" t="s">
        <v>83</v>
      </c>
      <c r="MJ8" s="51" t="s">
        <v>47</v>
      </c>
      <c r="MK8" s="51" t="s">
        <v>48</v>
      </c>
      <c r="ML8" s="51" t="s">
        <v>49</v>
      </c>
      <c r="MM8" s="51" t="s">
        <v>50</v>
      </c>
      <c r="MN8" s="51" t="s">
        <v>51</v>
      </c>
      <c r="MO8" s="54" t="s">
        <v>45</v>
      </c>
      <c r="MP8" s="626"/>
      <c r="MQ8" s="53" t="s">
        <v>43</v>
      </c>
      <c r="MR8" s="51" t="s">
        <v>44</v>
      </c>
      <c r="MS8" s="52" t="s">
        <v>45</v>
      </c>
      <c r="MT8" s="37" t="s">
        <v>83</v>
      </c>
      <c r="MU8" s="51" t="s">
        <v>47</v>
      </c>
      <c r="MV8" s="51" t="s">
        <v>48</v>
      </c>
      <c r="MW8" s="51" t="s">
        <v>49</v>
      </c>
      <c r="MX8" s="51" t="s">
        <v>50</v>
      </c>
      <c r="MY8" s="51" t="s">
        <v>51</v>
      </c>
      <c r="MZ8" s="54" t="s">
        <v>45</v>
      </c>
      <c r="NA8" s="626"/>
      <c r="NB8" s="53" t="s">
        <v>43</v>
      </c>
      <c r="NC8" s="51" t="s">
        <v>44</v>
      </c>
      <c r="ND8" s="52" t="s">
        <v>45</v>
      </c>
      <c r="NE8" s="37" t="s">
        <v>83</v>
      </c>
      <c r="NF8" s="51" t="s">
        <v>47</v>
      </c>
      <c r="NG8" s="51" t="s">
        <v>48</v>
      </c>
      <c r="NH8" s="51" t="s">
        <v>49</v>
      </c>
      <c r="NI8" s="51" t="s">
        <v>50</v>
      </c>
      <c r="NJ8" s="51" t="s">
        <v>51</v>
      </c>
      <c r="NK8" s="54" t="s">
        <v>45</v>
      </c>
      <c r="NL8" s="626"/>
      <c r="NM8" s="53" t="s">
        <v>43</v>
      </c>
      <c r="NN8" s="51" t="s">
        <v>44</v>
      </c>
      <c r="NO8" s="52" t="s">
        <v>45</v>
      </c>
      <c r="NP8" s="37" t="s">
        <v>83</v>
      </c>
      <c r="NQ8" s="51" t="s">
        <v>47</v>
      </c>
      <c r="NR8" s="51" t="s">
        <v>48</v>
      </c>
      <c r="NS8" s="51" t="s">
        <v>49</v>
      </c>
      <c r="NT8" s="51" t="s">
        <v>50</v>
      </c>
      <c r="NU8" s="51" t="s">
        <v>51</v>
      </c>
      <c r="NV8" s="54" t="s">
        <v>45</v>
      </c>
      <c r="NW8" s="626"/>
      <c r="NX8" s="53" t="s">
        <v>43</v>
      </c>
      <c r="NY8" s="51" t="s">
        <v>44</v>
      </c>
      <c r="NZ8" s="52" t="s">
        <v>45</v>
      </c>
      <c r="OA8" s="37" t="s">
        <v>83</v>
      </c>
      <c r="OB8" s="51" t="s">
        <v>47</v>
      </c>
      <c r="OC8" s="51" t="s">
        <v>48</v>
      </c>
      <c r="OD8" s="51" t="s">
        <v>49</v>
      </c>
      <c r="OE8" s="51" t="s">
        <v>50</v>
      </c>
      <c r="OF8" s="51" t="s">
        <v>51</v>
      </c>
      <c r="OG8" s="54" t="s">
        <v>45</v>
      </c>
      <c r="OH8" s="626"/>
      <c r="OI8" s="53" t="s">
        <v>43</v>
      </c>
      <c r="OJ8" s="51" t="s">
        <v>44</v>
      </c>
      <c r="OK8" s="52" t="s">
        <v>45</v>
      </c>
      <c r="OL8" s="28" t="s">
        <v>83</v>
      </c>
      <c r="OM8" s="51" t="s">
        <v>47</v>
      </c>
      <c r="ON8" s="51" t="s">
        <v>48</v>
      </c>
      <c r="OO8" s="51" t="s">
        <v>49</v>
      </c>
      <c r="OP8" s="51" t="s">
        <v>50</v>
      </c>
      <c r="OQ8" s="51" t="s">
        <v>51</v>
      </c>
      <c r="OR8" s="54" t="s">
        <v>45</v>
      </c>
      <c r="OS8" s="626"/>
    </row>
    <row r="9" spans="1:409" s="444" customFormat="1" ht="21" customHeight="1" x14ac:dyDescent="0.2">
      <c r="A9" s="39"/>
      <c r="B9" s="470" t="s">
        <v>4</v>
      </c>
      <c r="C9" s="360">
        <v>27115965</v>
      </c>
      <c r="D9" s="361">
        <v>47795017</v>
      </c>
      <c r="E9" s="362">
        <v>74910982</v>
      </c>
      <c r="F9" s="363">
        <v>0</v>
      </c>
      <c r="G9" s="361">
        <v>301509157</v>
      </c>
      <c r="H9" s="361">
        <v>397423776</v>
      </c>
      <c r="I9" s="361">
        <v>340470319</v>
      </c>
      <c r="J9" s="361">
        <v>320140561</v>
      </c>
      <c r="K9" s="361">
        <v>205350419</v>
      </c>
      <c r="L9" s="364">
        <v>1564894232</v>
      </c>
      <c r="M9" s="365">
        <v>1639805214</v>
      </c>
      <c r="N9" s="360">
        <v>8769159</v>
      </c>
      <c r="O9" s="361">
        <v>16467599</v>
      </c>
      <c r="P9" s="366">
        <v>25236758</v>
      </c>
      <c r="Q9" s="360">
        <v>0</v>
      </c>
      <c r="R9" s="361">
        <v>97914219</v>
      </c>
      <c r="S9" s="361">
        <v>134148931</v>
      </c>
      <c r="T9" s="361">
        <v>113656226</v>
      </c>
      <c r="U9" s="361">
        <v>118548896</v>
      </c>
      <c r="V9" s="361">
        <v>104220823</v>
      </c>
      <c r="W9" s="366">
        <v>568489095</v>
      </c>
      <c r="X9" s="365">
        <v>593725853</v>
      </c>
      <c r="Y9" s="360">
        <v>0</v>
      </c>
      <c r="Z9" s="361">
        <v>0</v>
      </c>
      <c r="AA9" s="366">
        <v>0</v>
      </c>
      <c r="AB9" s="367">
        <v>0</v>
      </c>
      <c r="AC9" s="368">
        <v>40927315</v>
      </c>
      <c r="AD9" s="368">
        <v>54570309</v>
      </c>
      <c r="AE9" s="368">
        <v>53363102</v>
      </c>
      <c r="AF9" s="368">
        <v>61675652</v>
      </c>
      <c r="AG9" s="368">
        <v>56157720</v>
      </c>
      <c r="AH9" s="366">
        <v>266694098</v>
      </c>
      <c r="AI9" s="365">
        <v>266694098</v>
      </c>
      <c r="AJ9" s="369">
        <v>0</v>
      </c>
      <c r="AK9" s="368">
        <v>16439</v>
      </c>
      <c r="AL9" s="366">
        <v>16439</v>
      </c>
      <c r="AM9" s="367">
        <v>0</v>
      </c>
      <c r="AN9" s="368">
        <v>346363</v>
      </c>
      <c r="AO9" s="364">
        <v>1219656</v>
      </c>
      <c r="AP9" s="368">
        <v>3327392</v>
      </c>
      <c r="AQ9" s="368">
        <v>7106950</v>
      </c>
      <c r="AR9" s="368">
        <v>12470285</v>
      </c>
      <c r="AS9" s="366">
        <v>24470646</v>
      </c>
      <c r="AT9" s="365">
        <v>24487085</v>
      </c>
      <c r="AU9" s="369">
        <v>4634041</v>
      </c>
      <c r="AV9" s="368">
        <v>10543420</v>
      </c>
      <c r="AW9" s="366">
        <v>15177461</v>
      </c>
      <c r="AX9" s="367">
        <v>0</v>
      </c>
      <c r="AY9" s="368">
        <v>36136120</v>
      </c>
      <c r="AZ9" s="368">
        <v>54039446</v>
      </c>
      <c r="BA9" s="368">
        <v>35353047</v>
      </c>
      <c r="BB9" s="368">
        <v>29676724</v>
      </c>
      <c r="BC9" s="368">
        <v>22523664</v>
      </c>
      <c r="BD9" s="366">
        <v>177729001</v>
      </c>
      <c r="BE9" s="370">
        <v>192906462</v>
      </c>
      <c r="BF9" s="369">
        <v>613982</v>
      </c>
      <c r="BG9" s="364">
        <v>2005636</v>
      </c>
      <c r="BH9" s="371">
        <v>2619618</v>
      </c>
      <c r="BI9" s="367">
        <v>0</v>
      </c>
      <c r="BJ9" s="368">
        <v>2708163</v>
      </c>
      <c r="BK9" s="368">
        <v>3671136</v>
      </c>
      <c r="BL9" s="368">
        <v>3087509</v>
      </c>
      <c r="BM9" s="368">
        <v>2895210</v>
      </c>
      <c r="BN9" s="368">
        <v>1324966</v>
      </c>
      <c r="BO9" s="366">
        <v>13686984</v>
      </c>
      <c r="BP9" s="365">
        <v>16306602</v>
      </c>
      <c r="BQ9" s="369">
        <v>3521136</v>
      </c>
      <c r="BR9" s="368">
        <v>3902104</v>
      </c>
      <c r="BS9" s="366">
        <v>7423240</v>
      </c>
      <c r="BT9" s="367">
        <v>0</v>
      </c>
      <c r="BU9" s="368">
        <v>17796258</v>
      </c>
      <c r="BV9" s="368">
        <v>20648384</v>
      </c>
      <c r="BW9" s="368">
        <v>18525176</v>
      </c>
      <c r="BX9" s="368">
        <v>17194360</v>
      </c>
      <c r="BY9" s="368">
        <v>11744188</v>
      </c>
      <c r="BZ9" s="366">
        <v>85908366</v>
      </c>
      <c r="CA9" s="365">
        <v>93331606</v>
      </c>
      <c r="CB9" s="369">
        <v>2966807</v>
      </c>
      <c r="CC9" s="368">
        <v>7672059</v>
      </c>
      <c r="CD9" s="366">
        <v>10638866</v>
      </c>
      <c r="CE9" s="367">
        <v>0</v>
      </c>
      <c r="CF9" s="368">
        <v>89554765</v>
      </c>
      <c r="CG9" s="368">
        <v>115815919</v>
      </c>
      <c r="CH9" s="372">
        <v>81253187</v>
      </c>
      <c r="CI9" s="368">
        <v>47653751</v>
      </c>
      <c r="CJ9" s="368">
        <v>19599288</v>
      </c>
      <c r="CK9" s="366">
        <v>353876910</v>
      </c>
      <c r="CL9" s="365">
        <v>364515776</v>
      </c>
      <c r="CM9" s="360">
        <v>0</v>
      </c>
      <c r="CN9" s="361">
        <v>0</v>
      </c>
      <c r="CO9" s="366">
        <v>0</v>
      </c>
      <c r="CP9" s="367">
        <v>0</v>
      </c>
      <c r="CQ9" s="368">
        <v>73907143</v>
      </c>
      <c r="CR9" s="368">
        <v>85466104</v>
      </c>
      <c r="CS9" s="368">
        <v>57572437</v>
      </c>
      <c r="CT9" s="368">
        <v>32002282</v>
      </c>
      <c r="CU9" s="368">
        <v>15251726</v>
      </c>
      <c r="CV9" s="373">
        <v>264199692</v>
      </c>
      <c r="CW9" s="365">
        <v>264199692</v>
      </c>
      <c r="CX9" s="369">
        <v>2966807</v>
      </c>
      <c r="CY9" s="368">
        <v>7672059</v>
      </c>
      <c r="CZ9" s="366">
        <v>10638866</v>
      </c>
      <c r="DA9" s="367">
        <v>0</v>
      </c>
      <c r="DB9" s="368">
        <v>15647622</v>
      </c>
      <c r="DC9" s="368">
        <v>30349815</v>
      </c>
      <c r="DD9" s="368">
        <v>23680750</v>
      </c>
      <c r="DE9" s="368">
        <v>15651469</v>
      </c>
      <c r="DF9" s="368">
        <v>4347562</v>
      </c>
      <c r="DG9" s="366">
        <v>89677218</v>
      </c>
      <c r="DH9" s="365">
        <v>100316084</v>
      </c>
      <c r="DI9" s="369">
        <v>140974</v>
      </c>
      <c r="DJ9" s="368">
        <v>771406</v>
      </c>
      <c r="DK9" s="371">
        <v>912380</v>
      </c>
      <c r="DL9" s="367">
        <v>0</v>
      </c>
      <c r="DM9" s="368">
        <v>9131905</v>
      </c>
      <c r="DN9" s="368">
        <v>19824171</v>
      </c>
      <c r="DO9" s="368">
        <v>31221772</v>
      </c>
      <c r="DP9" s="368">
        <v>28179039</v>
      </c>
      <c r="DQ9" s="368">
        <v>12807335</v>
      </c>
      <c r="DR9" s="374">
        <v>101164222</v>
      </c>
      <c r="DS9" s="365">
        <v>102076602</v>
      </c>
      <c r="DT9" s="369">
        <v>124320</v>
      </c>
      <c r="DU9" s="368">
        <v>738252</v>
      </c>
      <c r="DV9" s="366">
        <v>862572</v>
      </c>
      <c r="DW9" s="367">
        <v>0</v>
      </c>
      <c r="DX9" s="368">
        <v>8209701</v>
      </c>
      <c r="DY9" s="368">
        <v>16536323</v>
      </c>
      <c r="DZ9" s="368">
        <v>25887705</v>
      </c>
      <c r="EA9" s="368">
        <v>23601444</v>
      </c>
      <c r="EB9" s="368">
        <v>10823332</v>
      </c>
      <c r="EC9" s="366">
        <v>85058505</v>
      </c>
      <c r="ED9" s="365">
        <v>85921077</v>
      </c>
      <c r="EE9" s="369">
        <v>16654</v>
      </c>
      <c r="EF9" s="364">
        <v>33154</v>
      </c>
      <c r="EG9" s="366">
        <v>49808</v>
      </c>
      <c r="EH9" s="370">
        <v>0</v>
      </c>
      <c r="EI9" s="368">
        <v>922204</v>
      </c>
      <c r="EJ9" s="368">
        <v>3287848</v>
      </c>
      <c r="EK9" s="368">
        <v>5334067</v>
      </c>
      <c r="EL9" s="368">
        <v>4577595</v>
      </c>
      <c r="EM9" s="372">
        <v>1984003</v>
      </c>
      <c r="EN9" s="364">
        <v>16105717</v>
      </c>
      <c r="EO9" s="365">
        <v>16155525</v>
      </c>
      <c r="EP9" s="369">
        <v>0</v>
      </c>
      <c r="EQ9" s="368">
        <v>0</v>
      </c>
      <c r="ER9" s="364">
        <v>0</v>
      </c>
      <c r="ES9" s="367">
        <v>0</v>
      </c>
      <c r="ET9" s="368">
        <v>0</v>
      </c>
      <c r="EU9" s="368">
        <v>0</v>
      </c>
      <c r="EV9" s="368">
        <v>0</v>
      </c>
      <c r="EW9" s="368">
        <v>0</v>
      </c>
      <c r="EX9" s="368">
        <v>0</v>
      </c>
      <c r="EY9" s="373">
        <v>0</v>
      </c>
      <c r="EZ9" s="365">
        <v>0</v>
      </c>
      <c r="FA9" s="369">
        <v>0</v>
      </c>
      <c r="FB9" s="368">
        <v>0</v>
      </c>
      <c r="FC9" s="364">
        <v>0</v>
      </c>
      <c r="FD9" s="375"/>
      <c r="FE9" s="368">
        <v>0</v>
      </c>
      <c r="FF9" s="368">
        <v>0</v>
      </c>
      <c r="FG9" s="368">
        <v>0</v>
      </c>
      <c r="FH9" s="368">
        <v>0</v>
      </c>
      <c r="FI9" s="368">
        <v>0</v>
      </c>
      <c r="FJ9" s="373">
        <v>0</v>
      </c>
      <c r="FK9" s="365">
        <v>0</v>
      </c>
      <c r="FL9" s="369">
        <v>5179911</v>
      </c>
      <c r="FM9" s="368">
        <v>10468245</v>
      </c>
      <c r="FN9" s="366">
        <v>15648156</v>
      </c>
      <c r="FO9" s="367">
        <v>0</v>
      </c>
      <c r="FP9" s="368">
        <v>14428943</v>
      </c>
      <c r="FQ9" s="368">
        <v>38133697</v>
      </c>
      <c r="FR9" s="368">
        <v>27949764</v>
      </c>
      <c r="FS9" s="368">
        <v>24043282</v>
      </c>
      <c r="FT9" s="368">
        <v>14411486</v>
      </c>
      <c r="FU9" s="366">
        <v>118967172</v>
      </c>
      <c r="FV9" s="365">
        <v>134615328</v>
      </c>
      <c r="FW9" s="369">
        <v>2765104</v>
      </c>
      <c r="FX9" s="368">
        <v>7162896</v>
      </c>
      <c r="FY9" s="364">
        <v>9928000</v>
      </c>
      <c r="FZ9" s="370">
        <v>0</v>
      </c>
      <c r="GA9" s="368">
        <v>10069616</v>
      </c>
      <c r="GB9" s="376">
        <v>33988746</v>
      </c>
      <c r="GC9" s="368">
        <v>25055224</v>
      </c>
      <c r="GD9" s="376">
        <v>22148880</v>
      </c>
      <c r="GE9" s="368">
        <v>13696074</v>
      </c>
      <c r="GF9" s="373">
        <v>104958540</v>
      </c>
      <c r="GG9" s="377">
        <v>114886540</v>
      </c>
      <c r="GH9" s="378">
        <v>310389</v>
      </c>
      <c r="GI9" s="368">
        <v>717096</v>
      </c>
      <c r="GJ9" s="376">
        <v>1027485</v>
      </c>
      <c r="GK9" s="363">
        <v>0</v>
      </c>
      <c r="GL9" s="368">
        <v>1213620</v>
      </c>
      <c r="GM9" s="364">
        <v>1324403</v>
      </c>
      <c r="GN9" s="368">
        <v>1115063</v>
      </c>
      <c r="GO9" s="364">
        <v>978031</v>
      </c>
      <c r="GP9" s="368">
        <v>393404</v>
      </c>
      <c r="GQ9" s="374">
        <v>5024521</v>
      </c>
      <c r="GR9" s="365">
        <v>6052006</v>
      </c>
      <c r="GS9" s="364">
        <v>2104418</v>
      </c>
      <c r="GT9" s="368">
        <v>2588253</v>
      </c>
      <c r="GU9" s="366">
        <v>4692671</v>
      </c>
      <c r="GV9" s="364">
        <v>0</v>
      </c>
      <c r="GW9" s="368">
        <v>3145707</v>
      </c>
      <c r="GX9" s="364">
        <v>2820548</v>
      </c>
      <c r="GY9" s="368">
        <v>1779477</v>
      </c>
      <c r="GZ9" s="364">
        <v>916371</v>
      </c>
      <c r="HA9" s="368">
        <v>322008</v>
      </c>
      <c r="HB9" s="364">
        <v>8984111</v>
      </c>
      <c r="HC9" s="365">
        <v>13676782</v>
      </c>
      <c r="HD9" s="364">
        <v>10059114</v>
      </c>
      <c r="HE9" s="368">
        <v>12415708</v>
      </c>
      <c r="HF9" s="364">
        <v>22474822</v>
      </c>
      <c r="HG9" s="370">
        <v>0</v>
      </c>
      <c r="HH9" s="368">
        <v>90479325</v>
      </c>
      <c r="HI9" s="376">
        <v>89501058</v>
      </c>
      <c r="HJ9" s="368">
        <v>86389370</v>
      </c>
      <c r="HK9" s="376">
        <v>101715593</v>
      </c>
      <c r="HL9" s="368">
        <v>54311487</v>
      </c>
      <c r="HM9" s="373">
        <v>422396833</v>
      </c>
      <c r="HN9" s="364">
        <v>444871655</v>
      </c>
      <c r="HO9" s="439"/>
      <c r="HP9" s="440"/>
      <c r="HQ9" s="441"/>
      <c r="HR9" s="442"/>
      <c r="HS9" s="440"/>
      <c r="HT9" s="442"/>
      <c r="HU9" s="440"/>
      <c r="HV9" s="442"/>
      <c r="HW9" s="440"/>
      <c r="HX9" s="442"/>
      <c r="HY9" s="443"/>
      <c r="HZ9" s="379">
        <v>632727</v>
      </c>
      <c r="IA9" s="380">
        <v>514034</v>
      </c>
      <c r="IB9" s="381">
        <v>1146761</v>
      </c>
      <c r="IC9" s="382">
        <v>0</v>
      </c>
      <c r="ID9" s="380">
        <v>79548199</v>
      </c>
      <c r="IE9" s="383">
        <v>105398344</v>
      </c>
      <c r="IF9" s="384">
        <v>117240967</v>
      </c>
      <c r="IG9" s="380">
        <v>74943404</v>
      </c>
      <c r="IH9" s="384">
        <v>51578396</v>
      </c>
      <c r="II9" s="385">
        <v>428709310</v>
      </c>
      <c r="IJ9" s="386">
        <v>429856071</v>
      </c>
      <c r="IK9" s="387">
        <v>0</v>
      </c>
      <c r="IL9" s="388">
        <v>0</v>
      </c>
      <c r="IM9" s="389">
        <v>0</v>
      </c>
      <c r="IN9" s="390"/>
      <c r="IO9" s="391">
        <v>1181071</v>
      </c>
      <c r="IP9" s="391">
        <v>2814024</v>
      </c>
      <c r="IQ9" s="391">
        <v>4268844</v>
      </c>
      <c r="IR9" s="391">
        <v>5091342</v>
      </c>
      <c r="IS9" s="391">
        <v>3078203</v>
      </c>
      <c r="IT9" s="392">
        <v>16433484</v>
      </c>
      <c r="IU9" s="393">
        <v>16433484</v>
      </c>
      <c r="IV9" s="394">
        <v>0</v>
      </c>
      <c r="IW9" s="391">
        <v>0</v>
      </c>
      <c r="IX9" s="395">
        <v>0</v>
      </c>
      <c r="IY9" s="396"/>
      <c r="IZ9" s="391">
        <v>190926</v>
      </c>
      <c r="JA9" s="391">
        <v>544901</v>
      </c>
      <c r="JB9" s="391">
        <v>696951</v>
      </c>
      <c r="JC9" s="391">
        <v>995732</v>
      </c>
      <c r="JD9" s="391">
        <v>660708</v>
      </c>
      <c r="JE9" s="395">
        <v>3089218</v>
      </c>
      <c r="JF9" s="397">
        <v>3089218</v>
      </c>
      <c r="JG9" s="394">
        <v>0</v>
      </c>
      <c r="JH9" s="391">
        <v>0</v>
      </c>
      <c r="JI9" s="392">
        <v>0</v>
      </c>
      <c r="JJ9" s="398">
        <v>0</v>
      </c>
      <c r="JK9" s="391">
        <v>35753651</v>
      </c>
      <c r="JL9" s="391">
        <v>39387125</v>
      </c>
      <c r="JM9" s="391">
        <v>26924555</v>
      </c>
      <c r="JN9" s="391">
        <v>15693285</v>
      </c>
      <c r="JO9" s="391">
        <v>7411176</v>
      </c>
      <c r="JP9" s="395">
        <v>125169792</v>
      </c>
      <c r="JQ9" s="393">
        <v>125169792</v>
      </c>
      <c r="JR9" s="394">
        <v>0</v>
      </c>
      <c r="JS9" s="391">
        <v>0</v>
      </c>
      <c r="JT9" s="392">
        <v>0</v>
      </c>
      <c r="JU9" s="398">
        <v>0</v>
      </c>
      <c r="JV9" s="391">
        <v>5791382</v>
      </c>
      <c r="JW9" s="391">
        <v>6647648</v>
      </c>
      <c r="JX9" s="391">
        <v>11329837</v>
      </c>
      <c r="JY9" s="391">
        <v>4588292</v>
      </c>
      <c r="JZ9" s="391">
        <v>3251243</v>
      </c>
      <c r="KA9" s="395">
        <v>31608402</v>
      </c>
      <c r="KB9" s="393">
        <v>31608402</v>
      </c>
      <c r="KC9" s="399">
        <v>632727</v>
      </c>
      <c r="KD9" s="400">
        <v>514034</v>
      </c>
      <c r="KE9" s="395">
        <v>1146761</v>
      </c>
      <c r="KF9" s="398">
        <v>0</v>
      </c>
      <c r="KG9" s="391">
        <v>10211592</v>
      </c>
      <c r="KH9" s="391">
        <v>14322681</v>
      </c>
      <c r="KI9" s="391">
        <v>22306748</v>
      </c>
      <c r="KJ9" s="391">
        <v>10645358</v>
      </c>
      <c r="KK9" s="391">
        <v>5997114</v>
      </c>
      <c r="KL9" s="395">
        <v>63483493</v>
      </c>
      <c r="KM9" s="401">
        <v>64630254</v>
      </c>
      <c r="KN9" s="387">
        <v>0</v>
      </c>
      <c r="KO9" s="388">
        <v>0</v>
      </c>
      <c r="KP9" s="389">
        <v>0</v>
      </c>
      <c r="KQ9" s="390"/>
      <c r="KR9" s="391">
        <v>22853460</v>
      </c>
      <c r="KS9" s="391">
        <v>37224616</v>
      </c>
      <c r="KT9" s="391">
        <v>41874282</v>
      </c>
      <c r="KU9" s="391">
        <v>24773709</v>
      </c>
      <c r="KV9" s="391">
        <v>16859668</v>
      </c>
      <c r="KW9" s="395">
        <v>143585735</v>
      </c>
      <c r="KX9" s="393">
        <v>143585735</v>
      </c>
      <c r="KY9" s="394">
        <v>0</v>
      </c>
      <c r="KZ9" s="391">
        <v>0</v>
      </c>
      <c r="LA9" s="395">
        <v>0</v>
      </c>
      <c r="LB9" s="402"/>
      <c r="LC9" s="391">
        <v>663847</v>
      </c>
      <c r="LD9" s="391">
        <v>922854</v>
      </c>
      <c r="LE9" s="391">
        <v>1290344</v>
      </c>
      <c r="LF9" s="391">
        <v>671663</v>
      </c>
      <c r="LG9" s="391">
        <v>238709</v>
      </c>
      <c r="LH9" s="395">
        <v>3787417</v>
      </c>
      <c r="LI9" s="397">
        <v>3787417</v>
      </c>
      <c r="LJ9" s="394">
        <v>0</v>
      </c>
      <c r="LK9" s="391">
        <v>0</v>
      </c>
      <c r="LL9" s="395">
        <v>0</v>
      </c>
      <c r="LM9" s="402"/>
      <c r="LN9" s="391">
        <v>0</v>
      </c>
      <c r="LO9" s="391">
        <v>645815</v>
      </c>
      <c r="LP9" s="391">
        <v>5186377</v>
      </c>
      <c r="LQ9" s="391">
        <v>5854416</v>
      </c>
      <c r="LR9" s="391">
        <v>3863181</v>
      </c>
      <c r="LS9" s="395">
        <v>15549789</v>
      </c>
      <c r="LT9" s="393">
        <v>15549789</v>
      </c>
      <c r="LU9" s="394">
        <v>0</v>
      </c>
      <c r="LV9" s="391">
        <v>0</v>
      </c>
      <c r="LW9" s="395">
        <v>0</v>
      </c>
      <c r="LX9" s="402"/>
      <c r="LY9" s="391">
        <v>2902270</v>
      </c>
      <c r="LZ9" s="391">
        <v>2888680</v>
      </c>
      <c r="MA9" s="391">
        <v>3363029</v>
      </c>
      <c r="MB9" s="391">
        <v>6629607</v>
      </c>
      <c r="MC9" s="391">
        <v>10218394</v>
      </c>
      <c r="MD9" s="395">
        <v>26001980</v>
      </c>
      <c r="ME9" s="397">
        <v>26001980</v>
      </c>
      <c r="MF9" s="394">
        <v>0</v>
      </c>
      <c r="MG9" s="391">
        <v>0</v>
      </c>
      <c r="MH9" s="395">
        <v>0</v>
      </c>
      <c r="MI9" s="402"/>
      <c r="MJ9" s="391">
        <v>24453251</v>
      </c>
      <c r="MK9" s="391">
        <v>60991350</v>
      </c>
      <c r="ML9" s="391">
        <v>186242835</v>
      </c>
      <c r="MM9" s="391">
        <v>275129396</v>
      </c>
      <c r="MN9" s="391">
        <v>155088816</v>
      </c>
      <c r="MO9" s="395">
        <v>701905648</v>
      </c>
      <c r="MP9" s="401">
        <v>701905648</v>
      </c>
      <c r="MQ9" s="394">
        <v>0</v>
      </c>
      <c r="MR9" s="391">
        <v>0</v>
      </c>
      <c r="MS9" s="395">
        <v>0</v>
      </c>
      <c r="MT9" s="402"/>
      <c r="MU9" s="391">
        <v>2828183</v>
      </c>
      <c r="MV9" s="391">
        <v>14784076</v>
      </c>
      <c r="MW9" s="391">
        <v>111964486</v>
      </c>
      <c r="MX9" s="391">
        <v>180536489</v>
      </c>
      <c r="MY9" s="391">
        <v>95016226</v>
      </c>
      <c r="MZ9" s="395">
        <v>405129460</v>
      </c>
      <c r="NA9" s="401">
        <v>405129460</v>
      </c>
      <c r="NB9" s="394">
        <v>0</v>
      </c>
      <c r="NC9" s="391">
        <v>0</v>
      </c>
      <c r="ND9" s="395">
        <v>0</v>
      </c>
      <c r="NE9" s="402"/>
      <c r="NF9" s="391">
        <v>21625068</v>
      </c>
      <c r="NG9" s="391">
        <v>45773094</v>
      </c>
      <c r="NH9" s="391">
        <v>73629744</v>
      </c>
      <c r="NI9" s="391">
        <v>87363653</v>
      </c>
      <c r="NJ9" s="391">
        <v>51692980</v>
      </c>
      <c r="NK9" s="395">
        <v>280084539</v>
      </c>
      <c r="NL9" s="393">
        <v>280084539</v>
      </c>
      <c r="NM9" s="394">
        <v>0</v>
      </c>
      <c r="NN9" s="391">
        <v>0</v>
      </c>
      <c r="NO9" s="395">
        <v>0</v>
      </c>
      <c r="NP9" s="402"/>
      <c r="NQ9" s="391">
        <v>0</v>
      </c>
      <c r="NR9" s="391">
        <v>0</v>
      </c>
      <c r="NS9" s="391">
        <v>0</v>
      </c>
      <c r="NT9" s="391">
        <v>3239960</v>
      </c>
      <c r="NU9" s="391">
        <v>1551561</v>
      </c>
      <c r="NV9" s="395">
        <v>4791521</v>
      </c>
      <c r="NW9" s="397">
        <v>4791521</v>
      </c>
      <c r="NX9" s="394">
        <v>0</v>
      </c>
      <c r="NY9" s="391">
        <v>0</v>
      </c>
      <c r="NZ9" s="395">
        <v>0</v>
      </c>
      <c r="OA9" s="402"/>
      <c r="OB9" s="391">
        <v>0</v>
      </c>
      <c r="OC9" s="391">
        <v>434180</v>
      </c>
      <c r="OD9" s="391">
        <v>648605</v>
      </c>
      <c r="OE9" s="391">
        <v>3989294</v>
      </c>
      <c r="OF9" s="391">
        <v>6828049</v>
      </c>
      <c r="OG9" s="395">
        <v>11900128</v>
      </c>
      <c r="OH9" s="397">
        <v>11900128</v>
      </c>
      <c r="OI9" s="394">
        <v>27748692</v>
      </c>
      <c r="OJ9" s="391">
        <v>48309051</v>
      </c>
      <c r="OK9" s="392">
        <v>76057743</v>
      </c>
      <c r="OL9" s="398">
        <v>0</v>
      </c>
      <c r="OM9" s="391">
        <v>405510607</v>
      </c>
      <c r="ON9" s="391">
        <v>563813470</v>
      </c>
      <c r="OO9" s="391">
        <v>643954121</v>
      </c>
      <c r="OP9" s="391">
        <v>670213361</v>
      </c>
      <c r="OQ9" s="391">
        <v>412017631</v>
      </c>
      <c r="OR9" s="395">
        <v>2695509190</v>
      </c>
      <c r="OS9" s="401">
        <v>2771566933</v>
      </c>
    </row>
    <row r="10" spans="1:409" s="444" customFormat="1" ht="21" customHeight="1" x14ac:dyDescent="0.2">
      <c r="A10" s="39"/>
      <c r="B10" s="471" t="s">
        <v>5</v>
      </c>
      <c r="C10" s="404">
        <v>11923761</v>
      </c>
      <c r="D10" s="405">
        <v>26190274</v>
      </c>
      <c r="E10" s="406">
        <v>38114035</v>
      </c>
      <c r="F10" s="407">
        <v>0</v>
      </c>
      <c r="G10" s="405">
        <v>114229335</v>
      </c>
      <c r="H10" s="405">
        <v>185376314</v>
      </c>
      <c r="I10" s="405">
        <v>155787635</v>
      </c>
      <c r="J10" s="405">
        <v>138211957</v>
      </c>
      <c r="K10" s="405">
        <v>91345306</v>
      </c>
      <c r="L10" s="407">
        <v>684950547</v>
      </c>
      <c r="M10" s="408">
        <v>723064582</v>
      </c>
      <c r="N10" s="404">
        <v>4136467</v>
      </c>
      <c r="O10" s="405">
        <v>9561995</v>
      </c>
      <c r="P10" s="406">
        <v>13698462</v>
      </c>
      <c r="Q10" s="404">
        <v>0</v>
      </c>
      <c r="R10" s="405">
        <v>39170822</v>
      </c>
      <c r="S10" s="405">
        <v>67134406</v>
      </c>
      <c r="T10" s="405">
        <v>53635675</v>
      </c>
      <c r="U10" s="405">
        <v>52059898</v>
      </c>
      <c r="V10" s="405">
        <v>45599019</v>
      </c>
      <c r="W10" s="406">
        <v>257599820</v>
      </c>
      <c r="X10" s="408">
        <v>271298282</v>
      </c>
      <c r="Y10" s="404">
        <v>0</v>
      </c>
      <c r="Z10" s="405">
        <v>0</v>
      </c>
      <c r="AA10" s="406">
        <v>0</v>
      </c>
      <c r="AB10" s="404">
        <v>0</v>
      </c>
      <c r="AC10" s="405">
        <v>16344439</v>
      </c>
      <c r="AD10" s="405">
        <v>25397515</v>
      </c>
      <c r="AE10" s="405">
        <v>24513991</v>
      </c>
      <c r="AF10" s="405">
        <v>24805309</v>
      </c>
      <c r="AG10" s="405">
        <v>23249594</v>
      </c>
      <c r="AH10" s="406">
        <v>114310848</v>
      </c>
      <c r="AI10" s="408">
        <v>114310848</v>
      </c>
      <c r="AJ10" s="404">
        <v>0</v>
      </c>
      <c r="AK10" s="405">
        <v>16439</v>
      </c>
      <c r="AL10" s="406">
        <v>16439</v>
      </c>
      <c r="AM10" s="404">
        <v>0</v>
      </c>
      <c r="AN10" s="405">
        <v>0</v>
      </c>
      <c r="AO10" s="405">
        <v>389888</v>
      </c>
      <c r="AP10" s="405">
        <v>1351589</v>
      </c>
      <c r="AQ10" s="405">
        <v>3215652</v>
      </c>
      <c r="AR10" s="405">
        <v>6565277</v>
      </c>
      <c r="AS10" s="406">
        <v>11522406</v>
      </c>
      <c r="AT10" s="408">
        <v>11538845</v>
      </c>
      <c r="AU10" s="404">
        <v>2326243</v>
      </c>
      <c r="AV10" s="405">
        <v>6156442</v>
      </c>
      <c r="AW10" s="406">
        <v>8482685</v>
      </c>
      <c r="AX10" s="404">
        <v>0</v>
      </c>
      <c r="AY10" s="405">
        <v>15304180</v>
      </c>
      <c r="AZ10" s="405">
        <v>30282790</v>
      </c>
      <c r="BA10" s="405">
        <v>18281419</v>
      </c>
      <c r="BB10" s="405">
        <v>15292411</v>
      </c>
      <c r="BC10" s="405">
        <v>9933402</v>
      </c>
      <c r="BD10" s="406">
        <v>89094202</v>
      </c>
      <c r="BE10" s="408">
        <v>97576887</v>
      </c>
      <c r="BF10" s="404">
        <v>234696</v>
      </c>
      <c r="BG10" s="405">
        <v>1018786</v>
      </c>
      <c r="BH10" s="409">
        <v>1253482</v>
      </c>
      <c r="BI10" s="410">
        <v>0</v>
      </c>
      <c r="BJ10" s="405">
        <v>874369</v>
      </c>
      <c r="BK10" s="405">
        <v>1424109</v>
      </c>
      <c r="BL10" s="405">
        <v>1213308</v>
      </c>
      <c r="BM10" s="405">
        <v>1060758</v>
      </c>
      <c r="BN10" s="405">
        <v>658654</v>
      </c>
      <c r="BO10" s="406">
        <v>5231198</v>
      </c>
      <c r="BP10" s="408">
        <v>6484680</v>
      </c>
      <c r="BQ10" s="404">
        <v>1575528</v>
      </c>
      <c r="BR10" s="405">
        <v>2370328</v>
      </c>
      <c r="BS10" s="406">
        <v>3945856</v>
      </c>
      <c r="BT10" s="404">
        <v>0</v>
      </c>
      <c r="BU10" s="405">
        <v>6647834</v>
      </c>
      <c r="BV10" s="405">
        <v>9640104</v>
      </c>
      <c r="BW10" s="405">
        <v>8275368</v>
      </c>
      <c r="BX10" s="405">
        <v>7685768</v>
      </c>
      <c r="BY10" s="405">
        <v>5192092</v>
      </c>
      <c r="BZ10" s="406">
        <v>37441166</v>
      </c>
      <c r="CA10" s="408">
        <v>41387022</v>
      </c>
      <c r="CB10" s="404">
        <v>1548890</v>
      </c>
      <c r="CC10" s="405">
        <v>4159822</v>
      </c>
      <c r="CD10" s="406">
        <v>5708712</v>
      </c>
      <c r="CE10" s="404">
        <v>0</v>
      </c>
      <c r="CF10" s="405">
        <v>31578282</v>
      </c>
      <c r="CG10" s="405">
        <v>51329428</v>
      </c>
      <c r="CH10" s="405">
        <v>34287959</v>
      </c>
      <c r="CI10" s="405">
        <v>18861753</v>
      </c>
      <c r="CJ10" s="405">
        <v>8791981</v>
      </c>
      <c r="CK10" s="406">
        <v>144849403</v>
      </c>
      <c r="CL10" s="408">
        <v>150558115</v>
      </c>
      <c r="CM10" s="404">
        <v>0</v>
      </c>
      <c r="CN10" s="405">
        <v>0</v>
      </c>
      <c r="CO10" s="406">
        <v>0</v>
      </c>
      <c r="CP10" s="410">
        <v>0</v>
      </c>
      <c r="CQ10" s="405">
        <v>25893621</v>
      </c>
      <c r="CR10" s="405">
        <v>36817543</v>
      </c>
      <c r="CS10" s="405">
        <v>22822547</v>
      </c>
      <c r="CT10" s="405">
        <v>10721061</v>
      </c>
      <c r="CU10" s="405">
        <v>7138485</v>
      </c>
      <c r="CV10" s="406">
        <v>103393257</v>
      </c>
      <c r="CW10" s="408">
        <v>103393257</v>
      </c>
      <c r="CX10" s="404">
        <v>1548890</v>
      </c>
      <c r="CY10" s="405">
        <v>4159822</v>
      </c>
      <c r="CZ10" s="406">
        <v>5708712</v>
      </c>
      <c r="DA10" s="404">
        <v>0</v>
      </c>
      <c r="DB10" s="405">
        <v>5684661</v>
      </c>
      <c r="DC10" s="405">
        <v>14511885</v>
      </c>
      <c r="DD10" s="405">
        <v>11465412</v>
      </c>
      <c r="DE10" s="405">
        <v>8140692</v>
      </c>
      <c r="DF10" s="405">
        <v>1653496</v>
      </c>
      <c r="DG10" s="406">
        <v>41456146</v>
      </c>
      <c r="DH10" s="408">
        <v>47164858</v>
      </c>
      <c r="DI10" s="404">
        <v>89171</v>
      </c>
      <c r="DJ10" s="405">
        <v>455423</v>
      </c>
      <c r="DK10" s="409">
        <v>544594</v>
      </c>
      <c r="DL10" s="410">
        <v>0</v>
      </c>
      <c r="DM10" s="405">
        <v>3874968</v>
      </c>
      <c r="DN10" s="405">
        <v>8328468</v>
      </c>
      <c r="DO10" s="405">
        <v>15851525</v>
      </c>
      <c r="DP10" s="405">
        <v>11523148</v>
      </c>
      <c r="DQ10" s="405">
        <v>5210856</v>
      </c>
      <c r="DR10" s="406">
        <v>44788965</v>
      </c>
      <c r="DS10" s="408">
        <v>45333559</v>
      </c>
      <c r="DT10" s="404">
        <v>72517</v>
      </c>
      <c r="DU10" s="405">
        <v>422269</v>
      </c>
      <c r="DV10" s="406">
        <v>494786</v>
      </c>
      <c r="DW10" s="404">
        <v>0</v>
      </c>
      <c r="DX10" s="405">
        <v>3375776</v>
      </c>
      <c r="DY10" s="405">
        <v>6097394</v>
      </c>
      <c r="DZ10" s="405">
        <v>12499356</v>
      </c>
      <c r="EA10" s="405">
        <v>8724162</v>
      </c>
      <c r="EB10" s="405">
        <v>4040904</v>
      </c>
      <c r="EC10" s="406">
        <v>34737592</v>
      </c>
      <c r="ED10" s="408">
        <v>35232378</v>
      </c>
      <c r="EE10" s="404">
        <v>16654</v>
      </c>
      <c r="EF10" s="409">
        <v>33154</v>
      </c>
      <c r="EG10" s="406">
        <v>49808</v>
      </c>
      <c r="EH10" s="404">
        <v>0</v>
      </c>
      <c r="EI10" s="405">
        <v>499192</v>
      </c>
      <c r="EJ10" s="405">
        <v>2231074</v>
      </c>
      <c r="EK10" s="405">
        <v>3352169</v>
      </c>
      <c r="EL10" s="405">
        <v>2798986</v>
      </c>
      <c r="EM10" s="405">
        <v>1169952</v>
      </c>
      <c r="EN10" s="409">
        <v>10051373</v>
      </c>
      <c r="EO10" s="408">
        <v>10101181</v>
      </c>
      <c r="EP10" s="404">
        <v>0</v>
      </c>
      <c r="EQ10" s="405">
        <v>0</v>
      </c>
      <c r="ER10" s="409">
        <v>0</v>
      </c>
      <c r="ES10" s="410">
        <v>0</v>
      </c>
      <c r="ET10" s="405">
        <v>0</v>
      </c>
      <c r="EU10" s="405">
        <v>0</v>
      </c>
      <c r="EV10" s="405">
        <v>0</v>
      </c>
      <c r="EW10" s="405">
        <v>0</v>
      </c>
      <c r="EX10" s="405">
        <v>0</v>
      </c>
      <c r="EY10" s="406">
        <v>0</v>
      </c>
      <c r="EZ10" s="408">
        <v>0</v>
      </c>
      <c r="FA10" s="404">
        <v>0</v>
      </c>
      <c r="FB10" s="405">
        <v>0</v>
      </c>
      <c r="FC10" s="409">
        <v>0</v>
      </c>
      <c r="FD10" s="411"/>
      <c r="FE10" s="405">
        <v>0</v>
      </c>
      <c r="FF10" s="405">
        <v>0</v>
      </c>
      <c r="FG10" s="405">
        <v>0</v>
      </c>
      <c r="FH10" s="405">
        <v>0</v>
      </c>
      <c r="FI10" s="405">
        <v>0</v>
      </c>
      <c r="FJ10" s="406">
        <v>0</v>
      </c>
      <c r="FK10" s="408">
        <v>0</v>
      </c>
      <c r="FL10" s="404">
        <v>1989010</v>
      </c>
      <c r="FM10" s="405">
        <v>4709400</v>
      </c>
      <c r="FN10" s="406">
        <v>6698410</v>
      </c>
      <c r="FO10" s="404">
        <v>0</v>
      </c>
      <c r="FP10" s="405">
        <v>4538355</v>
      </c>
      <c r="FQ10" s="405">
        <v>17390552</v>
      </c>
      <c r="FR10" s="405">
        <v>12053482</v>
      </c>
      <c r="FS10" s="405">
        <v>9732517</v>
      </c>
      <c r="FT10" s="405">
        <v>6228994</v>
      </c>
      <c r="FU10" s="406">
        <v>49943900</v>
      </c>
      <c r="FV10" s="408">
        <v>56642310</v>
      </c>
      <c r="FW10" s="412">
        <v>881552</v>
      </c>
      <c r="FX10" s="405">
        <v>3322112</v>
      </c>
      <c r="FY10" s="409">
        <v>4203664</v>
      </c>
      <c r="FZ10" s="410">
        <v>0</v>
      </c>
      <c r="GA10" s="405">
        <v>3120120</v>
      </c>
      <c r="GB10" s="405">
        <v>14922144</v>
      </c>
      <c r="GC10" s="405">
        <v>10833256</v>
      </c>
      <c r="GD10" s="405">
        <v>8976208</v>
      </c>
      <c r="GE10" s="405">
        <v>5931794</v>
      </c>
      <c r="GF10" s="406">
        <v>43783522</v>
      </c>
      <c r="GG10" s="413">
        <v>47987186</v>
      </c>
      <c r="GH10" s="412">
        <v>183738</v>
      </c>
      <c r="GI10" s="405">
        <v>469400</v>
      </c>
      <c r="GJ10" s="409">
        <v>653138</v>
      </c>
      <c r="GK10" s="410">
        <v>0</v>
      </c>
      <c r="GL10" s="405">
        <v>468688</v>
      </c>
      <c r="GM10" s="405">
        <v>625508</v>
      </c>
      <c r="GN10" s="405">
        <v>330146</v>
      </c>
      <c r="GO10" s="405">
        <v>429109</v>
      </c>
      <c r="GP10" s="405">
        <v>205592</v>
      </c>
      <c r="GQ10" s="406">
        <v>2059043</v>
      </c>
      <c r="GR10" s="408">
        <v>2712181</v>
      </c>
      <c r="GS10" s="404">
        <v>923720</v>
      </c>
      <c r="GT10" s="405">
        <v>917888</v>
      </c>
      <c r="GU10" s="406">
        <v>1841608</v>
      </c>
      <c r="GV10" s="404">
        <v>0</v>
      </c>
      <c r="GW10" s="405">
        <v>949547</v>
      </c>
      <c r="GX10" s="405">
        <v>1842900</v>
      </c>
      <c r="GY10" s="405">
        <v>890080</v>
      </c>
      <c r="GZ10" s="405">
        <v>327200</v>
      </c>
      <c r="HA10" s="405">
        <v>91608</v>
      </c>
      <c r="HB10" s="409">
        <v>4101335</v>
      </c>
      <c r="HC10" s="408">
        <v>5942943</v>
      </c>
      <c r="HD10" s="404">
        <v>4160223</v>
      </c>
      <c r="HE10" s="405">
        <v>7303634</v>
      </c>
      <c r="HF10" s="409">
        <v>11463857</v>
      </c>
      <c r="HG10" s="410">
        <v>0</v>
      </c>
      <c r="HH10" s="405">
        <v>35066908</v>
      </c>
      <c r="HI10" s="405">
        <v>41193460</v>
      </c>
      <c r="HJ10" s="405">
        <v>39958994</v>
      </c>
      <c r="HK10" s="405">
        <v>46034641</v>
      </c>
      <c r="HL10" s="405">
        <v>25514456</v>
      </c>
      <c r="HM10" s="406">
        <v>187768459</v>
      </c>
      <c r="HN10" s="407">
        <v>199232316</v>
      </c>
      <c r="HO10" s="445"/>
      <c r="HP10" s="446"/>
      <c r="HQ10" s="447"/>
      <c r="HR10" s="448"/>
      <c r="HS10" s="446"/>
      <c r="HT10" s="446"/>
      <c r="HU10" s="446"/>
      <c r="HV10" s="446"/>
      <c r="HW10" s="446"/>
      <c r="HX10" s="449"/>
      <c r="HY10" s="450"/>
      <c r="HZ10" s="414">
        <v>321912</v>
      </c>
      <c r="IA10" s="415">
        <v>247776</v>
      </c>
      <c r="IB10" s="416">
        <v>569688</v>
      </c>
      <c r="IC10" s="417">
        <v>0</v>
      </c>
      <c r="ID10" s="418">
        <v>31012253</v>
      </c>
      <c r="IE10" s="419">
        <v>46267871</v>
      </c>
      <c r="IF10" s="420">
        <v>46915471</v>
      </c>
      <c r="IG10" s="418">
        <v>34242634</v>
      </c>
      <c r="IH10" s="420">
        <v>25475204</v>
      </c>
      <c r="II10" s="421">
        <v>183913433</v>
      </c>
      <c r="IJ10" s="422">
        <v>184483121</v>
      </c>
      <c r="IK10" s="423">
        <v>0</v>
      </c>
      <c r="IL10" s="424">
        <v>0</v>
      </c>
      <c r="IM10" s="425">
        <v>0</v>
      </c>
      <c r="IN10" s="426"/>
      <c r="IO10" s="427">
        <v>233837</v>
      </c>
      <c r="IP10" s="427">
        <v>1655760</v>
      </c>
      <c r="IQ10" s="427">
        <v>1536598</v>
      </c>
      <c r="IR10" s="427">
        <v>3433825</v>
      </c>
      <c r="IS10" s="427">
        <v>1150255</v>
      </c>
      <c r="IT10" s="428">
        <v>8010275</v>
      </c>
      <c r="IU10" s="429">
        <v>8010275</v>
      </c>
      <c r="IV10" s="430">
        <v>0</v>
      </c>
      <c r="IW10" s="427">
        <v>0</v>
      </c>
      <c r="IX10" s="431">
        <v>0</v>
      </c>
      <c r="IY10" s="432"/>
      <c r="IZ10" s="427">
        <v>117342</v>
      </c>
      <c r="JA10" s="427">
        <v>426073</v>
      </c>
      <c r="JB10" s="427">
        <v>412497</v>
      </c>
      <c r="JC10" s="427">
        <v>935989</v>
      </c>
      <c r="JD10" s="427">
        <v>536976</v>
      </c>
      <c r="JE10" s="431">
        <v>2428877</v>
      </c>
      <c r="JF10" s="433">
        <v>2428877</v>
      </c>
      <c r="JG10" s="430">
        <v>0</v>
      </c>
      <c r="JH10" s="427">
        <v>0</v>
      </c>
      <c r="JI10" s="428">
        <v>0</v>
      </c>
      <c r="JJ10" s="434">
        <v>0</v>
      </c>
      <c r="JK10" s="427">
        <v>14710096</v>
      </c>
      <c r="JL10" s="427">
        <v>19237498</v>
      </c>
      <c r="JM10" s="427">
        <v>12797974</v>
      </c>
      <c r="JN10" s="427">
        <v>8498022</v>
      </c>
      <c r="JO10" s="427">
        <v>3689850</v>
      </c>
      <c r="JP10" s="431">
        <v>58933440</v>
      </c>
      <c r="JQ10" s="429">
        <v>58933440</v>
      </c>
      <c r="JR10" s="430">
        <v>0</v>
      </c>
      <c r="JS10" s="427">
        <v>0</v>
      </c>
      <c r="JT10" s="428">
        <v>0</v>
      </c>
      <c r="JU10" s="434">
        <v>0</v>
      </c>
      <c r="JV10" s="427">
        <v>3016237</v>
      </c>
      <c r="JW10" s="427">
        <v>2927350</v>
      </c>
      <c r="JX10" s="427">
        <v>5776587</v>
      </c>
      <c r="JY10" s="427">
        <v>2668369</v>
      </c>
      <c r="JZ10" s="427">
        <v>1723998</v>
      </c>
      <c r="KA10" s="431">
        <v>16112541</v>
      </c>
      <c r="KB10" s="429">
        <v>16112541</v>
      </c>
      <c r="KC10" s="435">
        <v>321912</v>
      </c>
      <c r="KD10" s="436">
        <v>247776</v>
      </c>
      <c r="KE10" s="431">
        <v>569688</v>
      </c>
      <c r="KF10" s="434">
        <v>0</v>
      </c>
      <c r="KG10" s="427">
        <v>4167921</v>
      </c>
      <c r="KH10" s="427">
        <v>7002864</v>
      </c>
      <c r="KI10" s="427">
        <v>9614627</v>
      </c>
      <c r="KJ10" s="427">
        <v>3956840</v>
      </c>
      <c r="KK10" s="427">
        <v>3102168</v>
      </c>
      <c r="KL10" s="431">
        <v>27844420</v>
      </c>
      <c r="KM10" s="437">
        <v>28414108</v>
      </c>
      <c r="KN10" s="423">
        <v>0</v>
      </c>
      <c r="KO10" s="424">
        <v>0</v>
      </c>
      <c r="KP10" s="425">
        <v>0</v>
      </c>
      <c r="KQ10" s="426"/>
      <c r="KR10" s="427">
        <v>8445390</v>
      </c>
      <c r="KS10" s="427">
        <v>14310248</v>
      </c>
      <c r="KT10" s="427">
        <v>14843567</v>
      </c>
      <c r="KU10" s="427">
        <v>11139690</v>
      </c>
      <c r="KV10" s="427">
        <v>7634315</v>
      </c>
      <c r="KW10" s="431">
        <v>56373210</v>
      </c>
      <c r="KX10" s="429">
        <v>56373210</v>
      </c>
      <c r="KY10" s="430">
        <v>0</v>
      </c>
      <c r="KZ10" s="427">
        <v>0</v>
      </c>
      <c r="LA10" s="431">
        <v>0</v>
      </c>
      <c r="LB10" s="438"/>
      <c r="LC10" s="427">
        <v>0</v>
      </c>
      <c r="LD10" s="427">
        <v>0</v>
      </c>
      <c r="LE10" s="427">
        <v>0</v>
      </c>
      <c r="LF10" s="427">
        <v>0</v>
      </c>
      <c r="LG10" s="427">
        <v>0</v>
      </c>
      <c r="LH10" s="431">
        <v>0</v>
      </c>
      <c r="LI10" s="433">
        <v>0</v>
      </c>
      <c r="LJ10" s="430">
        <v>0</v>
      </c>
      <c r="LK10" s="427">
        <v>0</v>
      </c>
      <c r="LL10" s="431">
        <v>0</v>
      </c>
      <c r="LM10" s="438"/>
      <c r="LN10" s="427">
        <v>0</v>
      </c>
      <c r="LO10" s="427">
        <v>250024</v>
      </c>
      <c r="LP10" s="427">
        <v>828251</v>
      </c>
      <c r="LQ10" s="427">
        <v>894663</v>
      </c>
      <c r="LR10" s="427">
        <v>1269425</v>
      </c>
      <c r="LS10" s="431">
        <v>3242363</v>
      </c>
      <c r="LT10" s="429">
        <v>3242363</v>
      </c>
      <c r="LU10" s="430">
        <v>0</v>
      </c>
      <c r="LV10" s="427">
        <v>0</v>
      </c>
      <c r="LW10" s="431">
        <v>0</v>
      </c>
      <c r="LX10" s="438"/>
      <c r="LY10" s="427">
        <v>321430</v>
      </c>
      <c r="LZ10" s="427">
        <v>458054</v>
      </c>
      <c r="MA10" s="427">
        <v>1105370</v>
      </c>
      <c r="MB10" s="427">
        <v>2715236</v>
      </c>
      <c r="MC10" s="427">
        <v>6368217</v>
      </c>
      <c r="MD10" s="431">
        <v>10968307</v>
      </c>
      <c r="ME10" s="433">
        <v>10968307</v>
      </c>
      <c r="MF10" s="430">
        <v>0</v>
      </c>
      <c r="MG10" s="427">
        <v>0</v>
      </c>
      <c r="MH10" s="431">
        <v>0</v>
      </c>
      <c r="MI10" s="438"/>
      <c r="MJ10" s="427">
        <v>12861379</v>
      </c>
      <c r="MK10" s="427">
        <v>39942664</v>
      </c>
      <c r="ML10" s="427">
        <v>97972361</v>
      </c>
      <c r="MM10" s="427">
        <v>128528359</v>
      </c>
      <c r="MN10" s="427">
        <v>69775443</v>
      </c>
      <c r="MO10" s="431">
        <v>349080206</v>
      </c>
      <c r="MP10" s="437">
        <v>349080206</v>
      </c>
      <c r="MQ10" s="430">
        <v>0</v>
      </c>
      <c r="MR10" s="427">
        <v>0</v>
      </c>
      <c r="MS10" s="431">
        <v>0</v>
      </c>
      <c r="MT10" s="438"/>
      <c r="MU10" s="427">
        <v>1975929</v>
      </c>
      <c r="MV10" s="427">
        <v>12322478</v>
      </c>
      <c r="MW10" s="427">
        <v>58947363</v>
      </c>
      <c r="MX10" s="427">
        <v>77126836</v>
      </c>
      <c r="MY10" s="427">
        <v>41748514</v>
      </c>
      <c r="MZ10" s="431">
        <v>192121120</v>
      </c>
      <c r="NA10" s="437">
        <v>192121120</v>
      </c>
      <c r="NB10" s="430">
        <v>0</v>
      </c>
      <c r="NC10" s="427">
        <v>0</v>
      </c>
      <c r="ND10" s="431">
        <v>0</v>
      </c>
      <c r="NE10" s="438"/>
      <c r="NF10" s="427">
        <v>10885450</v>
      </c>
      <c r="NG10" s="427">
        <v>27411455</v>
      </c>
      <c r="NH10" s="427">
        <v>38702254</v>
      </c>
      <c r="NI10" s="427">
        <v>48706250</v>
      </c>
      <c r="NJ10" s="427">
        <v>25929680</v>
      </c>
      <c r="NK10" s="431">
        <v>151635089</v>
      </c>
      <c r="NL10" s="429">
        <v>151635089</v>
      </c>
      <c r="NM10" s="430">
        <v>0</v>
      </c>
      <c r="NN10" s="427">
        <v>0</v>
      </c>
      <c r="NO10" s="431">
        <v>0</v>
      </c>
      <c r="NP10" s="438"/>
      <c r="NQ10" s="427">
        <v>0</v>
      </c>
      <c r="NR10" s="427">
        <v>0</v>
      </c>
      <c r="NS10" s="427">
        <v>0</v>
      </c>
      <c r="NT10" s="427">
        <v>1582777</v>
      </c>
      <c r="NU10" s="427">
        <v>574145</v>
      </c>
      <c r="NV10" s="431">
        <v>2156922</v>
      </c>
      <c r="NW10" s="433">
        <v>2156922</v>
      </c>
      <c r="NX10" s="430">
        <v>0</v>
      </c>
      <c r="NY10" s="427">
        <v>0</v>
      </c>
      <c r="NZ10" s="431">
        <v>0</v>
      </c>
      <c r="OA10" s="438"/>
      <c r="OB10" s="427">
        <v>0</v>
      </c>
      <c r="OC10" s="427">
        <v>208731</v>
      </c>
      <c r="OD10" s="427">
        <v>322744</v>
      </c>
      <c r="OE10" s="427">
        <v>1112496</v>
      </c>
      <c r="OF10" s="427">
        <v>1523104</v>
      </c>
      <c r="OG10" s="431">
        <v>3167075</v>
      </c>
      <c r="OH10" s="433">
        <v>3167075</v>
      </c>
      <c r="OI10" s="430">
        <v>12245673</v>
      </c>
      <c r="OJ10" s="427">
        <v>26438050</v>
      </c>
      <c r="OK10" s="428">
        <v>38683723</v>
      </c>
      <c r="OL10" s="434">
        <v>0</v>
      </c>
      <c r="OM10" s="427">
        <v>158102967</v>
      </c>
      <c r="ON10" s="427">
        <v>271586849</v>
      </c>
      <c r="OO10" s="427">
        <v>300675467</v>
      </c>
      <c r="OP10" s="427">
        <v>300982950</v>
      </c>
      <c r="OQ10" s="427">
        <v>186595953</v>
      </c>
      <c r="OR10" s="431">
        <v>1217944186</v>
      </c>
      <c r="OS10" s="437">
        <v>1256627909</v>
      </c>
    </row>
    <row r="11" spans="1:409" ht="21" customHeight="1" x14ac:dyDescent="0.2">
      <c r="B11" s="472" t="s">
        <v>6</v>
      </c>
      <c r="C11" s="100">
        <v>3582144</v>
      </c>
      <c r="D11" s="104">
        <v>4665388</v>
      </c>
      <c r="E11" s="103">
        <v>8247532</v>
      </c>
      <c r="F11" s="99">
        <v>0</v>
      </c>
      <c r="G11" s="104">
        <v>45558621</v>
      </c>
      <c r="H11" s="104">
        <v>48305757</v>
      </c>
      <c r="I11" s="104">
        <v>37123059</v>
      </c>
      <c r="J11" s="104">
        <v>41693948</v>
      </c>
      <c r="K11" s="104">
        <v>28908271</v>
      </c>
      <c r="L11" s="99">
        <v>201589656</v>
      </c>
      <c r="M11" s="106">
        <v>209837188</v>
      </c>
      <c r="N11" s="100">
        <v>1011834</v>
      </c>
      <c r="O11" s="104">
        <v>1600075</v>
      </c>
      <c r="P11" s="103">
        <v>2611909</v>
      </c>
      <c r="Q11" s="100">
        <v>0</v>
      </c>
      <c r="R11" s="104">
        <v>15569202</v>
      </c>
      <c r="S11" s="104">
        <v>15912464</v>
      </c>
      <c r="T11" s="104">
        <v>11210578</v>
      </c>
      <c r="U11" s="104">
        <v>13605539</v>
      </c>
      <c r="V11" s="104">
        <v>14680883</v>
      </c>
      <c r="W11" s="103">
        <v>70978666</v>
      </c>
      <c r="X11" s="106">
        <v>73590575</v>
      </c>
      <c r="Y11" s="100">
        <v>0</v>
      </c>
      <c r="Z11" s="104">
        <v>0</v>
      </c>
      <c r="AA11" s="103">
        <v>0</v>
      </c>
      <c r="AB11" s="100">
        <v>0</v>
      </c>
      <c r="AC11" s="104">
        <v>5919139</v>
      </c>
      <c r="AD11" s="104">
        <v>5839654</v>
      </c>
      <c r="AE11" s="104">
        <v>4652026</v>
      </c>
      <c r="AF11" s="104">
        <v>6254739</v>
      </c>
      <c r="AG11" s="104">
        <v>7944666</v>
      </c>
      <c r="AH11" s="103">
        <v>30610224</v>
      </c>
      <c r="AI11" s="106">
        <v>30610224</v>
      </c>
      <c r="AJ11" s="100">
        <v>0</v>
      </c>
      <c r="AK11" s="104">
        <v>0</v>
      </c>
      <c r="AL11" s="103">
        <v>0</v>
      </c>
      <c r="AM11" s="100">
        <v>0</v>
      </c>
      <c r="AN11" s="104">
        <v>157956</v>
      </c>
      <c r="AO11" s="104">
        <v>72594</v>
      </c>
      <c r="AP11" s="104">
        <v>328073</v>
      </c>
      <c r="AQ11" s="104">
        <v>505169</v>
      </c>
      <c r="AR11" s="104">
        <v>1500912</v>
      </c>
      <c r="AS11" s="103">
        <v>2564704</v>
      </c>
      <c r="AT11" s="106">
        <v>2564704</v>
      </c>
      <c r="AU11" s="100">
        <v>400671</v>
      </c>
      <c r="AV11" s="104">
        <v>973273</v>
      </c>
      <c r="AW11" s="103">
        <v>1373944</v>
      </c>
      <c r="AX11" s="100">
        <v>0</v>
      </c>
      <c r="AY11" s="104">
        <v>5631797</v>
      </c>
      <c r="AZ11" s="104">
        <v>6768053</v>
      </c>
      <c r="BA11" s="104">
        <v>3278348</v>
      </c>
      <c r="BB11" s="104">
        <v>3818317</v>
      </c>
      <c r="BC11" s="104">
        <v>3417125</v>
      </c>
      <c r="BD11" s="103">
        <v>22913640</v>
      </c>
      <c r="BE11" s="106">
        <v>24287584</v>
      </c>
      <c r="BF11" s="100">
        <v>82355</v>
      </c>
      <c r="BG11" s="104">
        <v>138954</v>
      </c>
      <c r="BH11" s="102">
        <v>221309</v>
      </c>
      <c r="BI11" s="101">
        <v>0</v>
      </c>
      <c r="BJ11" s="104">
        <v>727742</v>
      </c>
      <c r="BK11" s="104">
        <v>514427</v>
      </c>
      <c r="BL11" s="104">
        <v>474827</v>
      </c>
      <c r="BM11" s="104">
        <v>387146</v>
      </c>
      <c r="BN11" s="104">
        <v>207980</v>
      </c>
      <c r="BO11" s="103">
        <v>2312122</v>
      </c>
      <c r="BP11" s="106">
        <v>2533431</v>
      </c>
      <c r="BQ11" s="100">
        <v>528808</v>
      </c>
      <c r="BR11" s="104">
        <v>487848</v>
      </c>
      <c r="BS11" s="103">
        <v>1016656</v>
      </c>
      <c r="BT11" s="100">
        <v>0</v>
      </c>
      <c r="BU11" s="104">
        <v>3132568</v>
      </c>
      <c r="BV11" s="104">
        <v>2717736</v>
      </c>
      <c r="BW11" s="104">
        <v>2477304</v>
      </c>
      <c r="BX11" s="104">
        <v>2640168</v>
      </c>
      <c r="BY11" s="104">
        <v>1610200</v>
      </c>
      <c r="BZ11" s="103">
        <v>12577976</v>
      </c>
      <c r="CA11" s="106">
        <v>13594632</v>
      </c>
      <c r="CB11" s="100">
        <v>196129</v>
      </c>
      <c r="CC11" s="104">
        <v>508956</v>
      </c>
      <c r="CD11" s="103">
        <v>705085</v>
      </c>
      <c r="CE11" s="100">
        <v>0</v>
      </c>
      <c r="CF11" s="104">
        <v>12500966</v>
      </c>
      <c r="CG11" s="104">
        <v>14831073</v>
      </c>
      <c r="CH11" s="104">
        <v>8155475</v>
      </c>
      <c r="CI11" s="104">
        <v>6236138</v>
      </c>
      <c r="CJ11" s="104">
        <v>3045202</v>
      </c>
      <c r="CK11" s="103">
        <v>44768854</v>
      </c>
      <c r="CL11" s="106">
        <v>45473939</v>
      </c>
      <c r="CM11" s="100">
        <v>0</v>
      </c>
      <c r="CN11" s="104">
        <v>0</v>
      </c>
      <c r="CO11" s="103">
        <v>0</v>
      </c>
      <c r="CP11" s="101">
        <v>0</v>
      </c>
      <c r="CQ11" s="104">
        <v>10642987</v>
      </c>
      <c r="CR11" s="104">
        <v>11237240</v>
      </c>
      <c r="CS11" s="104">
        <v>5249885</v>
      </c>
      <c r="CT11" s="104">
        <v>4442842</v>
      </c>
      <c r="CU11" s="104">
        <v>2458208</v>
      </c>
      <c r="CV11" s="103">
        <v>34031162</v>
      </c>
      <c r="CW11" s="106">
        <v>34031162</v>
      </c>
      <c r="CX11" s="100">
        <v>196129</v>
      </c>
      <c r="CY11" s="104">
        <v>508956</v>
      </c>
      <c r="CZ11" s="103">
        <v>705085</v>
      </c>
      <c r="DA11" s="100">
        <v>0</v>
      </c>
      <c r="DB11" s="104">
        <v>1857979</v>
      </c>
      <c r="DC11" s="104">
        <v>3593833</v>
      </c>
      <c r="DD11" s="104">
        <v>2905590</v>
      </c>
      <c r="DE11" s="104">
        <v>1793296</v>
      </c>
      <c r="DF11" s="104">
        <v>586994</v>
      </c>
      <c r="DG11" s="103">
        <v>10737692</v>
      </c>
      <c r="DH11" s="106">
        <v>11442777</v>
      </c>
      <c r="DI11" s="100">
        <v>0</v>
      </c>
      <c r="DJ11" s="104">
        <v>90789</v>
      </c>
      <c r="DK11" s="102">
        <v>90789</v>
      </c>
      <c r="DL11" s="101">
        <v>0</v>
      </c>
      <c r="DM11" s="104">
        <v>800147</v>
      </c>
      <c r="DN11" s="104">
        <v>1841500</v>
      </c>
      <c r="DO11" s="104">
        <v>2204139</v>
      </c>
      <c r="DP11" s="104">
        <v>3166266</v>
      </c>
      <c r="DQ11" s="104">
        <v>1655838</v>
      </c>
      <c r="DR11" s="103">
        <v>9667890</v>
      </c>
      <c r="DS11" s="106">
        <v>9758679</v>
      </c>
      <c r="DT11" s="100">
        <v>0</v>
      </c>
      <c r="DU11" s="104">
        <v>90789</v>
      </c>
      <c r="DV11" s="103">
        <v>90789</v>
      </c>
      <c r="DW11" s="100">
        <v>0</v>
      </c>
      <c r="DX11" s="104">
        <v>735426</v>
      </c>
      <c r="DY11" s="104">
        <v>1469967</v>
      </c>
      <c r="DZ11" s="104">
        <v>1876616</v>
      </c>
      <c r="EA11" s="104">
        <v>2509445</v>
      </c>
      <c r="EB11" s="104">
        <v>1480349</v>
      </c>
      <c r="EC11" s="103">
        <v>8071803</v>
      </c>
      <c r="ED11" s="106">
        <v>8162592</v>
      </c>
      <c r="EE11" s="100">
        <v>0</v>
      </c>
      <c r="EF11" s="102">
        <v>0</v>
      </c>
      <c r="EG11" s="103">
        <v>0</v>
      </c>
      <c r="EH11" s="100">
        <v>0</v>
      </c>
      <c r="EI11" s="104">
        <v>64721</v>
      </c>
      <c r="EJ11" s="104">
        <v>371533</v>
      </c>
      <c r="EK11" s="104">
        <v>327523</v>
      </c>
      <c r="EL11" s="104">
        <v>656821</v>
      </c>
      <c r="EM11" s="104">
        <v>175489</v>
      </c>
      <c r="EN11" s="102">
        <v>1596087</v>
      </c>
      <c r="EO11" s="106">
        <v>1596087</v>
      </c>
      <c r="EP11" s="100">
        <v>0</v>
      </c>
      <c r="EQ11" s="104">
        <v>0</v>
      </c>
      <c r="ER11" s="102">
        <v>0</v>
      </c>
      <c r="ES11" s="101">
        <v>0</v>
      </c>
      <c r="ET11" s="104">
        <v>0</v>
      </c>
      <c r="EU11" s="104">
        <v>0</v>
      </c>
      <c r="EV11" s="104">
        <v>0</v>
      </c>
      <c r="EW11" s="104">
        <v>0</v>
      </c>
      <c r="EX11" s="104">
        <v>0</v>
      </c>
      <c r="EY11" s="103">
        <v>0</v>
      </c>
      <c r="EZ11" s="106">
        <v>0</v>
      </c>
      <c r="FA11" s="100">
        <v>0</v>
      </c>
      <c r="FB11" s="104">
        <v>0</v>
      </c>
      <c r="FC11" s="102">
        <v>0</v>
      </c>
      <c r="FD11" s="324"/>
      <c r="FE11" s="104">
        <v>0</v>
      </c>
      <c r="FF11" s="104">
        <v>0</v>
      </c>
      <c r="FG11" s="104">
        <v>0</v>
      </c>
      <c r="FH11" s="104">
        <v>0</v>
      </c>
      <c r="FI11" s="104">
        <v>0</v>
      </c>
      <c r="FJ11" s="103">
        <v>0</v>
      </c>
      <c r="FK11" s="106">
        <v>0</v>
      </c>
      <c r="FL11" s="100">
        <v>656168</v>
      </c>
      <c r="FM11" s="104">
        <v>1033480</v>
      </c>
      <c r="FN11" s="103">
        <v>1689648</v>
      </c>
      <c r="FO11" s="100">
        <v>0</v>
      </c>
      <c r="FP11" s="104">
        <v>2432698</v>
      </c>
      <c r="FQ11" s="104">
        <v>4621199</v>
      </c>
      <c r="FR11" s="104">
        <v>3254448</v>
      </c>
      <c r="FS11" s="104">
        <v>3125168</v>
      </c>
      <c r="FT11" s="104">
        <v>1869924</v>
      </c>
      <c r="FU11" s="103">
        <v>15303437</v>
      </c>
      <c r="FV11" s="106">
        <v>16993085</v>
      </c>
      <c r="FW11" s="105">
        <v>446568</v>
      </c>
      <c r="FX11" s="104">
        <v>704040</v>
      </c>
      <c r="FY11" s="102">
        <v>1150608</v>
      </c>
      <c r="FZ11" s="101">
        <v>0</v>
      </c>
      <c r="GA11" s="104">
        <v>1654584</v>
      </c>
      <c r="GB11" s="104">
        <v>4049304</v>
      </c>
      <c r="GC11" s="104">
        <v>2857072</v>
      </c>
      <c r="GD11" s="104">
        <v>2941576</v>
      </c>
      <c r="GE11" s="104">
        <v>1822800</v>
      </c>
      <c r="GF11" s="103">
        <v>13325336</v>
      </c>
      <c r="GG11" s="296">
        <v>14475944</v>
      </c>
      <c r="GH11" s="105">
        <v>24000</v>
      </c>
      <c r="GI11" s="104">
        <v>70560</v>
      </c>
      <c r="GJ11" s="102">
        <v>94560</v>
      </c>
      <c r="GK11" s="101">
        <v>0</v>
      </c>
      <c r="GL11" s="104">
        <v>172706</v>
      </c>
      <c r="GM11" s="104">
        <v>121495</v>
      </c>
      <c r="GN11" s="104">
        <v>153280</v>
      </c>
      <c r="GO11" s="104">
        <v>120632</v>
      </c>
      <c r="GP11" s="104">
        <v>47124</v>
      </c>
      <c r="GQ11" s="103">
        <v>615237</v>
      </c>
      <c r="GR11" s="106">
        <v>709797</v>
      </c>
      <c r="GS11" s="100">
        <v>185600</v>
      </c>
      <c r="GT11" s="104">
        <v>258880</v>
      </c>
      <c r="GU11" s="103">
        <v>444480</v>
      </c>
      <c r="GV11" s="100">
        <v>0</v>
      </c>
      <c r="GW11" s="104">
        <v>605408</v>
      </c>
      <c r="GX11" s="104">
        <v>450400</v>
      </c>
      <c r="GY11" s="104">
        <v>244096</v>
      </c>
      <c r="GZ11" s="104">
        <v>62960</v>
      </c>
      <c r="HA11" s="104">
        <v>0</v>
      </c>
      <c r="HB11" s="102">
        <v>1362864</v>
      </c>
      <c r="HC11" s="106">
        <v>1807344</v>
      </c>
      <c r="HD11" s="100">
        <v>1718013</v>
      </c>
      <c r="HE11" s="104">
        <v>1432088</v>
      </c>
      <c r="HF11" s="102">
        <v>3150101</v>
      </c>
      <c r="HG11" s="101">
        <v>0</v>
      </c>
      <c r="HH11" s="104">
        <v>14255608</v>
      </c>
      <c r="HI11" s="104">
        <v>11099521</v>
      </c>
      <c r="HJ11" s="104">
        <v>12298419</v>
      </c>
      <c r="HK11" s="104">
        <v>15560837</v>
      </c>
      <c r="HL11" s="104">
        <v>7656424</v>
      </c>
      <c r="HM11" s="103">
        <v>60870809</v>
      </c>
      <c r="HN11" s="99">
        <v>64020910</v>
      </c>
      <c r="HO11" s="306"/>
      <c r="HP11" s="307"/>
      <c r="HQ11" s="308"/>
      <c r="HR11" s="309"/>
      <c r="HS11" s="307"/>
      <c r="HT11" s="307"/>
      <c r="HU11" s="307"/>
      <c r="HV11" s="307"/>
      <c r="HW11" s="307"/>
      <c r="HX11" s="310"/>
      <c r="HY11" s="311"/>
      <c r="HZ11" s="118">
        <v>179969</v>
      </c>
      <c r="IA11" s="119">
        <v>78640</v>
      </c>
      <c r="IB11" s="120">
        <v>258609</v>
      </c>
      <c r="IC11" s="133">
        <v>0</v>
      </c>
      <c r="ID11" s="119">
        <v>14380595</v>
      </c>
      <c r="IE11" s="134">
        <v>13804449</v>
      </c>
      <c r="IF11" s="120">
        <v>15520526</v>
      </c>
      <c r="IG11" s="119">
        <v>12695810</v>
      </c>
      <c r="IH11" s="120">
        <v>6722018</v>
      </c>
      <c r="II11" s="135">
        <v>63123398</v>
      </c>
      <c r="IJ11" s="126">
        <v>63382007</v>
      </c>
      <c r="IK11" s="219">
        <v>0</v>
      </c>
      <c r="IL11" s="223">
        <v>0</v>
      </c>
      <c r="IM11" s="224">
        <v>0</v>
      </c>
      <c r="IN11" s="127"/>
      <c r="IO11" s="109">
        <v>296928</v>
      </c>
      <c r="IP11" s="109">
        <v>123244</v>
      </c>
      <c r="IQ11" s="109">
        <v>1147716</v>
      </c>
      <c r="IR11" s="109">
        <v>1198793</v>
      </c>
      <c r="IS11" s="109">
        <v>396440</v>
      </c>
      <c r="IT11" s="128">
        <v>3163121</v>
      </c>
      <c r="IU11" s="298">
        <v>3163121</v>
      </c>
      <c r="IV11" s="129">
        <v>0</v>
      </c>
      <c r="IW11" s="109">
        <v>0</v>
      </c>
      <c r="IX11" s="110">
        <v>0</v>
      </c>
      <c r="IY11" s="131"/>
      <c r="IZ11" s="109">
        <v>62892</v>
      </c>
      <c r="JA11" s="109">
        <v>118828</v>
      </c>
      <c r="JB11" s="109">
        <v>240722</v>
      </c>
      <c r="JC11" s="109">
        <v>59743</v>
      </c>
      <c r="JD11" s="109">
        <v>123732</v>
      </c>
      <c r="JE11" s="110">
        <v>605917</v>
      </c>
      <c r="JF11" s="111">
        <v>605917</v>
      </c>
      <c r="JG11" s="129">
        <v>0</v>
      </c>
      <c r="JH11" s="109">
        <v>0</v>
      </c>
      <c r="JI11" s="128">
        <v>0</v>
      </c>
      <c r="JJ11" s="108">
        <v>0</v>
      </c>
      <c r="JK11" s="109">
        <v>4313079</v>
      </c>
      <c r="JL11" s="109">
        <v>3441491</v>
      </c>
      <c r="JM11" s="109">
        <v>2083134</v>
      </c>
      <c r="JN11" s="109">
        <v>2462497</v>
      </c>
      <c r="JO11" s="109">
        <v>858997</v>
      </c>
      <c r="JP11" s="110">
        <v>13159198</v>
      </c>
      <c r="JQ11" s="298">
        <v>13159198</v>
      </c>
      <c r="JR11" s="129">
        <v>0</v>
      </c>
      <c r="JS11" s="109">
        <v>0</v>
      </c>
      <c r="JT11" s="128">
        <v>0</v>
      </c>
      <c r="JU11" s="108">
        <v>0</v>
      </c>
      <c r="JV11" s="109">
        <v>1441545</v>
      </c>
      <c r="JW11" s="109">
        <v>989852</v>
      </c>
      <c r="JX11" s="109">
        <v>2219221</v>
      </c>
      <c r="JY11" s="109">
        <v>516021</v>
      </c>
      <c r="JZ11" s="109">
        <v>962615</v>
      </c>
      <c r="KA11" s="110">
        <v>6129254</v>
      </c>
      <c r="KB11" s="298">
        <v>6129254</v>
      </c>
      <c r="KC11" s="221">
        <v>179969</v>
      </c>
      <c r="KD11" s="217">
        <v>78640</v>
      </c>
      <c r="KE11" s="110">
        <v>258609</v>
      </c>
      <c r="KF11" s="108">
        <v>0</v>
      </c>
      <c r="KG11" s="109">
        <v>1441650</v>
      </c>
      <c r="KH11" s="109">
        <v>1824186</v>
      </c>
      <c r="KI11" s="109">
        <v>1995636</v>
      </c>
      <c r="KJ11" s="109">
        <v>1957932</v>
      </c>
      <c r="KK11" s="109">
        <v>559682</v>
      </c>
      <c r="KL11" s="110">
        <v>7779086</v>
      </c>
      <c r="KM11" s="130">
        <v>8037695</v>
      </c>
      <c r="KN11" s="219">
        <v>0</v>
      </c>
      <c r="KO11" s="223">
        <v>0</v>
      </c>
      <c r="KP11" s="224">
        <v>0</v>
      </c>
      <c r="KQ11" s="127"/>
      <c r="KR11" s="109">
        <v>5509245</v>
      </c>
      <c r="KS11" s="109">
        <v>6444321</v>
      </c>
      <c r="KT11" s="109">
        <v>6745751</v>
      </c>
      <c r="KU11" s="109">
        <v>3435047</v>
      </c>
      <c r="KV11" s="109">
        <v>1989548</v>
      </c>
      <c r="KW11" s="110">
        <v>24123912</v>
      </c>
      <c r="KX11" s="298">
        <v>24123912</v>
      </c>
      <c r="KY11" s="129">
        <v>0</v>
      </c>
      <c r="KZ11" s="109">
        <v>0</v>
      </c>
      <c r="LA11" s="110">
        <v>0</v>
      </c>
      <c r="LB11" s="132"/>
      <c r="LC11" s="109">
        <v>0</v>
      </c>
      <c r="LD11" s="109">
        <v>0</v>
      </c>
      <c r="LE11" s="109">
        <v>0</v>
      </c>
      <c r="LF11" s="109">
        <v>0</v>
      </c>
      <c r="LG11" s="109">
        <v>0</v>
      </c>
      <c r="LH11" s="110">
        <v>0</v>
      </c>
      <c r="LI11" s="111">
        <v>0</v>
      </c>
      <c r="LJ11" s="129">
        <v>0</v>
      </c>
      <c r="LK11" s="109">
        <v>0</v>
      </c>
      <c r="LL11" s="110">
        <v>0</v>
      </c>
      <c r="LM11" s="132"/>
      <c r="LN11" s="109">
        <v>0</v>
      </c>
      <c r="LO11" s="109">
        <v>0</v>
      </c>
      <c r="LP11" s="109">
        <v>814667</v>
      </c>
      <c r="LQ11" s="109">
        <v>1811342</v>
      </c>
      <c r="LR11" s="109">
        <v>894646</v>
      </c>
      <c r="LS11" s="110">
        <v>3520655</v>
      </c>
      <c r="LT11" s="298">
        <v>3520655</v>
      </c>
      <c r="LU11" s="129">
        <v>0</v>
      </c>
      <c r="LV11" s="109">
        <v>0</v>
      </c>
      <c r="LW11" s="110">
        <v>0</v>
      </c>
      <c r="LX11" s="132"/>
      <c r="LY11" s="109">
        <v>1315256</v>
      </c>
      <c r="LZ11" s="109">
        <v>862527</v>
      </c>
      <c r="MA11" s="109">
        <v>273679</v>
      </c>
      <c r="MB11" s="109">
        <v>1254435</v>
      </c>
      <c r="MC11" s="109">
        <v>936358</v>
      </c>
      <c r="MD11" s="110">
        <v>4642255</v>
      </c>
      <c r="ME11" s="111">
        <v>4642255</v>
      </c>
      <c r="MF11" s="129">
        <v>0</v>
      </c>
      <c r="MG11" s="109">
        <v>0</v>
      </c>
      <c r="MH11" s="110">
        <v>0</v>
      </c>
      <c r="MI11" s="132"/>
      <c r="MJ11" s="109">
        <v>2138033</v>
      </c>
      <c r="MK11" s="109">
        <v>3708927</v>
      </c>
      <c r="ML11" s="109">
        <v>19798717</v>
      </c>
      <c r="MM11" s="109">
        <v>28995535</v>
      </c>
      <c r="MN11" s="109">
        <v>19626655</v>
      </c>
      <c r="MO11" s="110">
        <v>74267867</v>
      </c>
      <c r="MP11" s="130">
        <v>74267867</v>
      </c>
      <c r="MQ11" s="129">
        <v>0</v>
      </c>
      <c r="MR11" s="109">
        <v>0</v>
      </c>
      <c r="MS11" s="110">
        <v>0</v>
      </c>
      <c r="MT11" s="132"/>
      <c r="MU11" s="109">
        <v>419065</v>
      </c>
      <c r="MV11" s="109">
        <v>430092</v>
      </c>
      <c r="MW11" s="109">
        <v>11098714</v>
      </c>
      <c r="MX11" s="109">
        <v>19254313</v>
      </c>
      <c r="MY11" s="109">
        <v>11320357</v>
      </c>
      <c r="MZ11" s="110">
        <v>42522541</v>
      </c>
      <c r="NA11" s="130">
        <v>42522541</v>
      </c>
      <c r="NB11" s="129">
        <v>0</v>
      </c>
      <c r="NC11" s="109">
        <v>0</v>
      </c>
      <c r="ND11" s="110">
        <v>0</v>
      </c>
      <c r="NE11" s="132"/>
      <c r="NF11" s="109">
        <v>1718968</v>
      </c>
      <c r="NG11" s="109">
        <v>3278835</v>
      </c>
      <c r="NH11" s="109">
        <v>8700003</v>
      </c>
      <c r="NI11" s="109">
        <v>7799785</v>
      </c>
      <c r="NJ11" s="109">
        <v>6863429</v>
      </c>
      <c r="NK11" s="110">
        <v>28361020</v>
      </c>
      <c r="NL11" s="298">
        <v>28361020</v>
      </c>
      <c r="NM11" s="129">
        <v>0</v>
      </c>
      <c r="NN11" s="109">
        <v>0</v>
      </c>
      <c r="NO11" s="110">
        <v>0</v>
      </c>
      <c r="NP11" s="132"/>
      <c r="NQ11" s="109">
        <v>0</v>
      </c>
      <c r="NR11" s="109">
        <v>0</v>
      </c>
      <c r="NS11" s="109">
        <v>0</v>
      </c>
      <c r="NT11" s="109">
        <v>1322685</v>
      </c>
      <c r="NU11" s="109">
        <v>666260</v>
      </c>
      <c r="NV11" s="110">
        <v>1988945</v>
      </c>
      <c r="NW11" s="111">
        <v>1988945</v>
      </c>
      <c r="NX11" s="129">
        <v>0</v>
      </c>
      <c r="NY11" s="109">
        <v>0</v>
      </c>
      <c r="NZ11" s="110">
        <v>0</v>
      </c>
      <c r="OA11" s="132"/>
      <c r="OB11" s="109">
        <v>0</v>
      </c>
      <c r="OC11" s="109">
        <v>0</v>
      </c>
      <c r="OD11" s="109">
        <v>0</v>
      </c>
      <c r="OE11" s="109">
        <v>618752</v>
      </c>
      <c r="OF11" s="109">
        <v>776609</v>
      </c>
      <c r="OG11" s="110">
        <v>1395361</v>
      </c>
      <c r="OH11" s="111">
        <v>1395361</v>
      </c>
      <c r="OI11" s="129">
        <v>3762113</v>
      </c>
      <c r="OJ11" s="109">
        <v>4744028</v>
      </c>
      <c r="OK11" s="128">
        <v>8506141</v>
      </c>
      <c r="OL11" s="108">
        <v>0</v>
      </c>
      <c r="OM11" s="109">
        <v>62077249</v>
      </c>
      <c r="ON11" s="109">
        <v>65819133</v>
      </c>
      <c r="OO11" s="109">
        <v>72442302</v>
      </c>
      <c r="OP11" s="109">
        <v>83385293</v>
      </c>
      <c r="OQ11" s="109">
        <v>55256944</v>
      </c>
      <c r="OR11" s="110">
        <v>338980921</v>
      </c>
      <c r="OS11" s="130">
        <v>347487062</v>
      </c>
    </row>
    <row r="12" spans="1:409" ht="21" customHeight="1" x14ac:dyDescent="0.2">
      <c r="B12" s="472" t="s">
        <v>14</v>
      </c>
      <c r="C12" s="100">
        <v>1516373</v>
      </c>
      <c r="D12" s="104">
        <v>2565284</v>
      </c>
      <c r="E12" s="103">
        <v>4081657</v>
      </c>
      <c r="F12" s="99">
        <v>0</v>
      </c>
      <c r="G12" s="104">
        <v>17824863</v>
      </c>
      <c r="H12" s="104">
        <v>27570618</v>
      </c>
      <c r="I12" s="104">
        <v>26861481</v>
      </c>
      <c r="J12" s="104">
        <v>20898906</v>
      </c>
      <c r="K12" s="104">
        <v>14213358</v>
      </c>
      <c r="L12" s="102">
        <v>107369226</v>
      </c>
      <c r="M12" s="106">
        <v>111450883</v>
      </c>
      <c r="N12" s="100">
        <v>455830</v>
      </c>
      <c r="O12" s="104">
        <v>900514</v>
      </c>
      <c r="P12" s="103">
        <v>1356344</v>
      </c>
      <c r="Q12" s="100">
        <v>0</v>
      </c>
      <c r="R12" s="104">
        <v>4316160</v>
      </c>
      <c r="S12" s="104">
        <v>9255165</v>
      </c>
      <c r="T12" s="104">
        <v>8520762</v>
      </c>
      <c r="U12" s="104">
        <v>8348718</v>
      </c>
      <c r="V12" s="104">
        <v>7024119</v>
      </c>
      <c r="W12" s="103">
        <v>37464924</v>
      </c>
      <c r="X12" s="106">
        <v>38821268</v>
      </c>
      <c r="Y12" s="100">
        <v>0</v>
      </c>
      <c r="Z12" s="104">
        <v>0</v>
      </c>
      <c r="AA12" s="103">
        <v>0</v>
      </c>
      <c r="AB12" s="100">
        <v>0</v>
      </c>
      <c r="AC12" s="104">
        <v>1724384</v>
      </c>
      <c r="AD12" s="104">
        <v>4661260</v>
      </c>
      <c r="AE12" s="104">
        <v>3958606</v>
      </c>
      <c r="AF12" s="104">
        <v>4571124</v>
      </c>
      <c r="AG12" s="104">
        <v>3857894</v>
      </c>
      <c r="AH12" s="103">
        <v>18773268</v>
      </c>
      <c r="AI12" s="106">
        <v>18773268</v>
      </c>
      <c r="AJ12" s="100">
        <v>0</v>
      </c>
      <c r="AK12" s="104">
        <v>0</v>
      </c>
      <c r="AL12" s="103">
        <v>0</v>
      </c>
      <c r="AM12" s="100">
        <v>0</v>
      </c>
      <c r="AN12" s="104">
        <v>0</v>
      </c>
      <c r="AO12" s="104">
        <v>49265</v>
      </c>
      <c r="AP12" s="104">
        <v>228893</v>
      </c>
      <c r="AQ12" s="104">
        <v>368612</v>
      </c>
      <c r="AR12" s="104">
        <v>523804</v>
      </c>
      <c r="AS12" s="103">
        <v>1170574</v>
      </c>
      <c r="AT12" s="106">
        <v>1170574</v>
      </c>
      <c r="AU12" s="100">
        <v>194946</v>
      </c>
      <c r="AV12" s="104">
        <v>524368</v>
      </c>
      <c r="AW12" s="103">
        <v>719314</v>
      </c>
      <c r="AX12" s="100">
        <v>0</v>
      </c>
      <c r="AY12" s="104">
        <v>1505088</v>
      </c>
      <c r="AZ12" s="104">
        <v>3066019</v>
      </c>
      <c r="BA12" s="104">
        <v>2811922</v>
      </c>
      <c r="BB12" s="104">
        <v>1975880</v>
      </c>
      <c r="BC12" s="104">
        <v>1783265</v>
      </c>
      <c r="BD12" s="103">
        <v>11142174</v>
      </c>
      <c r="BE12" s="106">
        <v>11861488</v>
      </c>
      <c r="BF12" s="100">
        <v>24788</v>
      </c>
      <c r="BG12" s="104">
        <v>99194</v>
      </c>
      <c r="BH12" s="102">
        <v>123982</v>
      </c>
      <c r="BI12" s="101">
        <v>0</v>
      </c>
      <c r="BJ12" s="104">
        <v>0</v>
      </c>
      <c r="BK12" s="104">
        <v>65221</v>
      </c>
      <c r="BL12" s="104">
        <v>184229</v>
      </c>
      <c r="BM12" s="104">
        <v>153654</v>
      </c>
      <c r="BN12" s="104">
        <v>75404</v>
      </c>
      <c r="BO12" s="103">
        <v>478508</v>
      </c>
      <c r="BP12" s="106">
        <v>602490</v>
      </c>
      <c r="BQ12" s="100">
        <v>236096</v>
      </c>
      <c r="BR12" s="104">
        <v>276952</v>
      </c>
      <c r="BS12" s="103">
        <v>513048</v>
      </c>
      <c r="BT12" s="100">
        <v>0</v>
      </c>
      <c r="BU12" s="104">
        <v>1086688</v>
      </c>
      <c r="BV12" s="104">
        <v>1413400</v>
      </c>
      <c r="BW12" s="104">
        <v>1337112</v>
      </c>
      <c r="BX12" s="104">
        <v>1279448</v>
      </c>
      <c r="BY12" s="104">
        <v>783752</v>
      </c>
      <c r="BZ12" s="103">
        <v>5900400</v>
      </c>
      <c r="CA12" s="106">
        <v>6413448</v>
      </c>
      <c r="CB12" s="100">
        <v>103807</v>
      </c>
      <c r="CC12" s="104">
        <v>380623</v>
      </c>
      <c r="CD12" s="103">
        <v>484430</v>
      </c>
      <c r="CE12" s="100">
        <v>0</v>
      </c>
      <c r="CF12" s="104">
        <v>6190568</v>
      </c>
      <c r="CG12" s="104">
        <v>9252855</v>
      </c>
      <c r="CH12" s="104">
        <v>8539391</v>
      </c>
      <c r="CI12" s="104">
        <v>4299857</v>
      </c>
      <c r="CJ12" s="104">
        <v>1370634</v>
      </c>
      <c r="CK12" s="103">
        <v>29653305</v>
      </c>
      <c r="CL12" s="106">
        <v>30137735</v>
      </c>
      <c r="CM12" s="100">
        <v>0</v>
      </c>
      <c r="CN12" s="104">
        <v>0</v>
      </c>
      <c r="CO12" s="103">
        <v>0</v>
      </c>
      <c r="CP12" s="101">
        <v>0</v>
      </c>
      <c r="CQ12" s="104">
        <v>5551353</v>
      </c>
      <c r="CR12" s="104">
        <v>7240458</v>
      </c>
      <c r="CS12" s="104">
        <v>7553185</v>
      </c>
      <c r="CT12" s="104">
        <v>3500349</v>
      </c>
      <c r="CU12" s="104">
        <v>1370634</v>
      </c>
      <c r="CV12" s="103">
        <v>25215979</v>
      </c>
      <c r="CW12" s="106">
        <v>25215979</v>
      </c>
      <c r="CX12" s="100">
        <v>103807</v>
      </c>
      <c r="CY12" s="104">
        <v>380623</v>
      </c>
      <c r="CZ12" s="103">
        <v>484430</v>
      </c>
      <c r="DA12" s="100">
        <v>0</v>
      </c>
      <c r="DB12" s="104">
        <v>639215</v>
      </c>
      <c r="DC12" s="104">
        <v>2012397</v>
      </c>
      <c r="DD12" s="104">
        <v>986206</v>
      </c>
      <c r="DE12" s="104">
        <v>799508</v>
      </c>
      <c r="DF12" s="104">
        <v>0</v>
      </c>
      <c r="DG12" s="103">
        <v>4437326</v>
      </c>
      <c r="DH12" s="106">
        <v>4921756</v>
      </c>
      <c r="DI12" s="100">
        <v>0</v>
      </c>
      <c r="DJ12" s="104">
        <v>0</v>
      </c>
      <c r="DK12" s="102">
        <v>0</v>
      </c>
      <c r="DL12" s="101">
        <v>0</v>
      </c>
      <c r="DM12" s="104">
        <v>540077</v>
      </c>
      <c r="DN12" s="104">
        <v>1584329</v>
      </c>
      <c r="DO12" s="104">
        <v>2766616</v>
      </c>
      <c r="DP12" s="104">
        <v>1431313</v>
      </c>
      <c r="DQ12" s="104">
        <v>1646771</v>
      </c>
      <c r="DR12" s="103">
        <v>7969106</v>
      </c>
      <c r="DS12" s="106">
        <v>7969106</v>
      </c>
      <c r="DT12" s="100">
        <v>0</v>
      </c>
      <c r="DU12" s="104">
        <v>0</v>
      </c>
      <c r="DV12" s="103">
        <v>0</v>
      </c>
      <c r="DW12" s="100">
        <v>0</v>
      </c>
      <c r="DX12" s="104">
        <v>540077</v>
      </c>
      <c r="DY12" s="104">
        <v>1490095</v>
      </c>
      <c r="DZ12" s="104">
        <v>2517845</v>
      </c>
      <c r="EA12" s="104">
        <v>1186660</v>
      </c>
      <c r="EB12" s="104">
        <v>1646771</v>
      </c>
      <c r="EC12" s="103">
        <v>7381448</v>
      </c>
      <c r="ED12" s="106">
        <v>7381448</v>
      </c>
      <c r="EE12" s="100">
        <v>0</v>
      </c>
      <c r="EF12" s="102">
        <v>0</v>
      </c>
      <c r="EG12" s="103">
        <v>0</v>
      </c>
      <c r="EH12" s="100">
        <v>0</v>
      </c>
      <c r="EI12" s="104">
        <v>0</v>
      </c>
      <c r="EJ12" s="104">
        <v>94234</v>
      </c>
      <c r="EK12" s="104">
        <v>248771</v>
      </c>
      <c r="EL12" s="104">
        <v>244653</v>
      </c>
      <c r="EM12" s="104">
        <v>0</v>
      </c>
      <c r="EN12" s="102">
        <v>587658</v>
      </c>
      <c r="EO12" s="106">
        <v>587658</v>
      </c>
      <c r="EP12" s="100">
        <v>0</v>
      </c>
      <c r="EQ12" s="104">
        <v>0</v>
      </c>
      <c r="ER12" s="102">
        <v>0</v>
      </c>
      <c r="ES12" s="101">
        <v>0</v>
      </c>
      <c r="ET12" s="104">
        <v>0</v>
      </c>
      <c r="EU12" s="104">
        <v>0</v>
      </c>
      <c r="EV12" s="104">
        <v>0</v>
      </c>
      <c r="EW12" s="104">
        <v>0</v>
      </c>
      <c r="EX12" s="104">
        <v>0</v>
      </c>
      <c r="EY12" s="103">
        <v>0</v>
      </c>
      <c r="EZ12" s="106">
        <v>0</v>
      </c>
      <c r="FA12" s="100">
        <v>0</v>
      </c>
      <c r="FB12" s="104">
        <v>0</v>
      </c>
      <c r="FC12" s="102">
        <v>0</v>
      </c>
      <c r="FD12" s="324"/>
      <c r="FE12" s="104">
        <v>0</v>
      </c>
      <c r="FF12" s="104">
        <v>0</v>
      </c>
      <c r="FG12" s="104">
        <v>0</v>
      </c>
      <c r="FH12" s="104">
        <v>0</v>
      </c>
      <c r="FI12" s="104">
        <v>0</v>
      </c>
      <c r="FJ12" s="103">
        <v>0</v>
      </c>
      <c r="FK12" s="106">
        <v>0</v>
      </c>
      <c r="FL12" s="100">
        <v>287193</v>
      </c>
      <c r="FM12" s="104">
        <v>1032224</v>
      </c>
      <c r="FN12" s="103">
        <v>1319417</v>
      </c>
      <c r="FO12" s="100">
        <v>0</v>
      </c>
      <c r="FP12" s="104">
        <v>889908</v>
      </c>
      <c r="FQ12" s="104">
        <v>2969034</v>
      </c>
      <c r="FR12" s="104">
        <v>2078088</v>
      </c>
      <c r="FS12" s="104">
        <v>1853416</v>
      </c>
      <c r="FT12" s="104">
        <v>1273128</v>
      </c>
      <c r="FU12" s="103">
        <v>9063574</v>
      </c>
      <c r="FV12" s="106">
        <v>10382991</v>
      </c>
      <c r="FW12" s="105">
        <v>204288</v>
      </c>
      <c r="FX12" s="104">
        <v>686384</v>
      </c>
      <c r="FY12" s="102">
        <v>890672</v>
      </c>
      <c r="FZ12" s="101">
        <v>0</v>
      </c>
      <c r="GA12" s="104">
        <v>681760</v>
      </c>
      <c r="GB12" s="104">
        <v>2913546</v>
      </c>
      <c r="GC12" s="104">
        <v>2026088</v>
      </c>
      <c r="GD12" s="104">
        <v>1803016</v>
      </c>
      <c r="GE12" s="104">
        <v>1166728</v>
      </c>
      <c r="GF12" s="103">
        <v>8591138</v>
      </c>
      <c r="GG12" s="296">
        <v>9481810</v>
      </c>
      <c r="GH12" s="105">
        <v>20789</v>
      </c>
      <c r="GI12" s="104">
        <v>70080</v>
      </c>
      <c r="GJ12" s="102">
        <v>90869</v>
      </c>
      <c r="GK12" s="101">
        <v>0</v>
      </c>
      <c r="GL12" s="104">
        <v>24948</v>
      </c>
      <c r="GM12" s="104">
        <v>55488</v>
      </c>
      <c r="GN12" s="104">
        <v>0</v>
      </c>
      <c r="GO12" s="104">
        <v>15200</v>
      </c>
      <c r="GP12" s="104">
        <v>44800</v>
      </c>
      <c r="GQ12" s="103">
        <v>140436</v>
      </c>
      <c r="GR12" s="106">
        <v>231305</v>
      </c>
      <c r="GS12" s="100">
        <v>62116</v>
      </c>
      <c r="GT12" s="104">
        <v>275760</v>
      </c>
      <c r="GU12" s="103">
        <v>337876</v>
      </c>
      <c r="GV12" s="100">
        <v>0</v>
      </c>
      <c r="GW12" s="104">
        <v>183200</v>
      </c>
      <c r="GX12" s="104">
        <v>0</v>
      </c>
      <c r="GY12" s="104">
        <v>52000</v>
      </c>
      <c r="GZ12" s="104">
        <v>35200</v>
      </c>
      <c r="HA12" s="104">
        <v>61600</v>
      </c>
      <c r="HB12" s="102">
        <v>332000</v>
      </c>
      <c r="HC12" s="106">
        <v>669876</v>
      </c>
      <c r="HD12" s="100">
        <v>669543</v>
      </c>
      <c r="HE12" s="104">
        <v>251923</v>
      </c>
      <c r="HF12" s="102">
        <v>921466</v>
      </c>
      <c r="HG12" s="101">
        <v>0</v>
      </c>
      <c r="HH12" s="104">
        <v>5888150</v>
      </c>
      <c r="HI12" s="104">
        <v>4509235</v>
      </c>
      <c r="HJ12" s="104">
        <v>4956624</v>
      </c>
      <c r="HK12" s="104">
        <v>4965602</v>
      </c>
      <c r="HL12" s="104">
        <v>2898706</v>
      </c>
      <c r="HM12" s="103">
        <v>23218317</v>
      </c>
      <c r="HN12" s="99">
        <v>24139783</v>
      </c>
      <c r="HO12" s="306"/>
      <c r="HP12" s="307"/>
      <c r="HQ12" s="308"/>
      <c r="HR12" s="309"/>
      <c r="HS12" s="307"/>
      <c r="HT12" s="307"/>
      <c r="HU12" s="307"/>
      <c r="HV12" s="307"/>
      <c r="HW12" s="307"/>
      <c r="HX12" s="310"/>
      <c r="HY12" s="311"/>
      <c r="HZ12" s="118">
        <v>0</v>
      </c>
      <c r="IA12" s="119">
        <v>-20493</v>
      </c>
      <c r="IB12" s="120">
        <v>-20493</v>
      </c>
      <c r="IC12" s="121">
        <v>0</v>
      </c>
      <c r="ID12" s="122">
        <v>5236790</v>
      </c>
      <c r="IE12" s="123">
        <v>7803583</v>
      </c>
      <c r="IF12" s="124">
        <v>9257481</v>
      </c>
      <c r="IG12" s="122">
        <v>6079897</v>
      </c>
      <c r="IH12" s="124">
        <v>3152072</v>
      </c>
      <c r="II12" s="125">
        <v>31529823</v>
      </c>
      <c r="IJ12" s="126">
        <v>31509330</v>
      </c>
      <c r="IK12" s="219">
        <v>0</v>
      </c>
      <c r="IL12" s="223">
        <v>0</v>
      </c>
      <c r="IM12" s="224">
        <v>0</v>
      </c>
      <c r="IN12" s="127"/>
      <c r="IO12" s="109">
        <v>73780</v>
      </c>
      <c r="IP12" s="109">
        <v>358472</v>
      </c>
      <c r="IQ12" s="109">
        <v>124616</v>
      </c>
      <c r="IR12" s="109">
        <v>40454</v>
      </c>
      <c r="IS12" s="109">
        <v>483142</v>
      </c>
      <c r="IT12" s="128">
        <v>1080464</v>
      </c>
      <c r="IU12" s="298">
        <v>1080464</v>
      </c>
      <c r="IV12" s="129">
        <v>0</v>
      </c>
      <c r="IW12" s="109">
        <v>0</v>
      </c>
      <c r="IX12" s="110">
        <v>0</v>
      </c>
      <c r="IY12" s="131"/>
      <c r="IZ12" s="109">
        <v>0</v>
      </c>
      <c r="JA12" s="109">
        <v>0</v>
      </c>
      <c r="JB12" s="109">
        <v>0</v>
      </c>
      <c r="JC12" s="109">
        <v>0</v>
      </c>
      <c r="JD12" s="109">
        <v>0</v>
      </c>
      <c r="JE12" s="110">
        <v>0</v>
      </c>
      <c r="JF12" s="111">
        <v>0</v>
      </c>
      <c r="JG12" s="129">
        <v>0</v>
      </c>
      <c r="JH12" s="109">
        <v>0</v>
      </c>
      <c r="JI12" s="128">
        <v>0</v>
      </c>
      <c r="JJ12" s="108">
        <v>0</v>
      </c>
      <c r="JK12" s="109">
        <v>2843484</v>
      </c>
      <c r="JL12" s="109">
        <v>3646187</v>
      </c>
      <c r="JM12" s="109">
        <v>2995770</v>
      </c>
      <c r="JN12" s="109">
        <v>1346452</v>
      </c>
      <c r="JO12" s="109">
        <v>736192</v>
      </c>
      <c r="JP12" s="110">
        <v>11568085</v>
      </c>
      <c r="JQ12" s="298">
        <v>11568085</v>
      </c>
      <c r="JR12" s="129">
        <v>0</v>
      </c>
      <c r="JS12" s="109">
        <v>0</v>
      </c>
      <c r="JT12" s="128">
        <v>0</v>
      </c>
      <c r="JU12" s="108">
        <v>0</v>
      </c>
      <c r="JV12" s="109">
        <v>0</v>
      </c>
      <c r="JW12" s="109">
        <v>301257</v>
      </c>
      <c r="JX12" s="109">
        <v>189150</v>
      </c>
      <c r="JY12" s="109">
        <v>38870</v>
      </c>
      <c r="JZ12" s="109">
        <v>0</v>
      </c>
      <c r="KA12" s="110">
        <v>529277</v>
      </c>
      <c r="KB12" s="298">
        <v>529277</v>
      </c>
      <c r="KC12" s="221">
        <v>0</v>
      </c>
      <c r="KD12" s="217">
        <v>-20493</v>
      </c>
      <c r="KE12" s="110">
        <v>-20493</v>
      </c>
      <c r="KF12" s="108">
        <v>0</v>
      </c>
      <c r="KG12" s="109">
        <v>1198981</v>
      </c>
      <c r="KH12" s="109">
        <v>965673</v>
      </c>
      <c r="KI12" s="109">
        <v>1832404</v>
      </c>
      <c r="KJ12" s="109">
        <v>933678</v>
      </c>
      <c r="KK12" s="109">
        <v>577889</v>
      </c>
      <c r="KL12" s="110">
        <v>5508625</v>
      </c>
      <c r="KM12" s="130">
        <v>5488132</v>
      </c>
      <c r="KN12" s="219">
        <v>0</v>
      </c>
      <c r="KO12" s="223">
        <v>0</v>
      </c>
      <c r="KP12" s="224">
        <v>0</v>
      </c>
      <c r="KQ12" s="127"/>
      <c r="KR12" s="109">
        <v>978017</v>
      </c>
      <c r="KS12" s="109">
        <v>2531994</v>
      </c>
      <c r="KT12" s="109">
        <v>3658073</v>
      </c>
      <c r="KU12" s="109">
        <v>2638591</v>
      </c>
      <c r="KV12" s="109">
        <v>992213</v>
      </c>
      <c r="KW12" s="110">
        <v>10798888</v>
      </c>
      <c r="KX12" s="298">
        <v>10798888</v>
      </c>
      <c r="KY12" s="129">
        <v>0</v>
      </c>
      <c r="KZ12" s="109">
        <v>0</v>
      </c>
      <c r="LA12" s="110">
        <v>0</v>
      </c>
      <c r="LB12" s="132"/>
      <c r="LC12" s="109">
        <v>0</v>
      </c>
      <c r="LD12" s="109">
        <v>0</v>
      </c>
      <c r="LE12" s="109">
        <v>0</v>
      </c>
      <c r="LF12" s="109">
        <v>0</v>
      </c>
      <c r="LG12" s="109">
        <v>0</v>
      </c>
      <c r="LH12" s="110">
        <v>0</v>
      </c>
      <c r="LI12" s="111">
        <v>0</v>
      </c>
      <c r="LJ12" s="129">
        <v>0</v>
      </c>
      <c r="LK12" s="109">
        <v>0</v>
      </c>
      <c r="LL12" s="110">
        <v>0</v>
      </c>
      <c r="LM12" s="132"/>
      <c r="LN12" s="109">
        <v>0</v>
      </c>
      <c r="LO12" s="109">
        <v>0</v>
      </c>
      <c r="LP12" s="109">
        <v>457468</v>
      </c>
      <c r="LQ12" s="109">
        <v>533162</v>
      </c>
      <c r="LR12" s="109">
        <v>0</v>
      </c>
      <c r="LS12" s="110">
        <v>990630</v>
      </c>
      <c r="LT12" s="298">
        <v>990630</v>
      </c>
      <c r="LU12" s="129">
        <v>0</v>
      </c>
      <c r="LV12" s="109">
        <v>0</v>
      </c>
      <c r="LW12" s="110">
        <v>0</v>
      </c>
      <c r="LX12" s="132"/>
      <c r="LY12" s="109">
        <v>142528</v>
      </c>
      <c r="LZ12" s="109">
        <v>0</v>
      </c>
      <c r="MA12" s="109">
        <v>0</v>
      </c>
      <c r="MB12" s="109">
        <v>548690</v>
      </c>
      <c r="MC12" s="109">
        <v>362636</v>
      </c>
      <c r="MD12" s="110">
        <v>1053854</v>
      </c>
      <c r="ME12" s="111">
        <v>1053854</v>
      </c>
      <c r="MF12" s="129">
        <v>0</v>
      </c>
      <c r="MG12" s="109">
        <v>0</v>
      </c>
      <c r="MH12" s="110">
        <v>0</v>
      </c>
      <c r="MI12" s="132"/>
      <c r="MJ12" s="109">
        <v>280195</v>
      </c>
      <c r="MK12" s="109">
        <v>1448780</v>
      </c>
      <c r="ML12" s="109">
        <v>14286601</v>
      </c>
      <c r="MM12" s="109">
        <v>18709217</v>
      </c>
      <c r="MN12" s="109">
        <v>13913048</v>
      </c>
      <c r="MO12" s="110">
        <v>48637841</v>
      </c>
      <c r="MP12" s="130">
        <v>48637841</v>
      </c>
      <c r="MQ12" s="129">
        <v>0</v>
      </c>
      <c r="MR12" s="109">
        <v>0</v>
      </c>
      <c r="MS12" s="110">
        <v>0</v>
      </c>
      <c r="MT12" s="132"/>
      <c r="MU12" s="109">
        <v>0</v>
      </c>
      <c r="MV12" s="109">
        <v>0</v>
      </c>
      <c r="MW12" s="109">
        <v>9983852</v>
      </c>
      <c r="MX12" s="109">
        <v>14167241</v>
      </c>
      <c r="MY12" s="109">
        <v>8649802</v>
      </c>
      <c r="MZ12" s="110">
        <v>32800895</v>
      </c>
      <c r="NA12" s="130">
        <v>32800895</v>
      </c>
      <c r="NB12" s="129">
        <v>0</v>
      </c>
      <c r="NC12" s="109">
        <v>0</v>
      </c>
      <c r="ND12" s="110">
        <v>0</v>
      </c>
      <c r="NE12" s="132"/>
      <c r="NF12" s="109">
        <v>280195</v>
      </c>
      <c r="NG12" s="109">
        <v>1448780</v>
      </c>
      <c r="NH12" s="109">
        <v>4302749</v>
      </c>
      <c r="NI12" s="109">
        <v>4180496</v>
      </c>
      <c r="NJ12" s="109">
        <v>2560966</v>
      </c>
      <c r="NK12" s="110">
        <v>12773186</v>
      </c>
      <c r="NL12" s="298">
        <v>12773186</v>
      </c>
      <c r="NM12" s="129">
        <v>0</v>
      </c>
      <c r="NN12" s="109">
        <v>0</v>
      </c>
      <c r="NO12" s="110">
        <v>0</v>
      </c>
      <c r="NP12" s="132"/>
      <c r="NQ12" s="109">
        <v>0</v>
      </c>
      <c r="NR12" s="109">
        <v>0</v>
      </c>
      <c r="NS12" s="109">
        <v>0</v>
      </c>
      <c r="NT12" s="109">
        <v>0</v>
      </c>
      <c r="NU12" s="109">
        <v>311156</v>
      </c>
      <c r="NV12" s="110">
        <v>311156</v>
      </c>
      <c r="NW12" s="111">
        <v>311156</v>
      </c>
      <c r="NX12" s="129">
        <v>0</v>
      </c>
      <c r="NY12" s="109">
        <v>0</v>
      </c>
      <c r="NZ12" s="110">
        <v>0</v>
      </c>
      <c r="OA12" s="132"/>
      <c r="OB12" s="109">
        <v>0</v>
      </c>
      <c r="OC12" s="109">
        <v>0</v>
      </c>
      <c r="OD12" s="109">
        <v>0</v>
      </c>
      <c r="OE12" s="109">
        <v>361480</v>
      </c>
      <c r="OF12" s="109">
        <v>2391124</v>
      </c>
      <c r="OG12" s="110">
        <v>2752604</v>
      </c>
      <c r="OH12" s="111">
        <v>2752604</v>
      </c>
      <c r="OI12" s="129">
        <v>1516373</v>
      </c>
      <c r="OJ12" s="109">
        <v>2544791</v>
      </c>
      <c r="OK12" s="128">
        <v>4061164</v>
      </c>
      <c r="OL12" s="108">
        <v>0</v>
      </c>
      <c r="OM12" s="109">
        <v>23341848</v>
      </c>
      <c r="ON12" s="109">
        <v>36822981</v>
      </c>
      <c r="OO12" s="109">
        <v>50405563</v>
      </c>
      <c r="OP12" s="109">
        <v>45688020</v>
      </c>
      <c r="OQ12" s="109">
        <v>31278478</v>
      </c>
      <c r="OR12" s="110">
        <v>187536890</v>
      </c>
      <c r="OS12" s="130">
        <v>191598054</v>
      </c>
    </row>
    <row r="13" spans="1:409" ht="21" customHeight="1" x14ac:dyDescent="0.2">
      <c r="B13" s="472" t="s">
        <v>7</v>
      </c>
      <c r="C13" s="100">
        <v>950715</v>
      </c>
      <c r="D13" s="104">
        <v>1973627</v>
      </c>
      <c r="E13" s="103">
        <v>2924342</v>
      </c>
      <c r="F13" s="99">
        <v>0</v>
      </c>
      <c r="G13" s="104">
        <v>23705697</v>
      </c>
      <c r="H13" s="104">
        <v>25581985</v>
      </c>
      <c r="I13" s="104">
        <v>18914304</v>
      </c>
      <c r="J13" s="104">
        <v>18571102</v>
      </c>
      <c r="K13" s="104">
        <v>12693404</v>
      </c>
      <c r="L13" s="99">
        <v>99466492</v>
      </c>
      <c r="M13" s="106">
        <v>102390834</v>
      </c>
      <c r="N13" s="100">
        <v>294416</v>
      </c>
      <c r="O13" s="104">
        <v>266736</v>
      </c>
      <c r="P13" s="103">
        <v>561152</v>
      </c>
      <c r="Q13" s="100">
        <v>0</v>
      </c>
      <c r="R13" s="104">
        <v>7262259</v>
      </c>
      <c r="S13" s="104">
        <v>7157712</v>
      </c>
      <c r="T13" s="104">
        <v>6489415</v>
      </c>
      <c r="U13" s="104">
        <v>8018990</v>
      </c>
      <c r="V13" s="104">
        <v>6361370</v>
      </c>
      <c r="W13" s="103">
        <v>35289746</v>
      </c>
      <c r="X13" s="106">
        <v>35850898</v>
      </c>
      <c r="Y13" s="100">
        <v>0</v>
      </c>
      <c r="Z13" s="104">
        <v>0</v>
      </c>
      <c r="AA13" s="103">
        <v>0</v>
      </c>
      <c r="AB13" s="100">
        <v>0</v>
      </c>
      <c r="AC13" s="104">
        <v>3849005</v>
      </c>
      <c r="AD13" s="104">
        <v>3738005</v>
      </c>
      <c r="AE13" s="104">
        <v>2963759</v>
      </c>
      <c r="AF13" s="104">
        <v>5260300</v>
      </c>
      <c r="AG13" s="104">
        <v>3604489</v>
      </c>
      <c r="AH13" s="103">
        <v>19415558</v>
      </c>
      <c r="AI13" s="106">
        <v>19415558</v>
      </c>
      <c r="AJ13" s="100">
        <v>0</v>
      </c>
      <c r="AK13" s="104">
        <v>0</v>
      </c>
      <c r="AL13" s="103">
        <v>0</v>
      </c>
      <c r="AM13" s="100">
        <v>0</v>
      </c>
      <c r="AN13" s="104">
        <v>0</v>
      </c>
      <c r="AO13" s="104">
        <v>139123</v>
      </c>
      <c r="AP13" s="104">
        <v>409892</v>
      </c>
      <c r="AQ13" s="104">
        <v>705201</v>
      </c>
      <c r="AR13" s="104">
        <v>791526</v>
      </c>
      <c r="AS13" s="103">
        <v>2045742</v>
      </c>
      <c r="AT13" s="106">
        <v>2045742</v>
      </c>
      <c r="AU13" s="100">
        <v>88168</v>
      </c>
      <c r="AV13" s="104">
        <v>92144</v>
      </c>
      <c r="AW13" s="103">
        <v>180312</v>
      </c>
      <c r="AX13" s="100">
        <v>0</v>
      </c>
      <c r="AY13" s="104">
        <v>1898821</v>
      </c>
      <c r="AZ13" s="104">
        <v>1814531</v>
      </c>
      <c r="BA13" s="104">
        <v>1432900</v>
      </c>
      <c r="BB13" s="104">
        <v>1058319</v>
      </c>
      <c r="BC13" s="104">
        <v>1284043</v>
      </c>
      <c r="BD13" s="103">
        <v>7488614</v>
      </c>
      <c r="BE13" s="106">
        <v>7668926</v>
      </c>
      <c r="BF13" s="100">
        <v>41456</v>
      </c>
      <c r="BG13" s="104">
        <v>0</v>
      </c>
      <c r="BH13" s="102">
        <v>41456</v>
      </c>
      <c r="BI13" s="101">
        <v>0</v>
      </c>
      <c r="BJ13" s="104">
        <v>223241</v>
      </c>
      <c r="BK13" s="104">
        <v>99469</v>
      </c>
      <c r="BL13" s="104">
        <v>319448</v>
      </c>
      <c r="BM13" s="104">
        <v>205426</v>
      </c>
      <c r="BN13" s="104">
        <v>0</v>
      </c>
      <c r="BO13" s="103">
        <v>847584</v>
      </c>
      <c r="BP13" s="106">
        <v>889040</v>
      </c>
      <c r="BQ13" s="100">
        <v>164792</v>
      </c>
      <c r="BR13" s="104">
        <v>174592</v>
      </c>
      <c r="BS13" s="103">
        <v>339384</v>
      </c>
      <c r="BT13" s="100">
        <v>0</v>
      </c>
      <c r="BU13" s="104">
        <v>1291192</v>
      </c>
      <c r="BV13" s="104">
        <v>1366584</v>
      </c>
      <c r="BW13" s="104">
        <v>1363416</v>
      </c>
      <c r="BX13" s="104">
        <v>789744</v>
      </c>
      <c r="BY13" s="104">
        <v>681312</v>
      </c>
      <c r="BZ13" s="103">
        <v>5492248</v>
      </c>
      <c r="CA13" s="106">
        <v>5831632</v>
      </c>
      <c r="CB13" s="100">
        <v>19225</v>
      </c>
      <c r="CC13" s="104">
        <v>116612</v>
      </c>
      <c r="CD13" s="103">
        <v>135837</v>
      </c>
      <c r="CE13" s="100">
        <v>0</v>
      </c>
      <c r="CF13" s="104">
        <v>7921254</v>
      </c>
      <c r="CG13" s="104">
        <v>6421607</v>
      </c>
      <c r="CH13" s="104">
        <v>2922005</v>
      </c>
      <c r="CI13" s="104">
        <v>2087992</v>
      </c>
      <c r="CJ13" s="104">
        <v>1364629</v>
      </c>
      <c r="CK13" s="103">
        <v>20717487</v>
      </c>
      <c r="CL13" s="106">
        <v>20853324</v>
      </c>
      <c r="CM13" s="100">
        <v>0</v>
      </c>
      <c r="CN13" s="104">
        <v>0</v>
      </c>
      <c r="CO13" s="103">
        <v>0</v>
      </c>
      <c r="CP13" s="101">
        <v>0</v>
      </c>
      <c r="CQ13" s="104">
        <v>6976607</v>
      </c>
      <c r="CR13" s="104">
        <v>4963982</v>
      </c>
      <c r="CS13" s="104">
        <v>2403098</v>
      </c>
      <c r="CT13" s="104">
        <v>1688916</v>
      </c>
      <c r="CU13" s="104">
        <v>1237339</v>
      </c>
      <c r="CV13" s="103">
        <v>17269942</v>
      </c>
      <c r="CW13" s="106">
        <v>17269942</v>
      </c>
      <c r="CX13" s="100">
        <v>19225</v>
      </c>
      <c r="CY13" s="104">
        <v>116612</v>
      </c>
      <c r="CZ13" s="103">
        <v>135837</v>
      </c>
      <c r="DA13" s="100">
        <v>0</v>
      </c>
      <c r="DB13" s="104">
        <v>944647</v>
      </c>
      <c r="DC13" s="104">
        <v>1457625</v>
      </c>
      <c r="DD13" s="104">
        <v>518907</v>
      </c>
      <c r="DE13" s="104">
        <v>399076</v>
      </c>
      <c r="DF13" s="104">
        <v>127290</v>
      </c>
      <c r="DG13" s="103">
        <v>3447545</v>
      </c>
      <c r="DH13" s="106">
        <v>3583382</v>
      </c>
      <c r="DI13" s="100">
        <v>0</v>
      </c>
      <c r="DJ13" s="104">
        <v>63400</v>
      </c>
      <c r="DK13" s="102">
        <v>63400</v>
      </c>
      <c r="DL13" s="101">
        <v>0</v>
      </c>
      <c r="DM13" s="104">
        <v>788802</v>
      </c>
      <c r="DN13" s="104">
        <v>2560124</v>
      </c>
      <c r="DO13" s="104">
        <v>2012789</v>
      </c>
      <c r="DP13" s="104">
        <v>2023463</v>
      </c>
      <c r="DQ13" s="104">
        <v>648695</v>
      </c>
      <c r="DR13" s="103">
        <v>8033873</v>
      </c>
      <c r="DS13" s="106">
        <v>8097273</v>
      </c>
      <c r="DT13" s="100">
        <v>0</v>
      </c>
      <c r="DU13" s="104">
        <v>63400</v>
      </c>
      <c r="DV13" s="103">
        <v>63400</v>
      </c>
      <c r="DW13" s="100">
        <v>0</v>
      </c>
      <c r="DX13" s="104">
        <v>747554</v>
      </c>
      <c r="DY13" s="104">
        <v>2504331</v>
      </c>
      <c r="DZ13" s="104">
        <v>2012789</v>
      </c>
      <c r="EA13" s="104">
        <v>1870794</v>
      </c>
      <c r="EB13" s="104">
        <v>648695</v>
      </c>
      <c r="EC13" s="103">
        <v>7784163</v>
      </c>
      <c r="ED13" s="106">
        <v>7847563</v>
      </c>
      <c r="EE13" s="100">
        <v>0</v>
      </c>
      <c r="EF13" s="102">
        <v>0</v>
      </c>
      <c r="EG13" s="103">
        <v>0</v>
      </c>
      <c r="EH13" s="100">
        <v>0</v>
      </c>
      <c r="EI13" s="104">
        <v>41248</v>
      </c>
      <c r="EJ13" s="104">
        <v>55793</v>
      </c>
      <c r="EK13" s="104">
        <v>0</v>
      </c>
      <c r="EL13" s="104">
        <v>152669</v>
      </c>
      <c r="EM13" s="104">
        <v>0</v>
      </c>
      <c r="EN13" s="102">
        <v>249710</v>
      </c>
      <c r="EO13" s="106">
        <v>249710</v>
      </c>
      <c r="EP13" s="100">
        <v>0</v>
      </c>
      <c r="EQ13" s="104">
        <v>0</v>
      </c>
      <c r="ER13" s="102">
        <v>0</v>
      </c>
      <c r="ES13" s="101">
        <v>0</v>
      </c>
      <c r="ET13" s="104">
        <v>0</v>
      </c>
      <c r="EU13" s="104">
        <v>0</v>
      </c>
      <c r="EV13" s="104">
        <v>0</v>
      </c>
      <c r="EW13" s="104">
        <v>0</v>
      </c>
      <c r="EX13" s="104">
        <v>0</v>
      </c>
      <c r="EY13" s="103">
        <v>0</v>
      </c>
      <c r="EZ13" s="106">
        <v>0</v>
      </c>
      <c r="FA13" s="100">
        <v>0</v>
      </c>
      <c r="FB13" s="104">
        <v>0</v>
      </c>
      <c r="FC13" s="102">
        <v>0</v>
      </c>
      <c r="FD13" s="324"/>
      <c r="FE13" s="104">
        <v>0</v>
      </c>
      <c r="FF13" s="104">
        <v>0</v>
      </c>
      <c r="FG13" s="104">
        <v>0</v>
      </c>
      <c r="FH13" s="104">
        <v>0</v>
      </c>
      <c r="FI13" s="104">
        <v>0</v>
      </c>
      <c r="FJ13" s="103">
        <v>0</v>
      </c>
      <c r="FK13" s="106">
        <v>0</v>
      </c>
      <c r="FL13" s="100">
        <v>271864</v>
      </c>
      <c r="FM13" s="104">
        <v>235224</v>
      </c>
      <c r="FN13" s="103">
        <v>507088</v>
      </c>
      <c r="FO13" s="100">
        <v>0</v>
      </c>
      <c r="FP13" s="104">
        <v>1269167</v>
      </c>
      <c r="FQ13" s="104">
        <v>2382344</v>
      </c>
      <c r="FR13" s="104">
        <v>1353664</v>
      </c>
      <c r="FS13" s="104">
        <v>1431608</v>
      </c>
      <c r="FT13" s="104">
        <v>983592</v>
      </c>
      <c r="FU13" s="103">
        <v>7420375</v>
      </c>
      <c r="FV13" s="106">
        <v>7927463</v>
      </c>
      <c r="FW13" s="105">
        <v>114808</v>
      </c>
      <c r="FX13" s="104">
        <v>127224</v>
      </c>
      <c r="FY13" s="102">
        <v>242032</v>
      </c>
      <c r="FZ13" s="101">
        <v>0</v>
      </c>
      <c r="GA13" s="104">
        <v>704064</v>
      </c>
      <c r="GB13" s="104">
        <v>2206904</v>
      </c>
      <c r="GC13" s="104">
        <v>1255104</v>
      </c>
      <c r="GD13" s="104">
        <v>1313768</v>
      </c>
      <c r="GE13" s="104">
        <v>883688</v>
      </c>
      <c r="GF13" s="103">
        <v>6363528</v>
      </c>
      <c r="GG13" s="296">
        <v>6605560</v>
      </c>
      <c r="GH13" s="105">
        <v>18656</v>
      </c>
      <c r="GI13" s="104">
        <v>0</v>
      </c>
      <c r="GJ13" s="102">
        <v>18656</v>
      </c>
      <c r="GK13" s="101">
        <v>0</v>
      </c>
      <c r="GL13" s="104">
        <v>124863</v>
      </c>
      <c r="GM13" s="104">
        <v>51200</v>
      </c>
      <c r="GN13" s="104">
        <v>63360</v>
      </c>
      <c r="GO13" s="104">
        <v>117840</v>
      </c>
      <c r="GP13" s="104">
        <v>18304</v>
      </c>
      <c r="GQ13" s="103">
        <v>375567</v>
      </c>
      <c r="GR13" s="106">
        <v>394223</v>
      </c>
      <c r="GS13" s="100">
        <v>138400</v>
      </c>
      <c r="GT13" s="104">
        <v>108000</v>
      </c>
      <c r="GU13" s="103">
        <v>246400</v>
      </c>
      <c r="GV13" s="100">
        <v>0</v>
      </c>
      <c r="GW13" s="104">
        <v>440240</v>
      </c>
      <c r="GX13" s="104">
        <v>124240</v>
      </c>
      <c r="GY13" s="104">
        <v>35200</v>
      </c>
      <c r="GZ13" s="104">
        <v>0</v>
      </c>
      <c r="HA13" s="104">
        <v>81600</v>
      </c>
      <c r="HB13" s="102">
        <v>681280</v>
      </c>
      <c r="HC13" s="106">
        <v>927680</v>
      </c>
      <c r="HD13" s="100">
        <v>365210</v>
      </c>
      <c r="HE13" s="104">
        <v>1291655</v>
      </c>
      <c r="HF13" s="102">
        <v>1656865</v>
      </c>
      <c r="HG13" s="101">
        <v>0</v>
      </c>
      <c r="HH13" s="104">
        <v>6464215</v>
      </c>
      <c r="HI13" s="104">
        <v>7060198</v>
      </c>
      <c r="HJ13" s="104">
        <v>6136431</v>
      </c>
      <c r="HK13" s="104">
        <v>5009049</v>
      </c>
      <c r="HL13" s="104">
        <v>3335118</v>
      </c>
      <c r="HM13" s="103">
        <v>28005011</v>
      </c>
      <c r="HN13" s="99">
        <v>29661876</v>
      </c>
      <c r="HO13" s="306"/>
      <c r="HP13" s="307"/>
      <c r="HQ13" s="308"/>
      <c r="HR13" s="309"/>
      <c r="HS13" s="307"/>
      <c r="HT13" s="307"/>
      <c r="HU13" s="307"/>
      <c r="HV13" s="307"/>
      <c r="HW13" s="307"/>
      <c r="HX13" s="310"/>
      <c r="HY13" s="311"/>
      <c r="HZ13" s="118">
        <v>0</v>
      </c>
      <c r="IA13" s="119">
        <v>0</v>
      </c>
      <c r="IB13" s="120">
        <v>0</v>
      </c>
      <c r="IC13" s="133">
        <v>0</v>
      </c>
      <c r="ID13" s="119">
        <v>4934381</v>
      </c>
      <c r="IE13" s="134">
        <v>5870131</v>
      </c>
      <c r="IF13" s="120">
        <v>6199065</v>
      </c>
      <c r="IG13" s="119">
        <v>1801434</v>
      </c>
      <c r="IH13" s="120">
        <v>2172687</v>
      </c>
      <c r="II13" s="135">
        <v>20977698</v>
      </c>
      <c r="IJ13" s="126">
        <v>20977698</v>
      </c>
      <c r="IK13" s="219">
        <v>0</v>
      </c>
      <c r="IL13" s="223">
        <v>0</v>
      </c>
      <c r="IM13" s="224">
        <v>0</v>
      </c>
      <c r="IN13" s="127"/>
      <c r="IO13" s="109">
        <v>0</v>
      </c>
      <c r="IP13" s="109">
        <v>0</v>
      </c>
      <c r="IQ13" s="109">
        <v>0</v>
      </c>
      <c r="IR13" s="109">
        <v>0</v>
      </c>
      <c r="IS13" s="109">
        <v>0</v>
      </c>
      <c r="IT13" s="128">
        <v>0</v>
      </c>
      <c r="IU13" s="298">
        <v>0</v>
      </c>
      <c r="IV13" s="129">
        <v>0</v>
      </c>
      <c r="IW13" s="109">
        <v>0</v>
      </c>
      <c r="IX13" s="110">
        <v>0</v>
      </c>
      <c r="IY13" s="131"/>
      <c r="IZ13" s="109">
        <v>0</v>
      </c>
      <c r="JA13" s="109">
        <v>0</v>
      </c>
      <c r="JB13" s="109">
        <v>0</v>
      </c>
      <c r="JC13" s="109">
        <v>0</v>
      </c>
      <c r="JD13" s="109">
        <v>0</v>
      </c>
      <c r="JE13" s="110">
        <v>0</v>
      </c>
      <c r="JF13" s="111">
        <v>0</v>
      </c>
      <c r="JG13" s="129">
        <v>0</v>
      </c>
      <c r="JH13" s="109">
        <v>0</v>
      </c>
      <c r="JI13" s="128">
        <v>0</v>
      </c>
      <c r="JJ13" s="108">
        <v>0</v>
      </c>
      <c r="JK13" s="109">
        <v>2929184</v>
      </c>
      <c r="JL13" s="109">
        <v>2185346</v>
      </c>
      <c r="JM13" s="109">
        <v>1389010</v>
      </c>
      <c r="JN13" s="109">
        <v>367510</v>
      </c>
      <c r="JO13" s="109">
        <v>207208</v>
      </c>
      <c r="JP13" s="110">
        <v>7078258</v>
      </c>
      <c r="JQ13" s="298">
        <v>7078258</v>
      </c>
      <c r="JR13" s="129">
        <v>0</v>
      </c>
      <c r="JS13" s="109">
        <v>0</v>
      </c>
      <c r="JT13" s="128">
        <v>0</v>
      </c>
      <c r="JU13" s="108">
        <v>0</v>
      </c>
      <c r="JV13" s="109">
        <v>629310</v>
      </c>
      <c r="JW13" s="109">
        <v>914845</v>
      </c>
      <c r="JX13" s="109">
        <v>800301</v>
      </c>
      <c r="JY13" s="109">
        <v>354004</v>
      </c>
      <c r="JZ13" s="109">
        <v>246894</v>
      </c>
      <c r="KA13" s="110">
        <v>2945354</v>
      </c>
      <c r="KB13" s="298">
        <v>2945354</v>
      </c>
      <c r="KC13" s="221">
        <v>0</v>
      </c>
      <c r="KD13" s="217">
        <v>0</v>
      </c>
      <c r="KE13" s="110">
        <v>0</v>
      </c>
      <c r="KF13" s="108">
        <v>0</v>
      </c>
      <c r="KG13" s="109">
        <v>421922</v>
      </c>
      <c r="KH13" s="109">
        <v>709658</v>
      </c>
      <c r="KI13" s="109">
        <v>637269</v>
      </c>
      <c r="KJ13" s="109">
        <v>0</v>
      </c>
      <c r="KK13" s="109">
        <v>0</v>
      </c>
      <c r="KL13" s="110">
        <v>1768849</v>
      </c>
      <c r="KM13" s="130">
        <v>1768849</v>
      </c>
      <c r="KN13" s="219">
        <v>0</v>
      </c>
      <c r="KO13" s="223">
        <v>0</v>
      </c>
      <c r="KP13" s="224">
        <v>0</v>
      </c>
      <c r="KQ13" s="127"/>
      <c r="KR13" s="109">
        <v>953965</v>
      </c>
      <c r="KS13" s="109">
        <v>1856735</v>
      </c>
      <c r="KT13" s="109">
        <v>3087982</v>
      </c>
      <c r="KU13" s="109">
        <v>787652</v>
      </c>
      <c r="KV13" s="109">
        <v>1045741</v>
      </c>
      <c r="KW13" s="110">
        <v>7732075</v>
      </c>
      <c r="KX13" s="298">
        <v>7732075</v>
      </c>
      <c r="KY13" s="129">
        <v>0</v>
      </c>
      <c r="KZ13" s="109">
        <v>0</v>
      </c>
      <c r="LA13" s="110">
        <v>0</v>
      </c>
      <c r="LB13" s="132"/>
      <c r="LC13" s="109">
        <v>0</v>
      </c>
      <c r="LD13" s="109">
        <v>0</v>
      </c>
      <c r="LE13" s="109">
        <v>0</v>
      </c>
      <c r="LF13" s="109">
        <v>0</v>
      </c>
      <c r="LG13" s="109">
        <v>0</v>
      </c>
      <c r="LH13" s="110">
        <v>0</v>
      </c>
      <c r="LI13" s="111">
        <v>0</v>
      </c>
      <c r="LJ13" s="129">
        <v>0</v>
      </c>
      <c r="LK13" s="109">
        <v>0</v>
      </c>
      <c r="LL13" s="110">
        <v>0</v>
      </c>
      <c r="LM13" s="132"/>
      <c r="LN13" s="109">
        <v>0</v>
      </c>
      <c r="LO13" s="109">
        <v>0</v>
      </c>
      <c r="LP13" s="109">
        <v>0</v>
      </c>
      <c r="LQ13" s="109">
        <v>0</v>
      </c>
      <c r="LR13" s="109">
        <v>0</v>
      </c>
      <c r="LS13" s="110">
        <v>0</v>
      </c>
      <c r="LT13" s="298">
        <v>0</v>
      </c>
      <c r="LU13" s="129">
        <v>0</v>
      </c>
      <c r="LV13" s="109">
        <v>0</v>
      </c>
      <c r="LW13" s="110">
        <v>0</v>
      </c>
      <c r="LX13" s="132"/>
      <c r="LY13" s="109">
        <v>0</v>
      </c>
      <c r="LZ13" s="109">
        <v>203547</v>
      </c>
      <c r="MA13" s="109">
        <v>284503</v>
      </c>
      <c r="MB13" s="109">
        <v>292268</v>
      </c>
      <c r="MC13" s="109">
        <v>672844</v>
      </c>
      <c r="MD13" s="110">
        <v>1453162</v>
      </c>
      <c r="ME13" s="111">
        <v>1453162</v>
      </c>
      <c r="MF13" s="129">
        <v>0</v>
      </c>
      <c r="MG13" s="109">
        <v>0</v>
      </c>
      <c r="MH13" s="110">
        <v>0</v>
      </c>
      <c r="MI13" s="132"/>
      <c r="MJ13" s="109">
        <v>2731869</v>
      </c>
      <c r="MK13" s="109">
        <v>2003812</v>
      </c>
      <c r="ML13" s="109">
        <v>7589613</v>
      </c>
      <c r="MM13" s="109">
        <v>17563010</v>
      </c>
      <c r="MN13" s="109">
        <v>9229176</v>
      </c>
      <c r="MO13" s="110">
        <v>39117480</v>
      </c>
      <c r="MP13" s="130">
        <v>39117480</v>
      </c>
      <c r="MQ13" s="129">
        <v>0</v>
      </c>
      <c r="MR13" s="109">
        <v>0</v>
      </c>
      <c r="MS13" s="110">
        <v>0</v>
      </c>
      <c r="MT13" s="132"/>
      <c r="MU13" s="109">
        <v>0</v>
      </c>
      <c r="MV13" s="109">
        <v>462716</v>
      </c>
      <c r="MW13" s="109">
        <v>4385759</v>
      </c>
      <c r="MX13" s="109">
        <v>13102328</v>
      </c>
      <c r="MY13" s="109">
        <v>6836309</v>
      </c>
      <c r="MZ13" s="110">
        <v>24787112</v>
      </c>
      <c r="NA13" s="130">
        <v>24787112</v>
      </c>
      <c r="NB13" s="129">
        <v>0</v>
      </c>
      <c r="NC13" s="109">
        <v>0</v>
      </c>
      <c r="ND13" s="110">
        <v>0</v>
      </c>
      <c r="NE13" s="132"/>
      <c r="NF13" s="109">
        <v>2731869</v>
      </c>
      <c r="NG13" s="109">
        <v>1541096</v>
      </c>
      <c r="NH13" s="109">
        <v>2877993</v>
      </c>
      <c r="NI13" s="109">
        <v>4460682</v>
      </c>
      <c r="NJ13" s="109">
        <v>2392867</v>
      </c>
      <c r="NK13" s="110">
        <v>14004507</v>
      </c>
      <c r="NL13" s="298">
        <v>14004507</v>
      </c>
      <c r="NM13" s="129">
        <v>0</v>
      </c>
      <c r="NN13" s="109">
        <v>0</v>
      </c>
      <c r="NO13" s="110">
        <v>0</v>
      </c>
      <c r="NP13" s="132"/>
      <c r="NQ13" s="109">
        <v>0</v>
      </c>
      <c r="NR13" s="109">
        <v>0</v>
      </c>
      <c r="NS13" s="109">
        <v>0</v>
      </c>
      <c r="NT13" s="109">
        <v>0</v>
      </c>
      <c r="NU13" s="109">
        <v>0</v>
      </c>
      <c r="NV13" s="110">
        <v>0</v>
      </c>
      <c r="NW13" s="111">
        <v>0</v>
      </c>
      <c r="NX13" s="129">
        <v>0</v>
      </c>
      <c r="NY13" s="109">
        <v>0</v>
      </c>
      <c r="NZ13" s="110">
        <v>0</v>
      </c>
      <c r="OA13" s="132"/>
      <c r="OB13" s="109">
        <v>0</v>
      </c>
      <c r="OC13" s="109">
        <v>0</v>
      </c>
      <c r="OD13" s="109">
        <v>325861</v>
      </c>
      <c r="OE13" s="109">
        <v>0</v>
      </c>
      <c r="OF13" s="109">
        <v>0</v>
      </c>
      <c r="OG13" s="110">
        <v>325861</v>
      </c>
      <c r="OH13" s="111">
        <v>325861</v>
      </c>
      <c r="OI13" s="129">
        <v>950715</v>
      </c>
      <c r="OJ13" s="109">
        <v>1973627</v>
      </c>
      <c r="OK13" s="128">
        <v>2924342</v>
      </c>
      <c r="OL13" s="108">
        <v>0</v>
      </c>
      <c r="OM13" s="109">
        <v>31371947</v>
      </c>
      <c r="ON13" s="109">
        <v>33455928</v>
      </c>
      <c r="OO13" s="109">
        <v>32702982</v>
      </c>
      <c r="OP13" s="109">
        <v>37935546</v>
      </c>
      <c r="OQ13" s="109">
        <v>24095267</v>
      </c>
      <c r="OR13" s="110">
        <v>159561670</v>
      </c>
      <c r="OS13" s="130">
        <v>162486012</v>
      </c>
    </row>
    <row r="14" spans="1:409" ht="21" customHeight="1" x14ac:dyDescent="0.2">
      <c r="B14" s="472" t="s">
        <v>8</v>
      </c>
      <c r="C14" s="100">
        <v>858507</v>
      </c>
      <c r="D14" s="104">
        <v>666267</v>
      </c>
      <c r="E14" s="103">
        <v>1524774</v>
      </c>
      <c r="F14" s="99">
        <v>0</v>
      </c>
      <c r="G14" s="104">
        <v>8381449</v>
      </c>
      <c r="H14" s="104">
        <v>8456153</v>
      </c>
      <c r="I14" s="104">
        <v>10322111</v>
      </c>
      <c r="J14" s="104">
        <v>5939947</v>
      </c>
      <c r="K14" s="104">
        <v>5961324</v>
      </c>
      <c r="L14" s="99">
        <v>39060984</v>
      </c>
      <c r="M14" s="106">
        <v>40585758</v>
      </c>
      <c r="N14" s="100">
        <v>210983</v>
      </c>
      <c r="O14" s="104">
        <v>82309</v>
      </c>
      <c r="P14" s="103">
        <v>293292</v>
      </c>
      <c r="Q14" s="100">
        <v>0</v>
      </c>
      <c r="R14" s="104">
        <v>2206279</v>
      </c>
      <c r="S14" s="104">
        <v>3432793</v>
      </c>
      <c r="T14" s="104">
        <v>4401597</v>
      </c>
      <c r="U14" s="104">
        <v>1409371</v>
      </c>
      <c r="V14" s="104">
        <v>2729301</v>
      </c>
      <c r="W14" s="103">
        <v>14179341</v>
      </c>
      <c r="X14" s="106">
        <v>14472633</v>
      </c>
      <c r="Y14" s="100">
        <v>0</v>
      </c>
      <c r="Z14" s="104">
        <v>0</v>
      </c>
      <c r="AA14" s="103">
        <v>0</v>
      </c>
      <c r="AB14" s="100">
        <v>0</v>
      </c>
      <c r="AC14" s="104">
        <v>874460</v>
      </c>
      <c r="AD14" s="104">
        <v>1846869</v>
      </c>
      <c r="AE14" s="104">
        <v>2366152</v>
      </c>
      <c r="AF14" s="104">
        <v>729780</v>
      </c>
      <c r="AG14" s="104">
        <v>1741615</v>
      </c>
      <c r="AH14" s="103">
        <v>7558876</v>
      </c>
      <c r="AI14" s="106">
        <v>7558876</v>
      </c>
      <c r="AJ14" s="100">
        <v>0</v>
      </c>
      <c r="AK14" s="104">
        <v>0</v>
      </c>
      <c r="AL14" s="103">
        <v>0</v>
      </c>
      <c r="AM14" s="100">
        <v>0</v>
      </c>
      <c r="AN14" s="104">
        <v>0</v>
      </c>
      <c r="AO14" s="104">
        <v>0</v>
      </c>
      <c r="AP14" s="104">
        <v>107084</v>
      </c>
      <c r="AQ14" s="104">
        <v>0</v>
      </c>
      <c r="AR14" s="104">
        <v>382319</v>
      </c>
      <c r="AS14" s="103">
        <v>489403</v>
      </c>
      <c r="AT14" s="106">
        <v>489403</v>
      </c>
      <c r="AU14" s="100">
        <v>68495</v>
      </c>
      <c r="AV14" s="104">
        <v>73717</v>
      </c>
      <c r="AW14" s="103">
        <v>142212</v>
      </c>
      <c r="AX14" s="100">
        <v>0</v>
      </c>
      <c r="AY14" s="104">
        <v>766763</v>
      </c>
      <c r="AZ14" s="104">
        <v>1218600</v>
      </c>
      <c r="BA14" s="104">
        <v>1208256</v>
      </c>
      <c r="BB14" s="104">
        <v>328494</v>
      </c>
      <c r="BC14" s="104">
        <v>319959</v>
      </c>
      <c r="BD14" s="103">
        <v>3842072</v>
      </c>
      <c r="BE14" s="106">
        <v>3984284</v>
      </c>
      <c r="BF14" s="100">
        <v>0</v>
      </c>
      <c r="BG14" s="104">
        <v>0</v>
      </c>
      <c r="BH14" s="102">
        <v>0</v>
      </c>
      <c r="BI14" s="101">
        <v>0</v>
      </c>
      <c r="BJ14" s="104">
        <v>45304</v>
      </c>
      <c r="BK14" s="104">
        <v>82948</v>
      </c>
      <c r="BL14" s="104">
        <v>183105</v>
      </c>
      <c r="BM14" s="104">
        <v>119001</v>
      </c>
      <c r="BN14" s="104">
        <v>0</v>
      </c>
      <c r="BO14" s="103">
        <v>430358</v>
      </c>
      <c r="BP14" s="106">
        <v>430358</v>
      </c>
      <c r="BQ14" s="100">
        <v>142488</v>
      </c>
      <c r="BR14" s="104">
        <v>8592</v>
      </c>
      <c r="BS14" s="103">
        <v>151080</v>
      </c>
      <c r="BT14" s="100">
        <v>0</v>
      </c>
      <c r="BU14" s="104">
        <v>519752</v>
      </c>
      <c r="BV14" s="104">
        <v>284376</v>
      </c>
      <c r="BW14" s="104">
        <v>537000</v>
      </c>
      <c r="BX14" s="104">
        <v>232096</v>
      </c>
      <c r="BY14" s="104">
        <v>285408</v>
      </c>
      <c r="BZ14" s="103">
        <v>1858632</v>
      </c>
      <c r="CA14" s="106">
        <v>2009712</v>
      </c>
      <c r="CB14" s="100">
        <v>103829</v>
      </c>
      <c r="CC14" s="104">
        <v>114080</v>
      </c>
      <c r="CD14" s="103">
        <v>217909</v>
      </c>
      <c r="CE14" s="100">
        <v>0</v>
      </c>
      <c r="CF14" s="104">
        <v>2288332</v>
      </c>
      <c r="CG14" s="104">
        <v>2461914</v>
      </c>
      <c r="CH14" s="104">
        <v>2236749</v>
      </c>
      <c r="CI14" s="104">
        <v>1611223</v>
      </c>
      <c r="CJ14" s="104">
        <v>814505</v>
      </c>
      <c r="CK14" s="103">
        <v>9412723</v>
      </c>
      <c r="CL14" s="106">
        <v>9630632</v>
      </c>
      <c r="CM14" s="100">
        <v>0</v>
      </c>
      <c r="CN14" s="104">
        <v>0</v>
      </c>
      <c r="CO14" s="103">
        <v>0</v>
      </c>
      <c r="CP14" s="101">
        <v>0</v>
      </c>
      <c r="CQ14" s="104">
        <v>1735769</v>
      </c>
      <c r="CR14" s="104">
        <v>2169950</v>
      </c>
      <c r="CS14" s="104">
        <v>1760349</v>
      </c>
      <c r="CT14" s="104">
        <v>1002356</v>
      </c>
      <c r="CU14" s="104">
        <v>814505</v>
      </c>
      <c r="CV14" s="103">
        <v>7482929</v>
      </c>
      <c r="CW14" s="106">
        <v>7482929</v>
      </c>
      <c r="CX14" s="100">
        <v>103829</v>
      </c>
      <c r="CY14" s="104">
        <v>114080</v>
      </c>
      <c r="CZ14" s="103">
        <v>217909</v>
      </c>
      <c r="DA14" s="100">
        <v>0</v>
      </c>
      <c r="DB14" s="104">
        <v>552563</v>
      </c>
      <c r="DC14" s="104">
        <v>291964</v>
      </c>
      <c r="DD14" s="104">
        <v>476400</v>
      </c>
      <c r="DE14" s="104">
        <v>608867</v>
      </c>
      <c r="DF14" s="104">
        <v>0</v>
      </c>
      <c r="DG14" s="103">
        <v>1929794</v>
      </c>
      <c r="DH14" s="106">
        <v>2147703</v>
      </c>
      <c r="DI14" s="100">
        <v>29100</v>
      </c>
      <c r="DJ14" s="104">
        <v>70818</v>
      </c>
      <c r="DK14" s="102">
        <v>99918</v>
      </c>
      <c r="DL14" s="101">
        <v>0</v>
      </c>
      <c r="DM14" s="104">
        <v>143225</v>
      </c>
      <c r="DN14" s="104">
        <v>235014</v>
      </c>
      <c r="DO14" s="104">
        <v>1239475</v>
      </c>
      <c r="DP14" s="104">
        <v>332153</v>
      </c>
      <c r="DQ14" s="104">
        <v>336365</v>
      </c>
      <c r="DR14" s="103">
        <v>2286232</v>
      </c>
      <c r="DS14" s="106">
        <v>2386150</v>
      </c>
      <c r="DT14" s="100">
        <v>29100</v>
      </c>
      <c r="DU14" s="104">
        <v>70818</v>
      </c>
      <c r="DV14" s="103">
        <v>99918</v>
      </c>
      <c r="DW14" s="100">
        <v>0</v>
      </c>
      <c r="DX14" s="104">
        <v>143225</v>
      </c>
      <c r="DY14" s="104">
        <v>235014</v>
      </c>
      <c r="DZ14" s="104">
        <v>1182227</v>
      </c>
      <c r="EA14" s="104">
        <v>332153</v>
      </c>
      <c r="EB14" s="104">
        <v>336365</v>
      </c>
      <c r="EC14" s="103">
        <v>2228984</v>
      </c>
      <c r="ED14" s="106">
        <v>2328902</v>
      </c>
      <c r="EE14" s="100">
        <v>0</v>
      </c>
      <c r="EF14" s="102">
        <v>0</v>
      </c>
      <c r="EG14" s="103">
        <v>0</v>
      </c>
      <c r="EH14" s="100">
        <v>0</v>
      </c>
      <c r="EI14" s="104">
        <v>0</v>
      </c>
      <c r="EJ14" s="104">
        <v>0</v>
      </c>
      <c r="EK14" s="104">
        <v>57248</v>
      </c>
      <c r="EL14" s="104">
        <v>0</v>
      </c>
      <c r="EM14" s="104">
        <v>0</v>
      </c>
      <c r="EN14" s="102">
        <v>57248</v>
      </c>
      <c r="EO14" s="106">
        <v>57248</v>
      </c>
      <c r="EP14" s="100">
        <v>0</v>
      </c>
      <c r="EQ14" s="104">
        <v>0</v>
      </c>
      <c r="ER14" s="102">
        <v>0</v>
      </c>
      <c r="ES14" s="101">
        <v>0</v>
      </c>
      <c r="ET14" s="104">
        <v>0</v>
      </c>
      <c r="EU14" s="104">
        <v>0</v>
      </c>
      <c r="EV14" s="104">
        <v>0</v>
      </c>
      <c r="EW14" s="104">
        <v>0</v>
      </c>
      <c r="EX14" s="104">
        <v>0</v>
      </c>
      <c r="EY14" s="103">
        <v>0</v>
      </c>
      <c r="EZ14" s="106">
        <v>0</v>
      </c>
      <c r="FA14" s="100">
        <v>0</v>
      </c>
      <c r="FB14" s="104">
        <v>0</v>
      </c>
      <c r="FC14" s="102">
        <v>0</v>
      </c>
      <c r="FD14" s="324"/>
      <c r="FE14" s="104">
        <v>0</v>
      </c>
      <c r="FF14" s="104">
        <v>0</v>
      </c>
      <c r="FG14" s="104">
        <v>0</v>
      </c>
      <c r="FH14" s="104">
        <v>0</v>
      </c>
      <c r="FI14" s="104">
        <v>0</v>
      </c>
      <c r="FJ14" s="103">
        <v>0</v>
      </c>
      <c r="FK14" s="106">
        <v>0</v>
      </c>
      <c r="FL14" s="100">
        <v>80320</v>
      </c>
      <c r="FM14" s="104">
        <v>308288</v>
      </c>
      <c r="FN14" s="103">
        <v>388608</v>
      </c>
      <c r="FO14" s="100">
        <v>0</v>
      </c>
      <c r="FP14" s="104">
        <v>541512</v>
      </c>
      <c r="FQ14" s="104">
        <v>951000</v>
      </c>
      <c r="FR14" s="104">
        <v>1045820</v>
      </c>
      <c r="FS14" s="104">
        <v>611459</v>
      </c>
      <c r="FT14" s="104">
        <v>317624</v>
      </c>
      <c r="FU14" s="103">
        <v>3467415</v>
      </c>
      <c r="FV14" s="106">
        <v>3856023</v>
      </c>
      <c r="FW14" s="105">
        <v>63520</v>
      </c>
      <c r="FX14" s="104">
        <v>138488</v>
      </c>
      <c r="FY14" s="102">
        <v>202008</v>
      </c>
      <c r="FZ14" s="101">
        <v>0</v>
      </c>
      <c r="GA14" s="104">
        <v>289312</v>
      </c>
      <c r="GB14" s="104">
        <v>899000</v>
      </c>
      <c r="GC14" s="104">
        <v>957536</v>
      </c>
      <c r="GD14" s="104">
        <v>519024</v>
      </c>
      <c r="GE14" s="104">
        <v>317624</v>
      </c>
      <c r="GF14" s="103">
        <v>2982496</v>
      </c>
      <c r="GG14" s="296">
        <v>3184504</v>
      </c>
      <c r="GH14" s="105">
        <v>0</v>
      </c>
      <c r="GI14" s="104">
        <v>22400</v>
      </c>
      <c r="GJ14" s="102">
        <v>22400</v>
      </c>
      <c r="GK14" s="101">
        <v>0</v>
      </c>
      <c r="GL14" s="104">
        <v>56200</v>
      </c>
      <c r="GM14" s="104">
        <v>0</v>
      </c>
      <c r="GN14" s="104">
        <v>60764</v>
      </c>
      <c r="GO14" s="104">
        <v>24552</v>
      </c>
      <c r="GP14" s="104">
        <v>0</v>
      </c>
      <c r="GQ14" s="103">
        <v>141516</v>
      </c>
      <c r="GR14" s="106">
        <v>163916</v>
      </c>
      <c r="GS14" s="100">
        <v>16800</v>
      </c>
      <c r="GT14" s="104">
        <v>147400</v>
      </c>
      <c r="GU14" s="103">
        <v>164200</v>
      </c>
      <c r="GV14" s="100">
        <v>0</v>
      </c>
      <c r="GW14" s="104">
        <v>196000</v>
      </c>
      <c r="GX14" s="104">
        <v>52000</v>
      </c>
      <c r="GY14" s="104">
        <v>27520</v>
      </c>
      <c r="GZ14" s="104">
        <v>67883</v>
      </c>
      <c r="HA14" s="104">
        <v>0</v>
      </c>
      <c r="HB14" s="102">
        <v>343403</v>
      </c>
      <c r="HC14" s="106">
        <v>507603</v>
      </c>
      <c r="HD14" s="100">
        <v>434275</v>
      </c>
      <c r="HE14" s="104">
        <v>90772</v>
      </c>
      <c r="HF14" s="102">
        <v>525047</v>
      </c>
      <c r="HG14" s="101">
        <v>0</v>
      </c>
      <c r="HH14" s="104">
        <v>3202101</v>
      </c>
      <c r="HI14" s="104">
        <v>1375432</v>
      </c>
      <c r="HJ14" s="104">
        <v>1398470</v>
      </c>
      <c r="HK14" s="104">
        <v>1975741</v>
      </c>
      <c r="HL14" s="104">
        <v>1763529</v>
      </c>
      <c r="HM14" s="103">
        <v>9715273</v>
      </c>
      <c r="HN14" s="99">
        <v>10240320</v>
      </c>
      <c r="HO14" s="306"/>
      <c r="HP14" s="307"/>
      <c r="HQ14" s="308"/>
      <c r="HR14" s="309"/>
      <c r="HS14" s="307"/>
      <c r="HT14" s="307"/>
      <c r="HU14" s="307"/>
      <c r="HV14" s="307"/>
      <c r="HW14" s="307"/>
      <c r="HX14" s="310"/>
      <c r="HY14" s="311"/>
      <c r="HZ14" s="118">
        <v>0</v>
      </c>
      <c r="IA14" s="119">
        <v>155843</v>
      </c>
      <c r="IB14" s="120">
        <v>155843</v>
      </c>
      <c r="IC14" s="121">
        <v>0</v>
      </c>
      <c r="ID14" s="122">
        <v>2647898</v>
      </c>
      <c r="IE14" s="123">
        <v>2685823</v>
      </c>
      <c r="IF14" s="124">
        <v>3142810</v>
      </c>
      <c r="IG14" s="122">
        <v>2237620</v>
      </c>
      <c r="IH14" s="124">
        <v>1050024</v>
      </c>
      <c r="II14" s="125">
        <v>11764175</v>
      </c>
      <c r="IJ14" s="126">
        <v>11920018</v>
      </c>
      <c r="IK14" s="219">
        <v>0</v>
      </c>
      <c r="IL14" s="223">
        <v>0</v>
      </c>
      <c r="IM14" s="224">
        <v>0</v>
      </c>
      <c r="IN14" s="127"/>
      <c r="IO14" s="109">
        <v>79700</v>
      </c>
      <c r="IP14" s="109">
        <v>0</v>
      </c>
      <c r="IQ14" s="109">
        <v>0</v>
      </c>
      <c r="IR14" s="109">
        <v>0</v>
      </c>
      <c r="IS14" s="109">
        <v>0</v>
      </c>
      <c r="IT14" s="128">
        <v>79700</v>
      </c>
      <c r="IU14" s="298">
        <v>79700</v>
      </c>
      <c r="IV14" s="129">
        <v>0</v>
      </c>
      <c r="IW14" s="109">
        <v>0</v>
      </c>
      <c r="IX14" s="110">
        <v>0</v>
      </c>
      <c r="IY14" s="131"/>
      <c r="IZ14" s="109">
        <v>0</v>
      </c>
      <c r="JA14" s="109">
        <v>0</v>
      </c>
      <c r="JB14" s="109">
        <v>0</v>
      </c>
      <c r="JC14" s="109">
        <v>0</v>
      </c>
      <c r="JD14" s="109">
        <v>0</v>
      </c>
      <c r="JE14" s="110">
        <v>0</v>
      </c>
      <c r="JF14" s="111">
        <v>0</v>
      </c>
      <c r="JG14" s="129">
        <v>0</v>
      </c>
      <c r="JH14" s="109">
        <v>0</v>
      </c>
      <c r="JI14" s="128">
        <v>0</v>
      </c>
      <c r="JJ14" s="108">
        <v>0</v>
      </c>
      <c r="JK14" s="109">
        <v>949269</v>
      </c>
      <c r="JL14" s="109">
        <v>1551384</v>
      </c>
      <c r="JM14" s="109">
        <v>1093890</v>
      </c>
      <c r="JN14" s="109">
        <v>264928</v>
      </c>
      <c r="JO14" s="109">
        <v>259476</v>
      </c>
      <c r="JP14" s="110">
        <v>4118947</v>
      </c>
      <c r="JQ14" s="298">
        <v>4118947</v>
      </c>
      <c r="JR14" s="129">
        <v>0</v>
      </c>
      <c r="JS14" s="109">
        <v>0</v>
      </c>
      <c r="JT14" s="128">
        <v>0</v>
      </c>
      <c r="JU14" s="108">
        <v>0</v>
      </c>
      <c r="JV14" s="109">
        <v>120303</v>
      </c>
      <c r="JW14" s="109">
        <v>0</v>
      </c>
      <c r="JX14" s="109">
        <v>0</v>
      </c>
      <c r="JY14" s="109">
        <v>118556</v>
      </c>
      <c r="JZ14" s="109">
        <v>0</v>
      </c>
      <c r="KA14" s="110">
        <v>238859</v>
      </c>
      <c r="KB14" s="298">
        <v>238859</v>
      </c>
      <c r="KC14" s="221">
        <v>0</v>
      </c>
      <c r="KD14" s="217">
        <v>155843</v>
      </c>
      <c r="KE14" s="110">
        <v>155843</v>
      </c>
      <c r="KF14" s="108">
        <v>0</v>
      </c>
      <c r="KG14" s="109">
        <v>130000</v>
      </c>
      <c r="KH14" s="109">
        <v>322397</v>
      </c>
      <c r="KI14" s="109">
        <v>222250</v>
      </c>
      <c r="KJ14" s="109">
        <v>0</v>
      </c>
      <c r="KK14" s="109">
        <v>285280</v>
      </c>
      <c r="KL14" s="110">
        <v>959927</v>
      </c>
      <c r="KM14" s="130">
        <v>1115770</v>
      </c>
      <c r="KN14" s="219">
        <v>0</v>
      </c>
      <c r="KO14" s="223">
        <v>0</v>
      </c>
      <c r="KP14" s="224">
        <v>0</v>
      </c>
      <c r="KQ14" s="127"/>
      <c r="KR14" s="109">
        <v>949490</v>
      </c>
      <c r="KS14" s="109">
        <v>615577</v>
      </c>
      <c r="KT14" s="109">
        <v>753301</v>
      </c>
      <c r="KU14" s="109">
        <v>1304949</v>
      </c>
      <c r="KV14" s="109">
        <v>265437</v>
      </c>
      <c r="KW14" s="110">
        <v>3888754</v>
      </c>
      <c r="KX14" s="298">
        <v>3888754</v>
      </c>
      <c r="KY14" s="129">
        <v>0</v>
      </c>
      <c r="KZ14" s="109">
        <v>0</v>
      </c>
      <c r="LA14" s="110">
        <v>0</v>
      </c>
      <c r="LB14" s="132"/>
      <c r="LC14" s="109">
        <v>0</v>
      </c>
      <c r="LD14" s="109">
        <v>0</v>
      </c>
      <c r="LE14" s="109">
        <v>690216</v>
      </c>
      <c r="LF14" s="109">
        <v>0</v>
      </c>
      <c r="LG14" s="109">
        <v>239831</v>
      </c>
      <c r="LH14" s="110">
        <v>930047</v>
      </c>
      <c r="LI14" s="111">
        <v>930047</v>
      </c>
      <c r="LJ14" s="129">
        <v>0</v>
      </c>
      <c r="LK14" s="109">
        <v>0</v>
      </c>
      <c r="LL14" s="110">
        <v>0</v>
      </c>
      <c r="LM14" s="132"/>
      <c r="LN14" s="109">
        <v>0</v>
      </c>
      <c r="LO14" s="109">
        <v>0</v>
      </c>
      <c r="LP14" s="109">
        <v>262352</v>
      </c>
      <c r="LQ14" s="109">
        <v>248935</v>
      </c>
      <c r="LR14" s="109">
        <v>0</v>
      </c>
      <c r="LS14" s="110">
        <v>511287</v>
      </c>
      <c r="LT14" s="298">
        <v>511287</v>
      </c>
      <c r="LU14" s="129">
        <v>0</v>
      </c>
      <c r="LV14" s="109">
        <v>0</v>
      </c>
      <c r="LW14" s="110">
        <v>0</v>
      </c>
      <c r="LX14" s="132"/>
      <c r="LY14" s="109">
        <v>419136</v>
      </c>
      <c r="LZ14" s="109">
        <v>196465</v>
      </c>
      <c r="MA14" s="109">
        <v>120801</v>
      </c>
      <c r="MB14" s="109">
        <v>300252</v>
      </c>
      <c r="MC14" s="109">
        <v>0</v>
      </c>
      <c r="MD14" s="110">
        <v>1036654</v>
      </c>
      <c r="ME14" s="111">
        <v>1036654</v>
      </c>
      <c r="MF14" s="129">
        <v>0</v>
      </c>
      <c r="MG14" s="109">
        <v>0</v>
      </c>
      <c r="MH14" s="110">
        <v>0</v>
      </c>
      <c r="MI14" s="132"/>
      <c r="MJ14" s="109">
        <v>668680</v>
      </c>
      <c r="MK14" s="109">
        <v>1532832</v>
      </c>
      <c r="ML14" s="109">
        <v>5749975</v>
      </c>
      <c r="MM14" s="109">
        <v>4310359</v>
      </c>
      <c r="MN14" s="109">
        <v>3452233</v>
      </c>
      <c r="MO14" s="110">
        <v>15714079</v>
      </c>
      <c r="MP14" s="130">
        <v>15714079</v>
      </c>
      <c r="MQ14" s="129">
        <v>0</v>
      </c>
      <c r="MR14" s="109">
        <v>0</v>
      </c>
      <c r="MS14" s="110">
        <v>0</v>
      </c>
      <c r="MT14" s="132"/>
      <c r="MU14" s="109">
        <v>217777</v>
      </c>
      <c r="MV14" s="109">
        <v>420538</v>
      </c>
      <c r="MW14" s="109">
        <v>2281596</v>
      </c>
      <c r="MX14" s="109">
        <v>2119688</v>
      </c>
      <c r="MY14" s="109">
        <v>1850296</v>
      </c>
      <c r="MZ14" s="110">
        <v>6889895</v>
      </c>
      <c r="NA14" s="130">
        <v>6889895</v>
      </c>
      <c r="NB14" s="129">
        <v>0</v>
      </c>
      <c r="NC14" s="109">
        <v>0</v>
      </c>
      <c r="ND14" s="110">
        <v>0</v>
      </c>
      <c r="NE14" s="132"/>
      <c r="NF14" s="109">
        <v>450903</v>
      </c>
      <c r="NG14" s="109">
        <v>1112294</v>
      </c>
      <c r="NH14" s="109">
        <v>3468379</v>
      </c>
      <c r="NI14" s="109">
        <v>1887431</v>
      </c>
      <c r="NJ14" s="109">
        <v>1601937</v>
      </c>
      <c r="NK14" s="110">
        <v>8520944</v>
      </c>
      <c r="NL14" s="298">
        <v>8520944</v>
      </c>
      <c r="NM14" s="129">
        <v>0</v>
      </c>
      <c r="NN14" s="109">
        <v>0</v>
      </c>
      <c r="NO14" s="110">
        <v>0</v>
      </c>
      <c r="NP14" s="132"/>
      <c r="NQ14" s="109">
        <v>0</v>
      </c>
      <c r="NR14" s="109">
        <v>0</v>
      </c>
      <c r="NS14" s="109">
        <v>0</v>
      </c>
      <c r="NT14" s="109">
        <v>0</v>
      </c>
      <c r="NU14" s="109">
        <v>0</v>
      </c>
      <c r="NV14" s="110">
        <v>0</v>
      </c>
      <c r="NW14" s="111">
        <v>0</v>
      </c>
      <c r="NX14" s="129">
        <v>0</v>
      </c>
      <c r="NY14" s="109">
        <v>0</v>
      </c>
      <c r="NZ14" s="110">
        <v>0</v>
      </c>
      <c r="OA14" s="132"/>
      <c r="OB14" s="109">
        <v>0</v>
      </c>
      <c r="OC14" s="109">
        <v>0</v>
      </c>
      <c r="OD14" s="109">
        <v>0</v>
      </c>
      <c r="OE14" s="109">
        <v>303240</v>
      </c>
      <c r="OF14" s="109">
        <v>0</v>
      </c>
      <c r="OG14" s="110">
        <v>303240</v>
      </c>
      <c r="OH14" s="111">
        <v>303240</v>
      </c>
      <c r="OI14" s="129">
        <v>858507</v>
      </c>
      <c r="OJ14" s="109">
        <v>822110</v>
      </c>
      <c r="OK14" s="128">
        <v>1680617</v>
      </c>
      <c r="OL14" s="108">
        <v>0</v>
      </c>
      <c r="OM14" s="109">
        <v>11698027</v>
      </c>
      <c r="ON14" s="109">
        <v>12674808</v>
      </c>
      <c r="OO14" s="109">
        <v>19214896</v>
      </c>
      <c r="OP14" s="109">
        <v>12487926</v>
      </c>
      <c r="OQ14" s="109">
        <v>10463581</v>
      </c>
      <c r="OR14" s="110">
        <v>66539238</v>
      </c>
      <c r="OS14" s="130">
        <v>68219855</v>
      </c>
    </row>
    <row r="15" spans="1:409" ht="21" customHeight="1" x14ac:dyDescent="0.2">
      <c r="B15" s="472" t="s">
        <v>9</v>
      </c>
      <c r="C15" s="100">
        <v>814148</v>
      </c>
      <c r="D15" s="104">
        <v>867341</v>
      </c>
      <c r="E15" s="103">
        <v>1681489</v>
      </c>
      <c r="F15" s="101">
        <v>0</v>
      </c>
      <c r="G15" s="104">
        <v>12065693</v>
      </c>
      <c r="H15" s="104">
        <v>10839704</v>
      </c>
      <c r="I15" s="104">
        <v>14669199</v>
      </c>
      <c r="J15" s="104">
        <v>11933864</v>
      </c>
      <c r="K15" s="104">
        <v>7025470</v>
      </c>
      <c r="L15" s="99">
        <v>56533930</v>
      </c>
      <c r="M15" s="106">
        <v>58215419</v>
      </c>
      <c r="N15" s="100">
        <v>284874</v>
      </c>
      <c r="O15" s="104">
        <v>346309</v>
      </c>
      <c r="P15" s="103">
        <v>631183</v>
      </c>
      <c r="Q15" s="100">
        <v>0</v>
      </c>
      <c r="R15" s="104">
        <v>4593792</v>
      </c>
      <c r="S15" s="104">
        <v>3773934</v>
      </c>
      <c r="T15" s="104">
        <v>5790320</v>
      </c>
      <c r="U15" s="104">
        <v>4552254</v>
      </c>
      <c r="V15" s="104">
        <v>4188168</v>
      </c>
      <c r="W15" s="103">
        <v>22898468</v>
      </c>
      <c r="X15" s="106">
        <v>23529651</v>
      </c>
      <c r="Y15" s="100">
        <v>0</v>
      </c>
      <c r="Z15" s="104">
        <v>0</v>
      </c>
      <c r="AA15" s="103">
        <v>0</v>
      </c>
      <c r="AB15" s="100">
        <v>0</v>
      </c>
      <c r="AC15" s="104">
        <v>1785190</v>
      </c>
      <c r="AD15" s="104">
        <v>1653528</v>
      </c>
      <c r="AE15" s="104">
        <v>2986023</v>
      </c>
      <c r="AF15" s="104">
        <v>2879378</v>
      </c>
      <c r="AG15" s="104">
        <v>2663738</v>
      </c>
      <c r="AH15" s="103">
        <v>11967857</v>
      </c>
      <c r="AI15" s="106">
        <v>11967857</v>
      </c>
      <c r="AJ15" s="100">
        <v>0</v>
      </c>
      <c r="AK15" s="104">
        <v>0</v>
      </c>
      <c r="AL15" s="103">
        <v>0</v>
      </c>
      <c r="AM15" s="100">
        <v>0</v>
      </c>
      <c r="AN15" s="104">
        <v>0</v>
      </c>
      <c r="AO15" s="104">
        <v>72443</v>
      </c>
      <c r="AP15" s="104">
        <v>130681</v>
      </c>
      <c r="AQ15" s="104">
        <v>60375</v>
      </c>
      <c r="AR15" s="104">
        <v>217329</v>
      </c>
      <c r="AS15" s="103">
        <v>480828</v>
      </c>
      <c r="AT15" s="106">
        <v>480828</v>
      </c>
      <c r="AU15" s="100">
        <v>200010</v>
      </c>
      <c r="AV15" s="104">
        <v>223826</v>
      </c>
      <c r="AW15" s="103">
        <v>423836</v>
      </c>
      <c r="AX15" s="100">
        <v>0</v>
      </c>
      <c r="AY15" s="104">
        <v>1815582</v>
      </c>
      <c r="AZ15" s="104">
        <v>1362796</v>
      </c>
      <c r="BA15" s="104">
        <v>1750252</v>
      </c>
      <c r="BB15" s="104">
        <v>937777</v>
      </c>
      <c r="BC15" s="104">
        <v>832943</v>
      </c>
      <c r="BD15" s="103">
        <v>6699350</v>
      </c>
      <c r="BE15" s="106">
        <v>7123186</v>
      </c>
      <c r="BF15" s="100">
        <v>0</v>
      </c>
      <c r="BG15" s="104">
        <v>40371</v>
      </c>
      <c r="BH15" s="102">
        <v>40371</v>
      </c>
      <c r="BI15" s="101">
        <v>0</v>
      </c>
      <c r="BJ15" s="104">
        <v>60556</v>
      </c>
      <c r="BK15" s="104">
        <v>150263</v>
      </c>
      <c r="BL15" s="104">
        <v>97724</v>
      </c>
      <c r="BM15" s="104">
        <v>106828</v>
      </c>
      <c r="BN15" s="104">
        <v>21278</v>
      </c>
      <c r="BO15" s="103">
        <v>436649</v>
      </c>
      <c r="BP15" s="106">
        <v>477020</v>
      </c>
      <c r="BQ15" s="100">
        <v>84864</v>
      </c>
      <c r="BR15" s="104">
        <v>82112</v>
      </c>
      <c r="BS15" s="103">
        <v>166976</v>
      </c>
      <c r="BT15" s="100">
        <v>0</v>
      </c>
      <c r="BU15" s="104">
        <v>932464</v>
      </c>
      <c r="BV15" s="104">
        <v>534904</v>
      </c>
      <c r="BW15" s="104">
        <v>825640</v>
      </c>
      <c r="BX15" s="104">
        <v>567896</v>
      </c>
      <c r="BY15" s="104">
        <v>452880</v>
      </c>
      <c r="BZ15" s="103">
        <v>3313784</v>
      </c>
      <c r="CA15" s="106">
        <v>3480760</v>
      </c>
      <c r="CB15" s="100">
        <v>66555</v>
      </c>
      <c r="CC15" s="104">
        <v>197416</v>
      </c>
      <c r="CD15" s="103">
        <v>263971</v>
      </c>
      <c r="CE15" s="100">
        <v>0</v>
      </c>
      <c r="CF15" s="104">
        <v>2743570</v>
      </c>
      <c r="CG15" s="104">
        <v>2415106</v>
      </c>
      <c r="CH15" s="104">
        <v>3017760</v>
      </c>
      <c r="CI15" s="104">
        <v>2006466</v>
      </c>
      <c r="CJ15" s="104">
        <v>384724</v>
      </c>
      <c r="CK15" s="103">
        <v>10567626</v>
      </c>
      <c r="CL15" s="106">
        <v>10831597</v>
      </c>
      <c r="CM15" s="100">
        <v>0</v>
      </c>
      <c r="CN15" s="104">
        <v>0</v>
      </c>
      <c r="CO15" s="103">
        <v>0</v>
      </c>
      <c r="CP15" s="101">
        <v>0</v>
      </c>
      <c r="CQ15" s="104">
        <v>2011741</v>
      </c>
      <c r="CR15" s="104">
        <v>1683753</v>
      </c>
      <c r="CS15" s="104">
        <v>2003871</v>
      </c>
      <c r="CT15" s="104">
        <v>1579741</v>
      </c>
      <c r="CU15" s="104">
        <v>194161</v>
      </c>
      <c r="CV15" s="103">
        <v>7473267</v>
      </c>
      <c r="CW15" s="106">
        <v>7473267</v>
      </c>
      <c r="CX15" s="100">
        <v>66555</v>
      </c>
      <c r="CY15" s="104">
        <v>197416</v>
      </c>
      <c r="CZ15" s="103">
        <v>263971</v>
      </c>
      <c r="DA15" s="100">
        <v>0</v>
      </c>
      <c r="DB15" s="104">
        <v>731829</v>
      </c>
      <c r="DC15" s="104">
        <v>731353</v>
      </c>
      <c r="DD15" s="104">
        <v>1013889</v>
      </c>
      <c r="DE15" s="104">
        <v>426725</v>
      </c>
      <c r="DF15" s="104">
        <v>190563</v>
      </c>
      <c r="DG15" s="103">
        <v>3094359</v>
      </c>
      <c r="DH15" s="106">
        <v>3358330</v>
      </c>
      <c r="DI15" s="100">
        <v>0</v>
      </c>
      <c r="DJ15" s="104">
        <v>0</v>
      </c>
      <c r="DK15" s="102">
        <v>0</v>
      </c>
      <c r="DL15" s="101">
        <v>0</v>
      </c>
      <c r="DM15" s="104">
        <v>320503</v>
      </c>
      <c r="DN15" s="104">
        <v>864403</v>
      </c>
      <c r="DO15" s="104">
        <v>1378347</v>
      </c>
      <c r="DP15" s="104">
        <v>1417413</v>
      </c>
      <c r="DQ15" s="104">
        <v>285948</v>
      </c>
      <c r="DR15" s="103">
        <v>4266614</v>
      </c>
      <c r="DS15" s="106">
        <v>4266614</v>
      </c>
      <c r="DT15" s="100">
        <v>0</v>
      </c>
      <c r="DU15" s="104">
        <v>0</v>
      </c>
      <c r="DV15" s="103">
        <v>0</v>
      </c>
      <c r="DW15" s="100">
        <v>0</v>
      </c>
      <c r="DX15" s="104">
        <v>320503</v>
      </c>
      <c r="DY15" s="104">
        <v>578011</v>
      </c>
      <c r="DZ15" s="104">
        <v>899696</v>
      </c>
      <c r="EA15" s="104">
        <v>1306187</v>
      </c>
      <c r="EB15" s="104">
        <v>285948</v>
      </c>
      <c r="EC15" s="103">
        <v>3390345</v>
      </c>
      <c r="ED15" s="106">
        <v>3390345</v>
      </c>
      <c r="EE15" s="100">
        <v>0</v>
      </c>
      <c r="EF15" s="102">
        <v>0</v>
      </c>
      <c r="EG15" s="103">
        <v>0</v>
      </c>
      <c r="EH15" s="100">
        <v>0</v>
      </c>
      <c r="EI15" s="104">
        <v>0</v>
      </c>
      <c r="EJ15" s="104">
        <v>286392</v>
      </c>
      <c r="EK15" s="104">
        <v>478651</v>
      </c>
      <c r="EL15" s="104">
        <v>111226</v>
      </c>
      <c r="EM15" s="104">
        <v>0</v>
      </c>
      <c r="EN15" s="102">
        <v>876269</v>
      </c>
      <c r="EO15" s="106">
        <v>876269</v>
      </c>
      <c r="EP15" s="100">
        <v>0</v>
      </c>
      <c r="EQ15" s="104">
        <v>0</v>
      </c>
      <c r="ER15" s="102">
        <v>0</v>
      </c>
      <c r="ES15" s="101">
        <v>0</v>
      </c>
      <c r="ET15" s="104">
        <v>0</v>
      </c>
      <c r="EU15" s="104">
        <v>0</v>
      </c>
      <c r="EV15" s="104">
        <v>0</v>
      </c>
      <c r="EW15" s="104">
        <v>0</v>
      </c>
      <c r="EX15" s="104">
        <v>0</v>
      </c>
      <c r="EY15" s="103">
        <v>0</v>
      </c>
      <c r="EZ15" s="106">
        <v>0</v>
      </c>
      <c r="FA15" s="100">
        <v>0</v>
      </c>
      <c r="FB15" s="104">
        <v>0</v>
      </c>
      <c r="FC15" s="102">
        <v>0</v>
      </c>
      <c r="FD15" s="324"/>
      <c r="FE15" s="104">
        <v>0</v>
      </c>
      <c r="FF15" s="104">
        <v>0</v>
      </c>
      <c r="FG15" s="104">
        <v>0</v>
      </c>
      <c r="FH15" s="104">
        <v>0</v>
      </c>
      <c r="FI15" s="104">
        <v>0</v>
      </c>
      <c r="FJ15" s="103">
        <v>0</v>
      </c>
      <c r="FK15" s="106">
        <v>0</v>
      </c>
      <c r="FL15" s="100">
        <v>187376</v>
      </c>
      <c r="FM15" s="104">
        <v>221384</v>
      </c>
      <c r="FN15" s="103">
        <v>408760</v>
      </c>
      <c r="FO15" s="100">
        <v>0</v>
      </c>
      <c r="FP15" s="104">
        <v>781667</v>
      </c>
      <c r="FQ15" s="104">
        <v>1024592</v>
      </c>
      <c r="FR15" s="104">
        <v>1246392</v>
      </c>
      <c r="FS15" s="104">
        <v>666104</v>
      </c>
      <c r="FT15" s="104">
        <v>566080</v>
      </c>
      <c r="FU15" s="103">
        <v>4284835</v>
      </c>
      <c r="FV15" s="106">
        <v>4693595</v>
      </c>
      <c r="FW15" s="105">
        <v>130616</v>
      </c>
      <c r="FX15" s="104">
        <v>119664</v>
      </c>
      <c r="FY15" s="102">
        <v>250280</v>
      </c>
      <c r="FZ15" s="101">
        <v>0</v>
      </c>
      <c r="GA15" s="104">
        <v>543168</v>
      </c>
      <c r="GB15" s="104">
        <v>944752</v>
      </c>
      <c r="GC15" s="104">
        <v>994832</v>
      </c>
      <c r="GD15" s="104">
        <v>666104</v>
      </c>
      <c r="GE15" s="104">
        <v>522080</v>
      </c>
      <c r="GF15" s="103">
        <v>3670936</v>
      </c>
      <c r="GG15" s="296">
        <v>3921216</v>
      </c>
      <c r="GH15" s="105">
        <v>14520</v>
      </c>
      <c r="GI15" s="104">
        <v>14520</v>
      </c>
      <c r="GJ15" s="102">
        <v>29040</v>
      </c>
      <c r="GK15" s="101">
        <v>0</v>
      </c>
      <c r="GL15" s="104">
        <v>42099</v>
      </c>
      <c r="GM15" s="104">
        <v>21600</v>
      </c>
      <c r="GN15" s="104">
        <v>73960</v>
      </c>
      <c r="GO15" s="104">
        <v>0</v>
      </c>
      <c r="GP15" s="104">
        <v>0</v>
      </c>
      <c r="GQ15" s="103">
        <v>137659</v>
      </c>
      <c r="GR15" s="106">
        <v>166699</v>
      </c>
      <c r="GS15" s="100">
        <v>42240</v>
      </c>
      <c r="GT15" s="104">
        <v>87200</v>
      </c>
      <c r="GU15" s="103">
        <v>129440</v>
      </c>
      <c r="GV15" s="100">
        <v>0</v>
      </c>
      <c r="GW15" s="104">
        <v>196400</v>
      </c>
      <c r="GX15" s="104">
        <v>58240</v>
      </c>
      <c r="GY15" s="104">
        <v>177600</v>
      </c>
      <c r="GZ15" s="104">
        <v>0</v>
      </c>
      <c r="HA15" s="104">
        <v>44000</v>
      </c>
      <c r="HB15" s="102">
        <v>476240</v>
      </c>
      <c r="HC15" s="106">
        <v>605680</v>
      </c>
      <c r="HD15" s="100">
        <v>275343</v>
      </c>
      <c r="HE15" s="104">
        <v>102232</v>
      </c>
      <c r="HF15" s="102">
        <v>377575</v>
      </c>
      <c r="HG15" s="101">
        <v>0</v>
      </c>
      <c r="HH15" s="104">
        <v>3626161</v>
      </c>
      <c r="HI15" s="104">
        <v>2761669</v>
      </c>
      <c r="HJ15" s="104">
        <v>3236380</v>
      </c>
      <c r="HK15" s="104">
        <v>3291627</v>
      </c>
      <c r="HL15" s="104">
        <v>1600550</v>
      </c>
      <c r="HM15" s="103">
        <v>14516387</v>
      </c>
      <c r="HN15" s="99">
        <v>14893962</v>
      </c>
      <c r="HO15" s="306"/>
      <c r="HP15" s="307"/>
      <c r="HQ15" s="308"/>
      <c r="HR15" s="309"/>
      <c r="HS15" s="307"/>
      <c r="HT15" s="307"/>
      <c r="HU15" s="307"/>
      <c r="HV15" s="307"/>
      <c r="HW15" s="307"/>
      <c r="HX15" s="310"/>
      <c r="HY15" s="311"/>
      <c r="HZ15" s="115">
        <v>43484</v>
      </c>
      <c r="IA15" s="136">
        <v>0</v>
      </c>
      <c r="IB15" s="116">
        <v>43484</v>
      </c>
      <c r="IC15" s="133">
        <v>0</v>
      </c>
      <c r="ID15" s="119">
        <v>2594226</v>
      </c>
      <c r="IE15" s="134">
        <v>3150565</v>
      </c>
      <c r="IF15" s="120">
        <v>3510703</v>
      </c>
      <c r="IG15" s="119">
        <v>953996</v>
      </c>
      <c r="IH15" s="120">
        <v>1549464</v>
      </c>
      <c r="II15" s="135">
        <v>11758954</v>
      </c>
      <c r="IJ15" s="117">
        <v>11802438</v>
      </c>
      <c r="IK15" s="219">
        <v>0</v>
      </c>
      <c r="IL15" s="223">
        <v>0</v>
      </c>
      <c r="IM15" s="224">
        <v>0</v>
      </c>
      <c r="IN15" s="127"/>
      <c r="IO15" s="109">
        <v>0</v>
      </c>
      <c r="IP15" s="109">
        <v>118764</v>
      </c>
      <c r="IQ15" s="109">
        <v>0</v>
      </c>
      <c r="IR15" s="109">
        <v>0</v>
      </c>
      <c r="IS15" s="109">
        <v>0</v>
      </c>
      <c r="IT15" s="128">
        <v>118764</v>
      </c>
      <c r="IU15" s="298">
        <v>118764</v>
      </c>
      <c r="IV15" s="129">
        <v>0</v>
      </c>
      <c r="IW15" s="109">
        <v>0</v>
      </c>
      <c r="IX15" s="110">
        <v>0</v>
      </c>
      <c r="IY15" s="131"/>
      <c r="IZ15" s="109">
        <v>0</v>
      </c>
      <c r="JA15" s="109">
        <v>0</v>
      </c>
      <c r="JB15" s="109">
        <v>0</v>
      </c>
      <c r="JC15" s="109">
        <v>0</v>
      </c>
      <c r="JD15" s="109">
        <v>0</v>
      </c>
      <c r="JE15" s="110">
        <v>0</v>
      </c>
      <c r="JF15" s="111">
        <v>0</v>
      </c>
      <c r="JG15" s="129">
        <v>0</v>
      </c>
      <c r="JH15" s="109">
        <v>0</v>
      </c>
      <c r="JI15" s="128">
        <v>0</v>
      </c>
      <c r="JJ15" s="108">
        <v>0</v>
      </c>
      <c r="JK15" s="109">
        <v>1503211</v>
      </c>
      <c r="JL15" s="109">
        <v>1243818</v>
      </c>
      <c r="JM15" s="109">
        <v>949788</v>
      </c>
      <c r="JN15" s="109">
        <v>422151</v>
      </c>
      <c r="JO15" s="109">
        <v>438706</v>
      </c>
      <c r="JP15" s="110">
        <v>4557674</v>
      </c>
      <c r="JQ15" s="298">
        <v>4557674</v>
      </c>
      <c r="JR15" s="129">
        <v>0</v>
      </c>
      <c r="JS15" s="109">
        <v>0</v>
      </c>
      <c r="JT15" s="128">
        <v>0</v>
      </c>
      <c r="JU15" s="108">
        <v>0</v>
      </c>
      <c r="JV15" s="109">
        <v>0</v>
      </c>
      <c r="JW15" s="109">
        <v>0</v>
      </c>
      <c r="JX15" s="109">
        <v>0</v>
      </c>
      <c r="JY15" s="109">
        <v>0</v>
      </c>
      <c r="JZ15" s="109">
        <v>189792</v>
      </c>
      <c r="KA15" s="110">
        <v>189792</v>
      </c>
      <c r="KB15" s="298">
        <v>189792</v>
      </c>
      <c r="KC15" s="221">
        <v>43484</v>
      </c>
      <c r="KD15" s="217">
        <v>0</v>
      </c>
      <c r="KE15" s="110">
        <v>43484</v>
      </c>
      <c r="KF15" s="108">
        <v>0</v>
      </c>
      <c r="KG15" s="109">
        <v>118514</v>
      </c>
      <c r="KH15" s="109">
        <v>488318</v>
      </c>
      <c r="KI15" s="109">
        <v>490969</v>
      </c>
      <c r="KJ15" s="109">
        <v>0</v>
      </c>
      <c r="KK15" s="109">
        <v>0</v>
      </c>
      <c r="KL15" s="110">
        <v>1097801</v>
      </c>
      <c r="KM15" s="130">
        <v>1141285</v>
      </c>
      <c r="KN15" s="219">
        <v>0</v>
      </c>
      <c r="KO15" s="223">
        <v>0</v>
      </c>
      <c r="KP15" s="224">
        <v>0</v>
      </c>
      <c r="KQ15" s="127"/>
      <c r="KR15" s="109">
        <v>972501</v>
      </c>
      <c r="KS15" s="109">
        <v>934855</v>
      </c>
      <c r="KT15" s="109">
        <v>2069946</v>
      </c>
      <c r="KU15" s="109">
        <v>531845</v>
      </c>
      <c r="KV15" s="109">
        <v>270596</v>
      </c>
      <c r="KW15" s="110">
        <v>4779743</v>
      </c>
      <c r="KX15" s="298">
        <v>4779743</v>
      </c>
      <c r="KY15" s="129">
        <v>0</v>
      </c>
      <c r="KZ15" s="109">
        <v>0</v>
      </c>
      <c r="LA15" s="110">
        <v>0</v>
      </c>
      <c r="LB15" s="132"/>
      <c r="LC15" s="109">
        <v>0</v>
      </c>
      <c r="LD15" s="109">
        <v>182960</v>
      </c>
      <c r="LE15" s="109">
        <v>0</v>
      </c>
      <c r="LF15" s="109">
        <v>0</v>
      </c>
      <c r="LG15" s="109">
        <v>0</v>
      </c>
      <c r="LH15" s="110">
        <v>182960</v>
      </c>
      <c r="LI15" s="111">
        <v>182960</v>
      </c>
      <c r="LJ15" s="129">
        <v>0</v>
      </c>
      <c r="LK15" s="109">
        <v>0</v>
      </c>
      <c r="LL15" s="110">
        <v>0</v>
      </c>
      <c r="LM15" s="132"/>
      <c r="LN15" s="109">
        <v>0</v>
      </c>
      <c r="LO15" s="109">
        <v>0</v>
      </c>
      <c r="LP15" s="109">
        <v>0</v>
      </c>
      <c r="LQ15" s="109">
        <v>0</v>
      </c>
      <c r="LR15" s="109">
        <v>0</v>
      </c>
      <c r="LS15" s="110">
        <v>0</v>
      </c>
      <c r="LT15" s="298">
        <v>0</v>
      </c>
      <c r="LU15" s="129">
        <v>0</v>
      </c>
      <c r="LV15" s="109">
        <v>0</v>
      </c>
      <c r="LW15" s="110">
        <v>0</v>
      </c>
      <c r="LX15" s="132"/>
      <c r="LY15" s="109">
        <v>0</v>
      </c>
      <c r="LZ15" s="109">
        <v>181850</v>
      </c>
      <c r="MA15" s="109">
        <v>0</v>
      </c>
      <c r="MB15" s="109">
        <v>0</v>
      </c>
      <c r="MC15" s="109">
        <v>650370</v>
      </c>
      <c r="MD15" s="110">
        <v>832220</v>
      </c>
      <c r="ME15" s="111">
        <v>832220</v>
      </c>
      <c r="MF15" s="129">
        <v>0</v>
      </c>
      <c r="MG15" s="109">
        <v>0</v>
      </c>
      <c r="MH15" s="110">
        <v>0</v>
      </c>
      <c r="MI15" s="132"/>
      <c r="MJ15" s="109">
        <v>46807</v>
      </c>
      <c r="MK15" s="109">
        <v>1389890</v>
      </c>
      <c r="ML15" s="109">
        <v>4228992</v>
      </c>
      <c r="MM15" s="109">
        <v>7871671</v>
      </c>
      <c r="MN15" s="109">
        <v>3798004</v>
      </c>
      <c r="MO15" s="110">
        <v>17335364</v>
      </c>
      <c r="MP15" s="130">
        <v>17335364</v>
      </c>
      <c r="MQ15" s="129">
        <v>0</v>
      </c>
      <c r="MR15" s="109">
        <v>0</v>
      </c>
      <c r="MS15" s="110">
        <v>0</v>
      </c>
      <c r="MT15" s="132"/>
      <c r="MU15" s="109">
        <v>0</v>
      </c>
      <c r="MV15" s="109">
        <v>0</v>
      </c>
      <c r="MW15" s="109">
        <v>2610366</v>
      </c>
      <c r="MX15" s="109">
        <v>5882992</v>
      </c>
      <c r="MY15" s="109">
        <v>3115145</v>
      </c>
      <c r="MZ15" s="110">
        <v>11608503</v>
      </c>
      <c r="NA15" s="130">
        <v>11608503</v>
      </c>
      <c r="NB15" s="129">
        <v>0</v>
      </c>
      <c r="NC15" s="109">
        <v>0</v>
      </c>
      <c r="ND15" s="110">
        <v>0</v>
      </c>
      <c r="NE15" s="132"/>
      <c r="NF15" s="109">
        <v>46807</v>
      </c>
      <c r="NG15" s="109">
        <v>1389890</v>
      </c>
      <c r="NH15" s="109">
        <v>1618626</v>
      </c>
      <c r="NI15" s="109">
        <v>1988679</v>
      </c>
      <c r="NJ15" s="109">
        <v>682859</v>
      </c>
      <c r="NK15" s="110">
        <v>5726861</v>
      </c>
      <c r="NL15" s="298">
        <v>5726861</v>
      </c>
      <c r="NM15" s="129">
        <v>0</v>
      </c>
      <c r="NN15" s="109">
        <v>0</v>
      </c>
      <c r="NO15" s="110">
        <v>0</v>
      </c>
      <c r="NP15" s="132"/>
      <c r="NQ15" s="109">
        <v>0</v>
      </c>
      <c r="NR15" s="109">
        <v>0</v>
      </c>
      <c r="NS15" s="109">
        <v>0</v>
      </c>
      <c r="NT15" s="109">
        <v>0</v>
      </c>
      <c r="NU15" s="109">
        <v>0</v>
      </c>
      <c r="NV15" s="110">
        <v>0</v>
      </c>
      <c r="NW15" s="111">
        <v>0</v>
      </c>
      <c r="NX15" s="129">
        <v>0</v>
      </c>
      <c r="NY15" s="109">
        <v>0</v>
      </c>
      <c r="NZ15" s="110">
        <v>0</v>
      </c>
      <c r="OA15" s="132"/>
      <c r="OB15" s="109">
        <v>0</v>
      </c>
      <c r="OC15" s="109">
        <v>0</v>
      </c>
      <c r="OD15" s="109">
        <v>0</v>
      </c>
      <c r="OE15" s="109">
        <v>0</v>
      </c>
      <c r="OF15" s="109">
        <v>0</v>
      </c>
      <c r="OG15" s="110">
        <v>0</v>
      </c>
      <c r="OH15" s="111">
        <v>0</v>
      </c>
      <c r="OI15" s="129">
        <v>857632</v>
      </c>
      <c r="OJ15" s="109">
        <v>867341</v>
      </c>
      <c r="OK15" s="128">
        <v>1724973</v>
      </c>
      <c r="OL15" s="108">
        <v>0</v>
      </c>
      <c r="OM15" s="109">
        <v>14706726</v>
      </c>
      <c r="ON15" s="109">
        <v>15380159</v>
      </c>
      <c r="OO15" s="109">
        <v>22408894</v>
      </c>
      <c r="OP15" s="109">
        <v>20759531</v>
      </c>
      <c r="OQ15" s="109">
        <v>12372938</v>
      </c>
      <c r="OR15" s="110">
        <v>85628248</v>
      </c>
      <c r="OS15" s="130">
        <v>87353221</v>
      </c>
    </row>
    <row r="16" spans="1:409" ht="21" customHeight="1" x14ac:dyDescent="0.2">
      <c r="B16" s="472" t="s">
        <v>10</v>
      </c>
      <c r="C16" s="100">
        <v>1411838</v>
      </c>
      <c r="D16" s="104">
        <v>1360139</v>
      </c>
      <c r="E16" s="103">
        <v>2771977</v>
      </c>
      <c r="F16" s="159">
        <v>0</v>
      </c>
      <c r="G16" s="104">
        <v>18780404</v>
      </c>
      <c r="H16" s="104">
        <v>14385640</v>
      </c>
      <c r="I16" s="104">
        <v>12939007</v>
      </c>
      <c r="J16" s="104">
        <v>17699534</v>
      </c>
      <c r="K16" s="104">
        <v>9740852</v>
      </c>
      <c r="L16" s="99">
        <v>73545437</v>
      </c>
      <c r="M16" s="106">
        <v>76317414</v>
      </c>
      <c r="N16" s="100">
        <v>595669</v>
      </c>
      <c r="O16" s="104">
        <v>684144</v>
      </c>
      <c r="P16" s="103">
        <v>1279813</v>
      </c>
      <c r="Q16" s="100">
        <v>0</v>
      </c>
      <c r="R16" s="104">
        <v>6552502</v>
      </c>
      <c r="S16" s="104">
        <v>4747469</v>
      </c>
      <c r="T16" s="104">
        <v>3788573</v>
      </c>
      <c r="U16" s="104">
        <v>7902530</v>
      </c>
      <c r="V16" s="104">
        <v>5787895</v>
      </c>
      <c r="W16" s="103">
        <v>28778969</v>
      </c>
      <c r="X16" s="106">
        <v>30058782</v>
      </c>
      <c r="Y16" s="100">
        <v>0</v>
      </c>
      <c r="Z16" s="104">
        <v>0</v>
      </c>
      <c r="AA16" s="103">
        <v>0</v>
      </c>
      <c r="AB16" s="100">
        <v>0</v>
      </c>
      <c r="AC16" s="104">
        <v>2890103</v>
      </c>
      <c r="AD16" s="104">
        <v>2526226</v>
      </c>
      <c r="AE16" s="104">
        <v>1799821</v>
      </c>
      <c r="AF16" s="104">
        <v>4478608</v>
      </c>
      <c r="AG16" s="104">
        <v>2957247</v>
      </c>
      <c r="AH16" s="103">
        <v>14652005</v>
      </c>
      <c r="AI16" s="106">
        <v>14652005</v>
      </c>
      <c r="AJ16" s="100">
        <v>0</v>
      </c>
      <c r="AK16" s="104">
        <v>0</v>
      </c>
      <c r="AL16" s="103">
        <v>0</v>
      </c>
      <c r="AM16" s="100">
        <v>0</v>
      </c>
      <c r="AN16" s="104">
        <v>47374</v>
      </c>
      <c r="AO16" s="104">
        <v>72695</v>
      </c>
      <c r="AP16" s="104">
        <v>71065</v>
      </c>
      <c r="AQ16" s="104">
        <v>656040</v>
      </c>
      <c r="AR16" s="104">
        <v>679229</v>
      </c>
      <c r="AS16" s="103">
        <v>1526403</v>
      </c>
      <c r="AT16" s="106">
        <v>1526403</v>
      </c>
      <c r="AU16" s="100">
        <v>329186</v>
      </c>
      <c r="AV16" s="104">
        <v>482138</v>
      </c>
      <c r="AW16" s="103">
        <v>811324</v>
      </c>
      <c r="AX16" s="100">
        <v>0</v>
      </c>
      <c r="AY16" s="104">
        <v>2410239</v>
      </c>
      <c r="AZ16" s="104">
        <v>1109316</v>
      </c>
      <c r="BA16" s="104">
        <v>1033208</v>
      </c>
      <c r="BB16" s="104">
        <v>1712001</v>
      </c>
      <c r="BC16" s="104">
        <v>1265150</v>
      </c>
      <c r="BD16" s="103">
        <v>7529914</v>
      </c>
      <c r="BE16" s="106">
        <v>8341238</v>
      </c>
      <c r="BF16" s="100">
        <v>58635</v>
      </c>
      <c r="BG16" s="104">
        <v>118766</v>
      </c>
      <c r="BH16" s="102">
        <v>177401</v>
      </c>
      <c r="BI16" s="101">
        <v>0</v>
      </c>
      <c r="BJ16" s="104">
        <v>153898</v>
      </c>
      <c r="BK16" s="104">
        <v>145152</v>
      </c>
      <c r="BL16" s="104">
        <v>87783</v>
      </c>
      <c r="BM16" s="104">
        <v>151497</v>
      </c>
      <c r="BN16" s="104">
        <v>161653</v>
      </c>
      <c r="BO16" s="103">
        <v>699983</v>
      </c>
      <c r="BP16" s="106">
        <v>877384</v>
      </c>
      <c r="BQ16" s="100">
        <v>207848</v>
      </c>
      <c r="BR16" s="104">
        <v>83240</v>
      </c>
      <c r="BS16" s="103">
        <v>291088</v>
      </c>
      <c r="BT16" s="100">
        <v>0</v>
      </c>
      <c r="BU16" s="104">
        <v>1050888</v>
      </c>
      <c r="BV16" s="104">
        <v>894080</v>
      </c>
      <c r="BW16" s="104">
        <v>796696</v>
      </c>
      <c r="BX16" s="104">
        <v>904384</v>
      </c>
      <c r="BY16" s="104">
        <v>724616</v>
      </c>
      <c r="BZ16" s="103">
        <v>4370664</v>
      </c>
      <c r="CA16" s="106">
        <v>4661752</v>
      </c>
      <c r="CB16" s="100">
        <v>80607</v>
      </c>
      <c r="CC16" s="104">
        <v>236019</v>
      </c>
      <c r="CD16" s="103">
        <v>316626</v>
      </c>
      <c r="CE16" s="100">
        <v>0</v>
      </c>
      <c r="CF16" s="104">
        <v>6483033</v>
      </c>
      <c r="CG16" s="104">
        <v>4417044</v>
      </c>
      <c r="CH16" s="104">
        <v>3424531</v>
      </c>
      <c r="CI16" s="104">
        <v>2442042</v>
      </c>
      <c r="CJ16" s="104">
        <v>906530</v>
      </c>
      <c r="CK16" s="103">
        <v>17673180</v>
      </c>
      <c r="CL16" s="106">
        <v>17989806</v>
      </c>
      <c r="CM16" s="100">
        <v>0</v>
      </c>
      <c r="CN16" s="104">
        <v>0</v>
      </c>
      <c r="CO16" s="103">
        <v>0</v>
      </c>
      <c r="CP16" s="101">
        <v>0</v>
      </c>
      <c r="CQ16" s="104">
        <v>5460230</v>
      </c>
      <c r="CR16" s="104">
        <v>3714386</v>
      </c>
      <c r="CS16" s="104">
        <v>3066888</v>
      </c>
      <c r="CT16" s="104">
        <v>1978893</v>
      </c>
      <c r="CU16" s="104">
        <v>516241</v>
      </c>
      <c r="CV16" s="103">
        <v>14736638</v>
      </c>
      <c r="CW16" s="106">
        <v>14736638</v>
      </c>
      <c r="CX16" s="100">
        <v>80607</v>
      </c>
      <c r="CY16" s="104">
        <v>236019</v>
      </c>
      <c r="CZ16" s="103">
        <v>316626</v>
      </c>
      <c r="DA16" s="100">
        <v>0</v>
      </c>
      <c r="DB16" s="104">
        <v>1022803</v>
      </c>
      <c r="DC16" s="104">
        <v>702658</v>
      </c>
      <c r="DD16" s="104">
        <v>357643</v>
      </c>
      <c r="DE16" s="104">
        <v>463149</v>
      </c>
      <c r="DF16" s="104">
        <v>390289</v>
      </c>
      <c r="DG16" s="103">
        <v>2936542</v>
      </c>
      <c r="DH16" s="106">
        <v>3253168</v>
      </c>
      <c r="DI16" s="100">
        <v>0</v>
      </c>
      <c r="DJ16" s="104">
        <v>0</v>
      </c>
      <c r="DK16" s="102">
        <v>0</v>
      </c>
      <c r="DL16" s="101">
        <v>0</v>
      </c>
      <c r="DM16" s="104">
        <v>505081</v>
      </c>
      <c r="DN16" s="104">
        <v>875065</v>
      </c>
      <c r="DO16" s="104">
        <v>1491134</v>
      </c>
      <c r="DP16" s="104">
        <v>1293026</v>
      </c>
      <c r="DQ16" s="104">
        <v>451364</v>
      </c>
      <c r="DR16" s="103">
        <v>4615670</v>
      </c>
      <c r="DS16" s="106">
        <v>4615670</v>
      </c>
      <c r="DT16" s="100">
        <v>0</v>
      </c>
      <c r="DU16" s="104">
        <v>0</v>
      </c>
      <c r="DV16" s="103">
        <v>0</v>
      </c>
      <c r="DW16" s="100">
        <v>0</v>
      </c>
      <c r="DX16" s="104">
        <v>408235</v>
      </c>
      <c r="DY16" s="104">
        <v>786699</v>
      </c>
      <c r="DZ16" s="104">
        <v>1264669</v>
      </c>
      <c r="EA16" s="104">
        <v>1029339</v>
      </c>
      <c r="EB16" s="104">
        <v>354128</v>
      </c>
      <c r="EC16" s="103">
        <v>3843070</v>
      </c>
      <c r="ED16" s="106">
        <v>3843070</v>
      </c>
      <c r="EE16" s="100">
        <v>0</v>
      </c>
      <c r="EF16" s="102">
        <v>0</v>
      </c>
      <c r="EG16" s="103">
        <v>0</v>
      </c>
      <c r="EH16" s="100">
        <v>0</v>
      </c>
      <c r="EI16" s="104">
        <v>96846</v>
      </c>
      <c r="EJ16" s="104">
        <v>88366</v>
      </c>
      <c r="EK16" s="104">
        <v>226465</v>
      </c>
      <c r="EL16" s="104">
        <v>263687</v>
      </c>
      <c r="EM16" s="104">
        <v>97236</v>
      </c>
      <c r="EN16" s="102">
        <v>772600</v>
      </c>
      <c r="EO16" s="106">
        <v>772600</v>
      </c>
      <c r="EP16" s="100">
        <v>0</v>
      </c>
      <c r="EQ16" s="104">
        <v>0</v>
      </c>
      <c r="ER16" s="102">
        <v>0</v>
      </c>
      <c r="ES16" s="101">
        <v>0</v>
      </c>
      <c r="ET16" s="104">
        <v>0</v>
      </c>
      <c r="EU16" s="104">
        <v>0</v>
      </c>
      <c r="EV16" s="104">
        <v>0</v>
      </c>
      <c r="EW16" s="104">
        <v>0</v>
      </c>
      <c r="EX16" s="104">
        <v>0</v>
      </c>
      <c r="EY16" s="103">
        <v>0</v>
      </c>
      <c r="EZ16" s="106">
        <v>0</v>
      </c>
      <c r="FA16" s="100">
        <v>0</v>
      </c>
      <c r="FB16" s="104">
        <v>0</v>
      </c>
      <c r="FC16" s="102">
        <v>0</v>
      </c>
      <c r="FD16" s="324"/>
      <c r="FE16" s="104">
        <v>0</v>
      </c>
      <c r="FF16" s="104">
        <v>0</v>
      </c>
      <c r="FG16" s="104">
        <v>0</v>
      </c>
      <c r="FH16" s="104">
        <v>0</v>
      </c>
      <c r="FI16" s="104">
        <v>0</v>
      </c>
      <c r="FJ16" s="103">
        <v>0</v>
      </c>
      <c r="FK16" s="106">
        <v>0</v>
      </c>
      <c r="FL16" s="100">
        <v>397852</v>
      </c>
      <c r="FM16" s="104">
        <v>439976</v>
      </c>
      <c r="FN16" s="103">
        <v>837828</v>
      </c>
      <c r="FO16" s="100">
        <v>0</v>
      </c>
      <c r="FP16" s="104">
        <v>929064</v>
      </c>
      <c r="FQ16" s="104">
        <v>1347696</v>
      </c>
      <c r="FR16" s="104">
        <v>1194360</v>
      </c>
      <c r="FS16" s="104">
        <v>1230242</v>
      </c>
      <c r="FT16" s="104">
        <v>498656</v>
      </c>
      <c r="FU16" s="103">
        <v>5200018</v>
      </c>
      <c r="FV16" s="106">
        <v>6037846</v>
      </c>
      <c r="FW16" s="105">
        <v>314272</v>
      </c>
      <c r="FX16" s="104">
        <v>396656</v>
      </c>
      <c r="FY16" s="102">
        <v>710928</v>
      </c>
      <c r="FZ16" s="101">
        <v>0</v>
      </c>
      <c r="GA16" s="104">
        <v>799800</v>
      </c>
      <c r="GB16" s="104">
        <v>1212496</v>
      </c>
      <c r="GC16" s="104">
        <v>969144</v>
      </c>
      <c r="GD16" s="104">
        <v>1086872</v>
      </c>
      <c r="GE16" s="104">
        <v>466096</v>
      </c>
      <c r="GF16" s="103">
        <v>4534408</v>
      </c>
      <c r="GG16" s="296">
        <v>5245336</v>
      </c>
      <c r="GH16" s="105">
        <v>19580</v>
      </c>
      <c r="GI16" s="104">
        <v>14520</v>
      </c>
      <c r="GJ16" s="102">
        <v>34100</v>
      </c>
      <c r="GK16" s="101">
        <v>0</v>
      </c>
      <c r="GL16" s="104">
        <v>50864</v>
      </c>
      <c r="GM16" s="104">
        <v>92800</v>
      </c>
      <c r="GN16" s="104">
        <v>130816</v>
      </c>
      <c r="GO16" s="104">
        <v>121770</v>
      </c>
      <c r="GP16" s="104">
        <v>32560</v>
      </c>
      <c r="GQ16" s="103">
        <v>428810</v>
      </c>
      <c r="GR16" s="106">
        <v>462910</v>
      </c>
      <c r="GS16" s="100">
        <v>64000</v>
      </c>
      <c r="GT16" s="104">
        <v>28800</v>
      </c>
      <c r="GU16" s="103">
        <v>92800</v>
      </c>
      <c r="GV16" s="100">
        <v>0</v>
      </c>
      <c r="GW16" s="104">
        <v>78400</v>
      </c>
      <c r="GX16" s="104">
        <v>42400</v>
      </c>
      <c r="GY16" s="104">
        <v>94400</v>
      </c>
      <c r="GZ16" s="104">
        <v>21600</v>
      </c>
      <c r="HA16" s="104">
        <v>0</v>
      </c>
      <c r="HB16" s="102">
        <v>236800</v>
      </c>
      <c r="HC16" s="106">
        <v>329600</v>
      </c>
      <c r="HD16" s="100">
        <v>337710</v>
      </c>
      <c r="HE16" s="104">
        <v>0</v>
      </c>
      <c r="HF16" s="102">
        <v>337710</v>
      </c>
      <c r="HG16" s="101">
        <v>0</v>
      </c>
      <c r="HH16" s="104">
        <v>4310724</v>
      </c>
      <c r="HI16" s="104">
        <v>2998366</v>
      </c>
      <c r="HJ16" s="104">
        <v>3040409</v>
      </c>
      <c r="HK16" s="104">
        <v>4831694</v>
      </c>
      <c r="HL16" s="104">
        <v>2096407</v>
      </c>
      <c r="HM16" s="103">
        <v>17277600</v>
      </c>
      <c r="HN16" s="99">
        <v>17615310</v>
      </c>
      <c r="HO16" s="306"/>
      <c r="HP16" s="307"/>
      <c r="HQ16" s="308"/>
      <c r="HR16" s="309"/>
      <c r="HS16" s="307"/>
      <c r="HT16" s="307"/>
      <c r="HU16" s="307"/>
      <c r="HV16" s="307"/>
      <c r="HW16" s="307"/>
      <c r="HX16" s="310"/>
      <c r="HY16" s="311"/>
      <c r="HZ16" s="137">
        <v>0</v>
      </c>
      <c r="IA16" s="122">
        <v>0</v>
      </c>
      <c r="IB16" s="137">
        <v>0</v>
      </c>
      <c r="IC16" s="121">
        <v>0</v>
      </c>
      <c r="ID16" s="122">
        <v>2950074</v>
      </c>
      <c r="IE16" s="123">
        <v>5429934</v>
      </c>
      <c r="IF16" s="124">
        <v>7402948</v>
      </c>
      <c r="IG16" s="122">
        <v>3057752</v>
      </c>
      <c r="IH16" s="124">
        <v>3353431</v>
      </c>
      <c r="II16" s="125">
        <v>22194139</v>
      </c>
      <c r="IJ16" s="137">
        <v>22194139</v>
      </c>
      <c r="IK16" s="219">
        <v>0</v>
      </c>
      <c r="IL16" s="223">
        <v>0</v>
      </c>
      <c r="IM16" s="224">
        <v>0</v>
      </c>
      <c r="IN16" s="127"/>
      <c r="IO16" s="109">
        <v>150058</v>
      </c>
      <c r="IP16" s="109">
        <v>137824</v>
      </c>
      <c r="IQ16" s="109">
        <v>196212</v>
      </c>
      <c r="IR16" s="109">
        <v>0</v>
      </c>
      <c r="IS16" s="109">
        <v>0</v>
      </c>
      <c r="IT16" s="128">
        <v>484094</v>
      </c>
      <c r="IU16" s="298">
        <v>484094</v>
      </c>
      <c r="IV16" s="129">
        <v>0</v>
      </c>
      <c r="IW16" s="109">
        <v>0</v>
      </c>
      <c r="IX16" s="110">
        <v>0</v>
      </c>
      <c r="IY16" s="131"/>
      <c r="IZ16" s="109">
        <v>10692</v>
      </c>
      <c r="JA16" s="109">
        <v>0</v>
      </c>
      <c r="JB16" s="109">
        <v>21384</v>
      </c>
      <c r="JC16" s="109">
        <v>0</v>
      </c>
      <c r="JD16" s="109">
        <v>0</v>
      </c>
      <c r="JE16" s="110">
        <v>32076</v>
      </c>
      <c r="JF16" s="111">
        <v>32076</v>
      </c>
      <c r="JG16" s="129">
        <v>0</v>
      </c>
      <c r="JH16" s="109">
        <v>0</v>
      </c>
      <c r="JI16" s="128">
        <v>0</v>
      </c>
      <c r="JJ16" s="108">
        <v>0</v>
      </c>
      <c r="JK16" s="109">
        <v>989361</v>
      </c>
      <c r="JL16" s="109">
        <v>1161532</v>
      </c>
      <c r="JM16" s="109">
        <v>804938</v>
      </c>
      <c r="JN16" s="109">
        <v>714050</v>
      </c>
      <c r="JO16" s="109">
        <v>253321</v>
      </c>
      <c r="JP16" s="110">
        <v>3923202</v>
      </c>
      <c r="JQ16" s="298">
        <v>3923202</v>
      </c>
      <c r="JR16" s="129">
        <v>0</v>
      </c>
      <c r="JS16" s="109">
        <v>0</v>
      </c>
      <c r="JT16" s="128">
        <v>0</v>
      </c>
      <c r="JU16" s="108">
        <v>0</v>
      </c>
      <c r="JV16" s="109">
        <v>146867</v>
      </c>
      <c r="JW16" s="109">
        <v>91087</v>
      </c>
      <c r="JX16" s="109">
        <v>563270</v>
      </c>
      <c r="JY16" s="109">
        <v>0</v>
      </c>
      <c r="JZ16" s="109">
        <v>58058</v>
      </c>
      <c r="KA16" s="110">
        <v>859282</v>
      </c>
      <c r="KB16" s="298">
        <v>859282</v>
      </c>
      <c r="KC16" s="221">
        <v>0</v>
      </c>
      <c r="KD16" s="217">
        <v>0</v>
      </c>
      <c r="KE16" s="110">
        <v>0</v>
      </c>
      <c r="KF16" s="108">
        <v>0</v>
      </c>
      <c r="KG16" s="109">
        <v>508997</v>
      </c>
      <c r="KH16" s="109">
        <v>547188</v>
      </c>
      <c r="KI16" s="109">
        <v>1467333</v>
      </c>
      <c r="KJ16" s="109">
        <v>675143</v>
      </c>
      <c r="KK16" s="109">
        <v>302931</v>
      </c>
      <c r="KL16" s="110">
        <v>3501592</v>
      </c>
      <c r="KM16" s="130">
        <v>3501592</v>
      </c>
      <c r="KN16" s="219">
        <v>0</v>
      </c>
      <c r="KO16" s="223">
        <v>0</v>
      </c>
      <c r="KP16" s="224">
        <v>0</v>
      </c>
      <c r="KQ16" s="127"/>
      <c r="KR16" s="109">
        <v>480252</v>
      </c>
      <c r="KS16" s="109">
        <v>2906383</v>
      </c>
      <c r="KT16" s="109">
        <v>3078756</v>
      </c>
      <c r="KU16" s="109">
        <v>266652</v>
      </c>
      <c r="KV16" s="109">
        <v>1517672</v>
      </c>
      <c r="KW16" s="110">
        <v>8249715</v>
      </c>
      <c r="KX16" s="298">
        <v>8249715</v>
      </c>
      <c r="KY16" s="129">
        <v>0</v>
      </c>
      <c r="KZ16" s="109">
        <v>0</v>
      </c>
      <c r="LA16" s="110">
        <v>0</v>
      </c>
      <c r="LB16" s="132"/>
      <c r="LC16" s="109">
        <v>663847</v>
      </c>
      <c r="LD16" s="109">
        <v>175045</v>
      </c>
      <c r="LE16" s="109">
        <v>390778</v>
      </c>
      <c r="LF16" s="109">
        <v>217081</v>
      </c>
      <c r="LG16" s="109">
        <v>-1122</v>
      </c>
      <c r="LH16" s="110">
        <v>1445629</v>
      </c>
      <c r="LI16" s="111">
        <v>1445629</v>
      </c>
      <c r="LJ16" s="129">
        <v>0</v>
      </c>
      <c r="LK16" s="109">
        <v>0</v>
      </c>
      <c r="LL16" s="110">
        <v>0</v>
      </c>
      <c r="LM16" s="132"/>
      <c r="LN16" s="109">
        <v>0</v>
      </c>
      <c r="LO16" s="109">
        <v>212983</v>
      </c>
      <c r="LP16" s="109">
        <v>498540</v>
      </c>
      <c r="LQ16" s="109">
        <v>540034</v>
      </c>
      <c r="LR16" s="109">
        <v>1098012</v>
      </c>
      <c r="LS16" s="110">
        <v>2349569</v>
      </c>
      <c r="LT16" s="298">
        <v>2349569</v>
      </c>
      <c r="LU16" s="129">
        <v>0</v>
      </c>
      <c r="LV16" s="109">
        <v>0</v>
      </c>
      <c r="LW16" s="110">
        <v>0</v>
      </c>
      <c r="LX16" s="132"/>
      <c r="LY16" s="109">
        <v>0</v>
      </c>
      <c r="LZ16" s="109">
        <v>197892</v>
      </c>
      <c r="MA16" s="109">
        <v>381737</v>
      </c>
      <c r="MB16" s="109">
        <v>644792</v>
      </c>
      <c r="MC16" s="109">
        <v>124559</v>
      </c>
      <c r="MD16" s="110">
        <v>1348980</v>
      </c>
      <c r="ME16" s="111">
        <v>1348980</v>
      </c>
      <c r="MF16" s="129">
        <v>0</v>
      </c>
      <c r="MG16" s="109">
        <v>0</v>
      </c>
      <c r="MH16" s="110">
        <v>0</v>
      </c>
      <c r="MI16" s="132"/>
      <c r="MJ16" s="109">
        <v>1519167</v>
      </c>
      <c r="MK16" s="109">
        <v>1726536</v>
      </c>
      <c r="ML16" s="109">
        <v>7250784</v>
      </c>
      <c r="MM16" s="109">
        <v>13942957</v>
      </c>
      <c r="MN16" s="109">
        <v>6297186</v>
      </c>
      <c r="MO16" s="110">
        <v>30736630</v>
      </c>
      <c r="MP16" s="130">
        <v>30736630</v>
      </c>
      <c r="MQ16" s="129">
        <v>0</v>
      </c>
      <c r="MR16" s="109">
        <v>0</v>
      </c>
      <c r="MS16" s="110">
        <v>0</v>
      </c>
      <c r="MT16" s="132"/>
      <c r="MU16" s="109">
        <v>215412</v>
      </c>
      <c r="MV16" s="109">
        <v>241770</v>
      </c>
      <c r="MW16" s="109">
        <v>5321024</v>
      </c>
      <c r="MX16" s="109">
        <v>9163130</v>
      </c>
      <c r="MY16" s="109">
        <v>3231028</v>
      </c>
      <c r="MZ16" s="110">
        <v>18172364</v>
      </c>
      <c r="NA16" s="130">
        <v>18172364</v>
      </c>
      <c r="NB16" s="129">
        <v>0</v>
      </c>
      <c r="NC16" s="109">
        <v>0</v>
      </c>
      <c r="ND16" s="110">
        <v>0</v>
      </c>
      <c r="NE16" s="132"/>
      <c r="NF16" s="109">
        <v>1303755</v>
      </c>
      <c r="NG16" s="109">
        <v>1484766</v>
      </c>
      <c r="NH16" s="109">
        <v>1929760</v>
      </c>
      <c r="NI16" s="109">
        <v>4445329</v>
      </c>
      <c r="NJ16" s="109">
        <v>2682525</v>
      </c>
      <c r="NK16" s="110">
        <v>11846135</v>
      </c>
      <c r="NL16" s="298">
        <v>11846135</v>
      </c>
      <c r="NM16" s="129">
        <v>0</v>
      </c>
      <c r="NN16" s="109">
        <v>0</v>
      </c>
      <c r="NO16" s="110">
        <v>0</v>
      </c>
      <c r="NP16" s="132"/>
      <c r="NQ16" s="109">
        <v>0</v>
      </c>
      <c r="NR16" s="109">
        <v>0</v>
      </c>
      <c r="NS16" s="109">
        <v>0</v>
      </c>
      <c r="NT16" s="109">
        <v>334498</v>
      </c>
      <c r="NU16" s="109">
        <v>0</v>
      </c>
      <c r="NV16" s="110">
        <v>334498</v>
      </c>
      <c r="NW16" s="111">
        <v>334498</v>
      </c>
      <c r="NX16" s="129">
        <v>0</v>
      </c>
      <c r="NY16" s="109">
        <v>0</v>
      </c>
      <c r="NZ16" s="110">
        <v>0</v>
      </c>
      <c r="OA16" s="132"/>
      <c r="OB16" s="109">
        <v>0</v>
      </c>
      <c r="OC16" s="109">
        <v>0</v>
      </c>
      <c r="OD16" s="109">
        <v>0</v>
      </c>
      <c r="OE16" s="109">
        <v>0</v>
      </c>
      <c r="OF16" s="109">
        <v>383633</v>
      </c>
      <c r="OG16" s="110">
        <v>383633</v>
      </c>
      <c r="OH16" s="111">
        <v>383633</v>
      </c>
      <c r="OI16" s="129">
        <v>1411838</v>
      </c>
      <c r="OJ16" s="109">
        <v>1360139</v>
      </c>
      <c r="OK16" s="128">
        <v>2771977</v>
      </c>
      <c r="OL16" s="108">
        <v>0</v>
      </c>
      <c r="OM16" s="109">
        <v>23249645</v>
      </c>
      <c r="ON16" s="109">
        <v>21542110</v>
      </c>
      <c r="OO16" s="109">
        <v>27592739</v>
      </c>
      <c r="OP16" s="109">
        <v>34700243</v>
      </c>
      <c r="OQ16" s="109">
        <v>19391469</v>
      </c>
      <c r="OR16" s="110">
        <v>126476206</v>
      </c>
      <c r="OS16" s="130">
        <v>129248183</v>
      </c>
    </row>
    <row r="17" spans="2:409" ht="21" customHeight="1" x14ac:dyDescent="0.2">
      <c r="B17" s="472" t="s">
        <v>11</v>
      </c>
      <c r="C17" s="100">
        <v>697619</v>
      </c>
      <c r="D17" s="104">
        <v>762358</v>
      </c>
      <c r="E17" s="158">
        <v>1459977</v>
      </c>
      <c r="F17" s="101">
        <v>0</v>
      </c>
      <c r="G17" s="104">
        <v>7106686</v>
      </c>
      <c r="H17" s="104">
        <v>7219135</v>
      </c>
      <c r="I17" s="104">
        <v>5048693</v>
      </c>
      <c r="J17" s="104">
        <v>10295904</v>
      </c>
      <c r="K17" s="104">
        <v>3622600</v>
      </c>
      <c r="L17" s="99">
        <v>33293018</v>
      </c>
      <c r="M17" s="106">
        <v>34752995</v>
      </c>
      <c r="N17" s="100">
        <v>165829</v>
      </c>
      <c r="O17" s="104">
        <v>174126</v>
      </c>
      <c r="P17" s="103">
        <v>339955</v>
      </c>
      <c r="Q17" s="100">
        <v>0</v>
      </c>
      <c r="R17" s="104">
        <v>1396965</v>
      </c>
      <c r="S17" s="104">
        <v>1940724</v>
      </c>
      <c r="T17" s="104">
        <v>1757173</v>
      </c>
      <c r="U17" s="104">
        <v>3047194</v>
      </c>
      <c r="V17" s="104">
        <v>2404324</v>
      </c>
      <c r="W17" s="103">
        <v>10546380</v>
      </c>
      <c r="X17" s="106">
        <v>10886335</v>
      </c>
      <c r="Y17" s="100">
        <v>0</v>
      </c>
      <c r="Z17" s="104">
        <v>0</v>
      </c>
      <c r="AA17" s="103">
        <v>0</v>
      </c>
      <c r="AB17" s="100">
        <v>0</v>
      </c>
      <c r="AC17" s="104">
        <v>378826</v>
      </c>
      <c r="AD17" s="104">
        <v>879249</v>
      </c>
      <c r="AE17" s="104">
        <v>941156</v>
      </c>
      <c r="AF17" s="104">
        <v>1824567</v>
      </c>
      <c r="AG17" s="104">
        <v>1523527</v>
      </c>
      <c r="AH17" s="103">
        <v>5547325</v>
      </c>
      <c r="AI17" s="106">
        <v>5547325</v>
      </c>
      <c r="AJ17" s="100">
        <v>0</v>
      </c>
      <c r="AK17" s="104">
        <v>0</v>
      </c>
      <c r="AL17" s="103">
        <v>0</v>
      </c>
      <c r="AM17" s="100">
        <v>0</v>
      </c>
      <c r="AN17" s="104">
        <v>0</v>
      </c>
      <c r="AO17" s="104">
        <v>195996</v>
      </c>
      <c r="AP17" s="104">
        <v>69172</v>
      </c>
      <c r="AQ17" s="104">
        <v>185896</v>
      </c>
      <c r="AR17" s="104">
        <v>212441</v>
      </c>
      <c r="AS17" s="103">
        <v>663505</v>
      </c>
      <c r="AT17" s="106">
        <v>663505</v>
      </c>
      <c r="AU17" s="100">
        <v>147765</v>
      </c>
      <c r="AV17" s="104">
        <v>90441</v>
      </c>
      <c r="AW17" s="103">
        <v>238206</v>
      </c>
      <c r="AX17" s="100">
        <v>0</v>
      </c>
      <c r="AY17" s="104">
        <v>698510</v>
      </c>
      <c r="AZ17" s="104">
        <v>409951</v>
      </c>
      <c r="BA17" s="104">
        <v>554197</v>
      </c>
      <c r="BB17" s="104">
        <v>609361</v>
      </c>
      <c r="BC17" s="104">
        <v>466934</v>
      </c>
      <c r="BD17" s="103">
        <v>2738953</v>
      </c>
      <c r="BE17" s="106">
        <v>2977159</v>
      </c>
      <c r="BF17" s="100">
        <v>0</v>
      </c>
      <c r="BG17" s="104">
        <v>47917</v>
      </c>
      <c r="BH17" s="102">
        <v>47917</v>
      </c>
      <c r="BI17" s="101">
        <v>0</v>
      </c>
      <c r="BJ17" s="104">
        <v>100293</v>
      </c>
      <c r="BK17" s="104">
        <v>0</v>
      </c>
      <c r="BL17" s="104">
        <v>38240</v>
      </c>
      <c r="BM17" s="104">
        <v>141546</v>
      </c>
      <c r="BN17" s="104">
        <v>41862</v>
      </c>
      <c r="BO17" s="103">
        <v>321941</v>
      </c>
      <c r="BP17" s="106">
        <v>369858</v>
      </c>
      <c r="BQ17" s="100">
        <v>18064</v>
      </c>
      <c r="BR17" s="104">
        <v>35768</v>
      </c>
      <c r="BS17" s="103">
        <v>53832</v>
      </c>
      <c r="BT17" s="100">
        <v>0</v>
      </c>
      <c r="BU17" s="104">
        <v>219336</v>
      </c>
      <c r="BV17" s="104">
        <v>455528</v>
      </c>
      <c r="BW17" s="104">
        <v>154408</v>
      </c>
      <c r="BX17" s="104">
        <v>285824</v>
      </c>
      <c r="BY17" s="104">
        <v>159560</v>
      </c>
      <c r="BZ17" s="103">
        <v>1274656</v>
      </c>
      <c r="CA17" s="106">
        <v>1328488</v>
      </c>
      <c r="CB17" s="100">
        <v>165157</v>
      </c>
      <c r="CC17" s="104">
        <v>185990</v>
      </c>
      <c r="CD17" s="103">
        <v>351147</v>
      </c>
      <c r="CE17" s="100">
        <v>0</v>
      </c>
      <c r="CF17" s="104">
        <v>2556747</v>
      </c>
      <c r="CG17" s="104">
        <v>1960639</v>
      </c>
      <c r="CH17" s="104">
        <v>1289208</v>
      </c>
      <c r="CI17" s="104">
        <v>1996887</v>
      </c>
      <c r="CJ17" s="104">
        <v>155054</v>
      </c>
      <c r="CK17" s="103">
        <v>7958535</v>
      </c>
      <c r="CL17" s="106">
        <v>8309682</v>
      </c>
      <c r="CM17" s="100">
        <v>0</v>
      </c>
      <c r="CN17" s="104">
        <v>0</v>
      </c>
      <c r="CO17" s="103">
        <v>0</v>
      </c>
      <c r="CP17" s="101">
        <v>0</v>
      </c>
      <c r="CQ17" s="104">
        <v>2028491</v>
      </c>
      <c r="CR17" s="104">
        <v>1373747</v>
      </c>
      <c r="CS17" s="104">
        <v>915599</v>
      </c>
      <c r="CT17" s="104">
        <v>1247093</v>
      </c>
      <c r="CU17" s="104">
        <v>104406</v>
      </c>
      <c r="CV17" s="103">
        <v>5669336</v>
      </c>
      <c r="CW17" s="106">
        <v>5669336</v>
      </c>
      <c r="CX17" s="100">
        <v>165157</v>
      </c>
      <c r="CY17" s="104">
        <v>185990</v>
      </c>
      <c r="CZ17" s="103">
        <v>351147</v>
      </c>
      <c r="DA17" s="100">
        <v>0</v>
      </c>
      <c r="DB17" s="104">
        <v>528256</v>
      </c>
      <c r="DC17" s="104">
        <v>586892</v>
      </c>
      <c r="DD17" s="104">
        <v>373609</v>
      </c>
      <c r="DE17" s="104">
        <v>749794</v>
      </c>
      <c r="DF17" s="104">
        <v>50648</v>
      </c>
      <c r="DG17" s="103">
        <v>2289199</v>
      </c>
      <c r="DH17" s="106">
        <v>2640346</v>
      </c>
      <c r="DI17" s="100">
        <v>22703</v>
      </c>
      <c r="DJ17" s="104">
        <v>0</v>
      </c>
      <c r="DK17" s="102">
        <v>22703</v>
      </c>
      <c r="DL17" s="101">
        <v>0</v>
      </c>
      <c r="DM17" s="104">
        <v>398682</v>
      </c>
      <c r="DN17" s="104">
        <v>490707</v>
      </c>
      <c r="DO17" s="104">
        <v>0</v>
      </c>
      <c r="DP17" s="104">
        <v>923920</v>
      </c>
      <c r="DQ17" s="104">
        <v>17183</v>
      </c>
      <c r="DR17" s="103">
        <v>1830492</v>
      </c>
      <c r="DS17" s="106">
        <v>1853195</v>
      </c>
      <c r="DT17" s="100">
        <v>22703</v>
      </c>
      <c r="DU17" s="104">
        <v>0</v>
      </c>
      <c r="DV17" s="103">
        <v>22703</v>
      </c>
      <c r="DW17" s="100">
        <v>0</v>
      </c>
      <c r="DX17" s="104">
        <v>318328</v>
      </c>
      <c r="DY17" s="104">
        <v>404834</v>
      </c>
      <c r="DZ17" s="104">
        <v>0</v>
      </c>
      <c r="EA17" s="104">
        <v>831208</v>
      </c>
      <c r="EB17" s="104">
        <v>17183</v>
      </c>
      <c r="EC17" s="103">
        <v>1571553</v>
      </c>
      <c r="ED17" s="106">
        <v>1594256</v>
      </c>
      <c r="EE17" s="100">
        <v>0</v>
      </c>
      <c r="EF17" s="102">
        <v>0</v>
      </c>
      <c r="EG17" s="103">
        <v>0</v>
      </c>
      <c r="EH17" s="100">
        <v>0</v>
      </c>
      <c r="EI17" s="104">
        <v>80354</v>
      </c>
      <c r="EJ17" s="104">
        <v>85873</v>
      </c>
      <c r="EK17" s="104">
        <v>0</v>
      </c>
      <c r="EL17" s="104">
        <v>92712</v>
      </c>
      <c r="EM17" s="104">
        <v>0</v>
      </c>
      <c r="EN17" s="102">
        <v>258939</v>
      </c>
      <c r="EO17" s="106">
        <v>258939</v>
      </c>
      <c r="EP17" s="100">
        <v>0</v>
      </c>
      <c r="EQ17" s="104">
        <v>0</v>
      </c>
      <c r="ER17" s="102">
        <v>0</v>
      </c>
      <c r="ES17" s="101">
        <v>0</v>
      </c>
      <c r="ET17" s="104">
        <v>0</v>
      </c>
      <c r="EU17" s="104">
        <v>0</v>
      </c>
      <c r="EV17" s="104">
        <v>0</v>
      </c>
      <c r="EW17" s="104">
        <v>0</v>
      </c>
      <c r="EX17" s="104">
        <v>0</v>
      </c>
      <c r="EY17" s="103">
        <v>0</v>
      </c>
      <c r="EZ17" s="106">
        <v>0</v>
      </c>
      <c r="FA17" s="100">
        <v>0</v>
      </c>
      <c r="FB17" s="104">
        <v>0</v>
      </c>
      <c r="FC17" s="102">
        <v>0</v>
      </c>
      <c r="FD17" s="324"/>
      <c r="FE17" s="104">
        <v>0</v>
      </c>
      <c r="FF17" s="104">
        <v>0</v>
      </c>
      <c r="FG17" s="104">
        <v>0</v>
      </c>
      <c r="FH17" s="104">
        <v>0</v>
      </c>
      <c r="FI17" s="104">
        <v>0</v>
      </c>
      <c r="FJ17" s="103">
        <v>0</v>
      </c>
      <c r="FK17" s="106">
        <v>0</v>
      </c>
      <c r="FL17" s="100">
        <v>52880</v>
      </c>
      <c r="FM17" s="104">
        <v>202112</v>
      </c>
      <c r="FN17" s="103">
        <v>254992</v>
      </c>
      <c r="FO17" s="100">
        <v>0</v>
      </c>
      <c r="FP17" s="104">
        <v>210456</v>
      </c>
      <c r="FQ17" s="104">
        <v>672280</v>
      </c>
      <c r="FR17" s="104">
        <v>511681</v>
      </c>
      <c r="FS17" s="104">
        <v>681928</v>
      </c>
      <c r="FT17" s="104">
        <v>195912</v>
      </c>
      <c r="FU17" s="103">
        <v>2272257</v>
      </c>
      <c r="FV17" s="106">
        <v>2527249</v>
      </c>
      <c r="FW17" s="105">
        <v>52880</v>
      </c>
      <c r="FX17" s="104">
        <v>202112</v>
      </c>
      <c r="FY17" s="102">
        <v>254992</v>
      </c>
      <c r="FZ17" s="101">
        <v>0</v>
      </c>
      <c r="GA17" s="104">
        <v>205616</v>
      </c>
      <c r="GB17" s="104">
        <v>624760</v>
      </c>
      <c r="GC17" s="104">
        <v>414776</v>
      </c>
      <c r="GD17" s="104">
        <v>681928</v>
      </c>
      <c r="GE17" s="104">
        <v>195912</v>
      </c>
      <c r="GF17" s="103">
        <v>2122992</v>
      </c>
      <c r="GG17" s="296">
        <v>2377984</v>
      </c>
      <c r="GH17" s="105">
        <v>0</v>
      </c>
      <c r="GI17" s="104">
        <v>0</v>
      </c>
      <c r="GJ17" s="102">
        <v>0</v>
      </c>
      <c r="GK17" s="101">
        <v>0</v>
      </c>
      <c r="GL17" s="104">
        <v>0</v>
      </c>
      <c r="GM17" s="104">
        <v>47520</v>
      </c>
      <c r="GN17" s="104">
        <v>39705</v>
      </c>
      <c r="GO17" s="104">
        <v>0</v>
      </c>
      <c r="GP17" s="104">
        <v>0</v>
      </c>
      <c r="GQ17" s="103">
        <v>87225</v>
      </c>
      <c r="GR17" s="106">
        <v>87225</v>
      </c>
      <c r="GS17" s="100">
        <v>0</v>
      </c>
      <c r="GT17" s="104">
        <v>0</v>
      </c>
      <c r="GU17" s="103">
        <v>0</v>
      </c>
      <c r="GV17" s="100">
        <v>0</v>
      </c>
      <c r="GW17" s="104">
        <v>4840</v>
      </c>
      <c r="GX17" s="104">
        <v>0</v>
      </c>
      <c r="GY17" s="104">
        <v>57200</v>
      </c>
      <c r="GZ17" s="104">
        <v>0</v>
      </c>
      <c r="HA17" s="104">
        <v>0</v>
      </c>
      <c r="HB17" s="102">
        <v>62040</v>
      </c>
      <c r="HC17" s="106">
        <v>62040</v>
      </c>
      <c r="HD17" s="100">
        <v>291050</v>
      </c>
      <c r="HE17" s="104">
        <v>200130</v>
      </c>
      <c r="HF17" s="102">
        <v>491180</v>
      </c>
      <c r="HG17" s="101">
        <v>0</v>
      </c>
      <c r="HH17" s="104">
        <v>2543836</v>
      </c>
      <c r="HI17" s="104">
        <v>2154785</v>
      </c>
      <c r="HJ17" s="104">
        <v>1490631</v>
      </c>
      <c r="HK17" s="104">
        <v>3645975</v>
      </c>
      <c r="HL17" s="104">
        <v>850127</v>
      </c>
      <c r="HM17" s="103">
        <v>10685354</v>
      </c>
      <c r="HN17" s="99">
        <v>11176534</v>
      </c>
      <c r="HO17" s="306"/>
      <c r="HP17" s="307"/>
      <c r="HQ17" s="308"/>
      <c r="HR17" s="309"/>
      <c r="HS17" s="307"/>
      <c r="HT17" s="307"/>
      <c r="HU17" s="307"/>
      <c r="HV17" s="307"/>
      <c r="HW17" s="307"/>
      <c r="HX17" s="310"/>
      <c r="HY17" s="311"/>
      <c r="HZ17" s="118">
        <v>0</v>
      </c>
      <c r="IA17" s="119">
        <v>0</v>
      </c>
      <c r="IB17" s="120">
        <v>0</v>
      </c>
      <c r="IC17" s="133">
        <v>0</v>
      </c>
      <c r="ID17" s="119">
        <v>1495364</v>
      </c>
      <c r="IE17" s="134">
        <v>1950756</v>
      </c>
      <c r="IF17" s="120">
        <v>3191895</v>
      </c>
      <c r="IG17" s="119">
        <v>1047549</v>
      </c>
      <c r="IH17" s="120">
        <v>130674</v>
      </c>
      <c r="II17" s="135">
        <v>7816238</v>
      </c>
      <c r="IJ17" s="126">
        <v>7816238</v>
      </c>
      <c r="IK17" s="219">
        <v>0</v>
      </c>
      <c r="IL17" s="223">
        <v>0</v>
      </c>
      <c r="IM17" s="224">
        <v>0</v>
      </c>
      <c r="IN17" s="127"/>
      <c r="IO17" s="109">
        <v>0</v>
      </c>
      <c r="IP17" s="109">
        <v>0</v>
      </c>
      <c r="IQ17" s="109">
        <v>586278</v>
      </c>
      <c r="IR17" s="109">
        <v>0</v>
      </c>
      <c r="IS17" s="109">
        <v>0</v>
      </c>
      <c r="IT17" s="128">
        <v>586278</v>
      </c>
      <c r="IU17" s="298">
        <v>586278</v>
      </c>
      <c r="IV17" s="129">
        <v>0</v>
      </c>
      <c r="IW17" s="109">
        <v>0</v>
      </c>
      <c r="IX17" s="110">
        <v>0</v>
      </c>
      <c r="IY17" s="131"/>
      <c r="IZ17" s="109">
        <v>0</v>
      </c>
      <c r="JA17" s="109">
        <v>0</v>
      </c>
      <c r="JB17" s="109">
        <v>0</v>
      </c>
      <c r="JC17" s="109">
        <v>0</v>
      </c>
      <c r="JD17" s="109">
        <v>0</v>
      </c>
      <c r="JE17" s="110">
        <v>0</v>
      </c>
      <c r="JF17" s="111">
        <v>0</v>
      </c>
      <c r="JG17" s="129">
        <v>0</v>
      </c>
      <c r="JH17" s="109">
        <v>0</v>
      </c>
      <c r="JI17" s="128">
        <v>0</v>
      </c>
      <c r="JJ17" s="108">
        <v>0</v>
      </c>
      <c r="JK17" s="109">
        <v>574969</v>
      </c>
      <c r="JL17" s="109">
        <v>443886</v>
      </c>
      <c r="JM17" s="109">
        <v>465914</v>
      </c>
      <c r="JN17" s="109">
        <v>240416</v>
      </c>
      <c r="JO17" s="109">
        <v>130674</v>
      </c>
      <c r="JP17" s="110">
        <v>1855859</v>
      </c>
      <c r="JQ17" s="298">
        <v>1855859</v>
      </c>
      <c r="JR17" s="129">
        <v>0</v>
      </c>
      <c r="JS17" s="109">
        <v>0</v>
      </c>
      <c r="JT17" s="128">
        <v>0</v>
      </c>
      <c r="JU17" s="108">
        <v>0</v>
      </c>
      <c r="JV17" s="109">
        <v>76972</v>
      </c>
      <c r="JW17" s="109">
        <v>495407</v>
      </c>
      <c r="JX17" s="109">
        <v>143884</v>
      </c>
      <c r="JY17" s="109">
        <v>0</v>
      </c>
      <c r="JZ17" s="109">
        <v>0</v>
      </c>
      <c r="KA17" s="110">
        <v>716263</v>
      </c>
      <c r="KB17" s="298">
        <v>716263</v>
      </c>
      <c r="KC17" s="221">
        <v>0</v>
      </c>
      <c r="KD17" s="217">
        <v>0</v>
      </c>
      <c r="KE17" s="110">
        <v>0</v>
      </c>
      <c r="KF17" s="108">
        <v>0</v>
      </c>
      <c r="KG17" s="109">
        <v>228554</v>
      </c>
      <c r="KH17" s="109">
        <v>333597</v>
      </c>
      <c r="KI17" s="109">
        <v>965027</v>
      </c>
      <c r="KJ17" s="109">
        <v>0</v>
      </c>
      <c r="KK17" s="109">
        <v>0</v>
      </c>
      <c r="KL17" s="110">
        <v>1527178</v>
      </c>
      <c r="KM17" s="130">
        <v>1527178</v>
      </c>
      <c r="KN17" s="219">
        <v>0</v>
      </c>
      <c r="KO17" s="223">
        <v>0</v>
      </c>
      <c r="KP17" s="224">
        <v>0</v>
      </c>
      <c r="KQ17" s="127"/>
      <c r="KR17" s="109">
        <v>479745</v>
      </c>
      <c r="KS17" s="109">
        <v>488406</v>
      </c>
      <c r="KT17" s="109">
        <v>1030792</v>
      </c>
      <c r="KU17" s="109">
        <v>525491</v>
      </c>
      <c r="KV17" s="109">
        <v>0</v>
      </c>
      <c r="KW17" s="110">
        <v>2524434</v>
      </c>
      <c r="KX17" s="298">
        <v>2524434</v>
      </c>
      <c r="KY17" s="129">
        <v>0</v>
      </c>
      <c r="KZ17" s="109">
        <v>0</v>
      </c>
      <c r="LA17" s="110">
        <v>0</v>
      </c>
      <c r="LB17" s="132"/>
      <c r="LC17" s="109">
        <v>0</v>
      </c>
      <c r="LD17" s="109">
        <v>0</v>
      </c>
      <c r="LE17" s="109">
        <v>0</v>
      </c>
      <c r="LF17" s="109">
        <v>0</v>
      </c>
      <c r="LG17" s="109">
        <v>0</v>
      </c>
      <c r="LH17" s="110">
        <v>0</v>
      </c>
      <c r="LI17" s="111">
        <v>0</v>
      </c>
      <c r="LJ17" s="129">
        <v>0</v>
      </c>
      <c r="LK17" s="109">
        <v>0</v>
      </c>
      <c r="LL17" s="110">
        <v>0</v>
      </c>
      <c r="LM17" s="132"/>
      <c r="LN17" s="109">
        <v>0</v>
      </c>
      <c r="LO17" s="109">
        <v>0</v>
      </c>
      <c r="LP17" s="109">
        <v>0</v>
      </c>
      <c r="LQ17" s="109">
        <v>0</v>
      </c>
      <c r="LR17" s="109">
        <v>0</v>
      </c>
      <c r="LS17" s="110">
        <v>0</v>
      </c>
      <c r="LT17" s="298">
        <v>0</v>
      </c>
      <c r="LU17" s="129">
        <v>0</v>
      </c>
      <c r="LV17" s="109">
        <v>0</v>
      </c>
      <c r="LW17" s="110">
        <v>0</v>
      </c>
      <c r="LX17" s="132"/>
      <c r="LY17" s="109">
        <v>135124</v>
      </c>
      <c r="LZ17" s="109">
        <v>189460</v>
      </c>
      <c r="MA17" s="109">
        <v>0</v>
      </c>
      <c r="MB17" s="109">
        <v>281642</v>
      </c>
      <c r="MC17" s="109">
        <v>0</v>
      </c>
      <c r="MD17" s="110">
        <v>606226</v>
      </c>
      <c r="ME17" s="111">
        <v>606226</v>
      </c>
      <c r="MF17" s="129">
        <v>0</v>
      </c>
      <c r="MG17" s="109">
        <v>0</v>
      </c>
      <c r="MH17" s="110">
        <v>0</v>
      </c>
      <c r="MI17" s="132"/>
      <c r="MJ17" s="109">
        <v>506447</v>
      </c>
      <c r="MK17" s="109">
        <v>253892</v>
      </c>
      <c r="ML17" s="109">
        <v>1473219</v>
      </c>
      <c r="MM17" s="109">
        <v>5762074</v>
      </c>
      <c r="MN17" s="109">
        <v>2395229</v>
      </c>
      <c r="MO17" s="110">
        <v>10390861</v>
      </c>
      <c r="MP17" s="130">
        <v>10390861</v>
      </c>
      <c r="MQ17" s="129">
        <v>0</v>
      </c>
      <c r="MR17" s="109">
        <v>0</v>
      </c>
      <c r="MS17" s="110">
        <v>0</v>
      </c>
      <c r="MT17" s="132"/>
      <c r="MU17" s="109">
        <v>0</v>
      </c>
      <c r="MV17" s="109">
        <v>0</v>
      </c>
      <c r="MW17" s="109">
        <v>944333</v>
      </c>
      <c r="MX17" s="109">
        <v>4221577</v>
      </c>
      <c r="MY17" s="109">
        <v>598391</v>
      </c>
      <c r="MZ17" s="110">
        <v>5764301</v>
      </c>
      <c r="NA17" s="130">
        <v>5764301</v>
      </c>
      <c r="NB17" s="129">
        <v>0</v>
      </c>
      <c r="NC17" s="109">
        <v>0</v>
      </c>
      <c r="ND17" s="110">
        <v>0</v>
      </c>
      <c r="NE17" s="132"/>
      <c r="NF17" s="109">
        <v>506447</v>
      </c>
      <c r="NG17" s="109">
        <v>253892</v>
      </c>
      <c r="NH17" s="109">
        <v>528886</v>
      </c>
      <c r="NI17" s="109">
        <v>1181056</v>
      </c>
      <c r="NJ17" s="109">
        <v>1796838</v>
      </c>
      <c r="NK17" s="110">
        <v>4267119</v>
      </c>
      <c r="NL17" s="298">
        <v>4267119</v>
      </c>
      <c r="NM17" s="129">
        <v>0</v>
      </c>
      <c r="NN17" s="109">
        <v>0</v>
      </c>
      <c r="NO17" s="110">
        <v>0</v>
      </c>
      <c r="NP17" s="132"/>
      <c r="NQ17" s="109">
        <v>0</v>
      </c>
      <c r="NR17" s="109">
        <v>0</v>
      </c>
      <c r="NS17" s="109">
        <v>0</v>
      </c>
      <c r="NT17" s="109">
        <v>0</v>
      </c>
      <c r="NU17" s="109">
        <v>0</v>
      </c>
      <c r="NV17" s="110">
        <v>0</v>
      </c>
      <c r="NW17" s="111">
        <v>0</v>
      </c>
      <c r="NX17" s="129">
        <v>0</v>
      </c>
      <c r="NY17" s="109">
        <v>0</v>
      </c>
      <c r="NZ17" s="110">
        <v>0</v>
      </c>
      <c r="OA17" s="132"/>
      <c r="OB17" s="109">
        <v>0</v>
      </c>
      <c r="OC17" s="109">
        <v>0</v>
      </c>
      <c r="OD17" s="109">
        <v>0</v>
      </c>
      <c r="OE17" s="109">
        <v>359441</v>
      </c>
      <c r="OF17" s="109">
        <v>0</v>
      </c>
      <c r="OG17" s="110">
        <v>359441</v>
      </c>
      <c r="OH17" s="111">
        <v>359441</v>
      </c>
      <c r="OI17" s="129">
        <v>697619</v>
      </c>
      <c r="OJ17" s="109">
        <v>762358</v>
      </c>
      <c r="OK17" s="128">
        <v>1459977</v>
      </c>
      <c r="OL17" s="108">
        <v>0</v>
      </c>
      <c r="OM17" s="109">
        <v>9108497</v>
      </c>
      <c r="ON17" s="109">
        <v>9423783</v>
      </c>
      <c r="OO17" s="109">
        <v>9713807</v>
      </c>
      <c r="OP17" s="109">
        <v>17105527</v>
      </c>
      <c r="OQ17" s="109">
        <v>6148503</v>
      </c>
      <c r="OR17" s="110">
        <v>51500117</v>
      </c>
      <c r="OS17" s="130">
        <v>52960094</v>
      </c>
    </row>
    <row r="18" spans="2:409" ht="21" customHeight="1" x14ac:dyDescent="0.2">
      <c r="B18" s="472" t="s">
        <v>12</v>
      </c>
      <c r="C18" s="100">
        <v>1357637</v>
      </c>
      <c r="D18" s="104">
        <v>2158816</v>
      </c>
      <c r="E18" s="103">
        <v>3516453</v>
      </c>
      <c r="F18" s="99">
        <v>0</v>
      </c>
      <c r="G18" s="104">
        <v>6797603</v>
      </c>
      <c r="H18" s="157">
        <v>10469315</v>
      </c>
      <c r="I18" s="157">
        <v>9216482</v>
      </c>
      <c r="J18" s="157">
        <v>11823151</v>
      </c>
      <c r="K18" s="157">
        <v>1944619</v>
      </c>
      <c r="L18" s="102">
        <v>40251170</v>
      </c>
      <c r="M18" s="106">
        <v>43767623</v>
      </c>
      <c r="N18" s="100">
        <v>411080</v>
      </c>
      <c r="O18" s="104">
        <v>886294</v>
      </c>
      <c r="P18" s="103">
        <v>1297374</v>
      </c>
      <c r="Q18" s="100">
        <v>0</v>
      </c>
      <c r="R18" s="104">
        <v>2074367</v>
      </c>
      <c r="S18" s="104">
        <v>3706515</v>
      </c>
      <c r="T18" s="104">
        <v>2986420</v>
      </c>
      <c r="U18" s="104">
        <v>4610298</v>
      </c>
      <c r="V18" s="104">
        <v>1276303</v>
      </c>
      <c r="W18" s="103">
        <v>14653903</v>
      </c>
      <c r="X18" s="106">
        <v>15951277</v>
      </c>
      <c r="Y18" s="100">
        <v>0</v>
      </c>
      <c r="Z18" s="104">
        <v>0</v>
      </c>
      <c r="AA18" s="103">
        <v>0</v>
      </c>
      <c r="AB18" s="100">
        <v>0</v>
      </c>
      <c r="AC18" s="104">
        <v>1233361</v>
      </c>
      <c r="AD18" s="104">
        <v>1810786</v>
      </c>
      <c r="AE18" s="104">
        <v>1880903</v>
      </c>
      <c r="AF18" s="104">
        <v>2979180</v>
      </c>
      <c r="AG18" s="104">
        <v>630175</v>
      </c>
      <c r="AH18" s="103">
        <v>8534405</v>
      </c>
      <c r="AI18" s="106">
        <v>8534405</v>
      </c>
      <c r="AJ18" s="100">
        <v>0</v>
      </c>
      <c r="AK18" s="104">
        <v>0</v>
      </c>
      <c r="AL18" s="103">
        <v>0</v>
      </c>
      <c r="AM18" s="100">
        <v>0</v>
      </c>
      <c r="AN18" s="104">
        <v>0</v>
      </c>
      <c r="AO18" s="104">
        <v>0</v>
      </c>
      <c r="AP18" s="104">
        <v>58456</v>
      </c>
      <c r="AQ18" s="104">
        <v>316267</v>
      </c>
      <c r="AR18" s="104">
        <v>140289</v>
      </c>
      <c r="AS18" s="103">
        <v>515012</v>
      </c>
      <c r="AT18" s="106">
        <v>515012</v>
      </c>
      <c r="AU18" s="100">
        <v>344656</v>
      </c>
      <c r="AV18" s="104">
        <v>770919</v>
      </c>
      <c r="AW18" s="103">
        <v>1115575</v>
      </c>
      <c r="AX18" s="100">
        <v>0</v>
      </c>
      <c r="AY18" s="104">
        <v>618413</v>
      </c>
      <c r="AZ18" s="104">
        <v>1267205</v>
      </c>
      <c r="BA18" s="104">
        <v>627769</v>
      </c>
      <c r="BB18" s="104">
        <v>811875</v>
      </c>
      <c r="BC18" s="104">
        <v>381759</v>
      </c>
      <c r="BD18" s="103">
        <v>3707021</v>
      </c>
      <c r="BE18" s="106">
        <v>4822596</v>
      </c>
      <c r="BF18" s="100">
        <v>0</v>
      </c>
      <c r="BG18" s="104">
        <v>58335</v>
      </c>
      <c r="BH18" s="102">
        <v>58335</v>
      </c>
      <c r="BI18" s="101">
        <v>0</v>
      </c>
      <c r="BJ18" s="104">
        <v>42553</v>
      </c>
      <c r="BK18" s="104">
        <v>144084</v>
      </c>
      <c r="BL18" s="104">
        <v>54980</v>
      </c>
      <c r="BM18" s="104">
        <v>42688</v>
      </c>
      <c r="BN18" s="104">
        <v>0</v>
      </c>
      <c r="BO18" s="103">
        <v>284305</v>
      </c>
      <c r="BP18" s="106">
        <v>342640</v>
      </c>
      <c r="BQ18" s="100">
        <v>66424</v>
      </c>
      <c r="BR18" s="104">
        <v>57040</v>
      </c>
      <c r="BS18" s="103">
        <v>123464</v>
      </c>
      <c r="BT18" s="100">
        <v>0</v>
      </c>
      <c r="BU18" s="104">
        <v>180040</v>
      </c>
      <c r="BV18" s="104">
        <v>484440</v>
      </c>
      <c r="BW18" s="104">
        <v>364312</v>
      </c>
      <c r="BX18" s="104">
        <v>460288</v>
      </c>
      <c r="BY18" s="104">
        <v>124080</v>
      </c>
      <c r="BZ18" s="103">
        <v>1613160</v>
      </c>
      <c r="CA18" s="106">
        <v>1736624</v>
      </c>
      <c r="CB18" s="100">
        <v>148190</v>
      </c>
      <c r="CC18" s="104">
        <v>460835</v>
      </c>
      <c r="CD18" s="103">
        <v>609025</v>
      </c>
      <c r="CE18" s="100">
        <v>0</v>
      </c>
      <c r="CF18" s="104">
        <v>2666698</v>
      </c>
      <c r="CG18" s="104">
        <v>2577118</v>
      </c>
      <c r="CH18" s="104">
        <v>2876976</v>
      </c>
      <c r="CI18" s="104">
        <v>1883411</v>
      </c>
      <c r="CJ18" s="104">
        <v>268432</v>
      </c>
      <c r="CK18" s="103">
        <v>10272635</v>
      </c>
      <c r="CL18" s="106">
        <v>10881660</v>
      </c>
      <c r="CM18" s="100">
        <v>0</v>
      </c>
      <c r="CN18" s="104">
        <v>0</v>
      </c>
      <c r="CO18" s="103">
        <v>0</v>
      </c>
      <c r="CP18" s="101">
        <v>0</v>
      </c>
      <c r="CQ18" s="104">
        <v>2316225</v>
      </c>
      <c r="CR18" s="104">
        <v>1690129</v>
      </c>
      <c r="CS18" s="104">
        <v>1896657</v>
      </c>
      <c r="CT18" s="104">
        <v>1400798</v>
      </c>
      <c r="CU18" s="104">
        <v>268432</v>
      </c>
      <c r="CV18" s="103">
        <v>7572241</v>
      </c>
      <c r="CW18" s="106">
        <v>7572241</v>
      </c>
      <c r="CX18" s="100">
        <v>148190</v>
      </c>
      <c r="CY18" s="104">
        <v>460835</v>
      </c>
      <c r="CZ18" s="103">
        <v>609025</v>
      </c>
      <c r="DA18" s="100">
        <v>0</v>
      </c>
      <c r="DB18" s="104">
        <v>350473</v>
      </c>
      <c r="DC18" s="104">
        <v>886989</v>
      </c>
      <c r="DD18" s="104">
        <v>980319</v>
      </c>
      <c r="DE18" s="104">
        <v>482613</v>
      </c>
      <c r="DF18" s="104">
        <v>0</v>
      </c>
      <c r="DG18" s="103">
        <v>2700394</v>
      </c>
      <c r="DH18" s="106">
        <v>3309419</v>
      </c>
      <c r="DI18" s="100">
        <v>0</v>
      </c>
      <c r="DJ18" s="104">
        <v>45372</v>
      </c>
      <c r="DK18" s="102">
        <v>45372</v>
      </c>
      <c r="DL18" s="101">
        <v>0</v>
      </c>
      <c r="DM18" s="104">
        <v>388970</v>
      </c>
      <c r="DN18" s="104">
        <v>717935</v>
      </c>
      <c r="DO18" s="104">
        <v>434926</v>
      </c>
      <c r="DP18" s="104">
        <v>1103281</v>
      </c>
      <c r="DQ18" s="104">
        <v>0</v>
      </c>
      <c r="DR18" s="103">
        <v>2645112</v>
      </c>
      <c r="DS18" s="106">
        <v>2690484</v>
      </c>
      <c r="DT18" s="100">
        <v>0</v>
      </c>
      <c r="DU18" s="104">
        <v>45372</v>
      </c>
      <c r="DV18" s="103">
        <v>45372</v>
      </c>
      <c r="DW18" s="100">
        <v>0</v>
      </c>
      <c r="DX18" s="104">
        <v>388970</v>
      </c>
      <c r="DY18" s="104">
        <v>717935</v>
      </c>
      <c r="DZ18" s="104">
        <v>395271</v>
      </c>
      <c r="EA18" s="104">
        <v>1058957</v>
      </c>
      <c r="EB18" s="104">
        <v>0</v>
      </c>
      <c r="EC18" s="103">
        <v>2561133</v>
      </c>
      <c r="ED18" s="106">
        <v>2606505</v>
      </c>
      <c r="EE18" s="100">
        <v>0</v>
      </c>
      <c r="EF18" s="102">
        <v>0</v>
      </c>
      <c r="EG18" s="103">
        <v>0</v>
      </c>
      <c r="EH18" s="100">
        <v>0</v>
      </c>
      <c r="EI18" s="104">
        <v>0</v>
      </c>
      <c r="EJ18" s="104">
        <v>0</v>
      </c>
      <c r="EK18" s="104">
        <v>39655</v>
      </c>
      <c r="EL18" s="104">
        <v>44324</v>
      </c>
      <c r="EM18" s="104">
        <v>0</v>
      </c>
      <c r="EN18" s="102">
        <v>83979</v>
      </c>
      <c r="EO18" s="106">
        <v>83979</v>
      </c>
      <c r="EP18" s="100">
        <v>0</v>
      </c>
      <c r="EQ18" s="104">
        <v>0</v>
      </c>
      <c r="ER18" s="102">
        <v>0</v>
      </c>
      <c r="ES18" s="101">
        <v>0</v>
      </c>
      <c r="ET18" s="104">
        <v>0</v>
      </c>
      <c r="EU18" s="104">
        <v>0</v>
      </c>
      <c r="EV18" s="104">
        <v>0</v>
      </c>
      <c r="EW18" s="104">
        <v>0</v>
      </c>
      <c r="EX18" s="104">
        <v>0</v>
      </c>
      <c r="EY18" s="103">
        <v>0</v>
      </c>
      <c r="EZ18" s="106">
        <v>0</v>
      </c>
      <c r="FA18" s="100">
        <v>0</v>
      </c>
      <c r="FB18" s="104">
        <v>0</v>
      </c>
      <c r="FC18" s="102">
        <v>0</v>
      </c>
      <c r="FD18" s="324"/>
      <c r="FE18" s="104">
        <v>0</v>
      </c>
      <c r="FF18" s="104">
        <v>0</v>
      </c>
      <c r="FG18" s="104">
        <v>0</v>
      </c>
      <c r="FH18" s="104">
        <v>0</v>
      </c>
      <c r="FI18" s="104">
        <v>0</v>
      </c>
      <c r="FJ18" s="103">
        <v>0</v>
      </c>
      <c r="FK18" s="106">
        <v>0</v>
      </c>
      <c r="FL18" s="100">
        <v>580672</v>
      </c>
      <c r="FM18" s="104">
        <v>528384</v>
      </c>
      <c r="FN18" s="103">
        <v>1109056</v>
      </c>
      <c r="FO18" s="100">
        <v>0</v>
      </c>
      <c r="FP18" s="104">
        <v>327492</v>
      </c>
      <c r="FQ18" s="104">
        <v>1064536</v>
      </c>
      <c r="FR18" s="104">
        <v>876232</v>
      </c>
      <c r="FS18" s="104">
        <v>1125136</v>
      </c>
      <c r="FT18" s="104">
        <v>160880</v>
      </c>
      <c r="FU18" s="103">
        <v>3554276</v>
      </c>
      <c r="FV18" s="106">
        <v>4663332</v>
      </c>
      <c r="FW18" s="105">
        <v>88272</v>
      </c>
      <c r="FX18" s="104">
        <v>370864</v>
      </c>
      <c r="FY18" s="102">
        <v>459136</v>
      </c>
      <c r="FZ18" s="101">
        <v>0</v>
      </c>
      <c r="GA18" s="104">
        <v>201872</v>
      </c>
      <c r="GB18" s="104">
        <v>1064536</v>
      </c>
      <c r="GC18" s="104">
        <v>758840</v>
      </c>
      <c r="GD18" s="104">
        <v>965136</v>
      </c>
      <c r="GE18" s="104">
        <v>160880</v>
      </c>
      <c r="GF18" s="103">
        <v>3151264</v>
      </c>
      <c r="GG18" s="296">
        <v>3610400</v>
      </c>
      <c r="GH18" s="105">
        <v>18480</v>
      </c>
      <c r="GI18" s="104">
        <v>0</v>
      </c>
      <c r="GJ18" s="102">
        <v>18480</v>
      </c>
      <c r="GK18" s="101">
        <v>0</v>
      </c>
      <c r="GL18" s="104">
        <v>29700</v>
      </c>
      <c r="GM18" s="104">
        <v>0</v>
      </c>
      <c r="GN18" s="104">
        <v>59928</v>
      </c>
      <c r="GO18" s="104">
        <v>0</v>
      </c>
      <c r="GP18" s="104">
        <v>0</v>
      </c>
      <c r="GQ18" s="103">
        <v>89628</v>
      </c>
      <c r="GR18" s="106">
        <v>108108</v>
      </c>
      <c r="GS18" s="100">
        <v>473920</v>
      </c>
      <c r="GT18" s="104">
        <v>157520</v>
      </c>
      <c r="GU18" s="103">
        <v>631440</v>
      </c>
      <c r="GV18" s="100">
        <v>0</v>
      </c>
      <c r="GW18" s="104">
        <v>95920</v>
      </c>
      <c r="GX18" s="104">
        <v>0</v>
      </c>
      <c r="GY18" s="104">
        <v>57464</v>
      </c>
      <c r="GZ18" s="104">
        <v>160000</v>
      </c>
      <c r="HA18" s="104">
        <v>0</v>
      </c>
      <c r="HB18" s="102">
        <v>313384</v>
      </c>
      <c r="HC18" s="106">
        <v>944824</v>
      </c>
      <c r="HD18" s="100">
        <v>217695</v>
      </c>
      <c r="HE18" s="104">
        <v>237931</v>
      </c>
      <c r="HF18" s="102">
        <v>455626</v>
      </c>
      <c r="HG18" s="101">
        <v>0</v>
      </c>
      <c r="HH18" s="104">
        <v>1340076</v>
      </c>
      <c r="HI18" s="104">
        <v>2403211</v>
      </c>
      <c r="HJ18" s="104">
        <v>2041928</v>
      </c>
      <c r="HK18" s="104">
        <v>3101025</v>
      </c>
      <c r="HL18" s="104">
        <v>239004</v>
      </c>
      <c r="HM18" s="103">
        <v>9125244</v>
      </c>
      <c r="HN18" s="99">
        <v>9580870</v>
      </c>
      <c r="HO18" s="306"/>
      <c r="HP18" s="307"/>
      <c r="HQ18" s="308"/>
      <c r="HR18" s="309"/>
      <c r="HS18" s="307"/>
      <c r="HT18" s="307"/>
      <c r="HU18" s="307"/>
      <c r="HV18" s="307"/>
      <c r="HW18" s="307"/>
      <c r="HX18" s="310"/>
      <c r="HY18" s="311"/>
      <c r="HZ18" s="137">
        <v>0</v>
      </c>
      <c r="IA18" s="122">
        <v>0</v>
      </c>
      <c r="IB18" s="137">
        <v>0</v>
      </c>
      <c r="IC18" s="121">
        <v>0</v>
      </c>
      <c r="ID18" s="122">
        <v>1998296</v>
      </c>
      <c r="IE18" s="123">
        <v>2761354</v>
      </c>
      <c r="IF18" s="124">
        <v>2135588</v>
      </c>
      <c r="IG18" s="122">
        <v>2995266</v>
      </c>
      <c r="IH18" s="124">
        <v>2396327</v>
      </c>
      <c r="II18" s="125">
        <v>12286831</v>
      </c>
      <c r="IJ18" s="137">
        <v>12286831</v>
      </c>
      <c r="IK18" s="219">
        <v>0</v>
      </c>
      <c r="IL18" s="223">
        <v>0</v>
      </c>
      <c r="IM18" s="224">
        <v>0</v>
      </c>
      <c r="IN18" s="127"/>
      <c r="IO18" s="109">
        <v>72177</v>
      </c>
      <c r="IP18" s="109">
        <v>108120</v>
      </c>
      <c r="IQ18" s="109">
        <v>0</v>
      </c>
      <c r="IR18" s="109">
        <v>0</v>
      </c>
      <c r="IS18" s="109">
        <v>0</v>
      </c>
      <c r="IT18" s="128">
        <v>180297</v>
      </c>
      <c r="IU18" s="298">
        <v>180297</v>
      </c>
      <c r="IV18" s="129">
        <v>0</v>
      </c>
      <c r="IW18" s="109">
        <v>0</v>
      </c>
      <c r="IX18" s="110">
        <v>0</v>
      </c>
      <c r="IY18" s="131"/>
      <c r="IZ18" s="109">
        <v>0</v>
      </c>
      <c r="JA18" s="109">
        <v>0</v>
      </c>
      <c r="JB18" s="109">
        <v>0</v>
      </c>
      <c r="JC18" s="109">
        <v>0</v>
      </c>
      <c r="JD18" s="109">
        <v>0</v>
      </c>
      <c r="JE18" s="110">
        <v>0</v>
      </c>
      <c r="JF18" s="111">
        <v>0</v>
      </c>
      <c r="JG18" s="129">
        <v>0</v>
      </c>
      <c r="JH18" s="109">
        <v>0</v>
      </c>
      <c r="JI18" s="128">
        <v>0</v>
      </c>
      <c r="JJ18" s="108">
        <v>0</v>
      </c>
      <c r="JK18" s="109">
        <v>1198716</v>
      </c>
      <c r="JL18" s="109">
        <v>973887</v>
      </c>
      <c r="JM18" s="109">
        <v>690365</v>
      </c>
      <c r="JN18" s="109">
        <v>344470</v>
      </c>
      <c r="JO18" s="109">
        <v>110309</v>
      </c>
      <c r="JP18" s="110">
        <v>3317747</v>
      </c>
      <c r="JQ18" s="298">
        <v>3317747</v>
      </c>
      <c r="JR18" s="129">
        <v>0</v>
      </c>
      <c r="JS18" s="109">
        <v>0</v>
      </c>
      <c r="JT18" s="128">
        <v>0</v>
      </c>
      <c r="JU18" s="108">
        <v>0</v>
      </c>
      <c r="JV18" s="109">
        <v>0</v>
      </c>
      <c r="JW18" s="109">
        <v>0</v>
      </c>
      <c r="JX18" s="109">
        <v>0</v>
      </c>
      <c r="JY18" s="109">
        <v>0</v>
      </c>
      <c r="JZ18" s="109">
        <v>0</v>
      </c>
      <c r="KA18" s="110">
        <v>0</v>
      </c>
      <c r="KB18" s="298">
        <v>0</v>
      </c>
      <c r="KC18" s="221">
        <v>0</v>
      </c>
      <c r="KD18" s="217">
        <v>0</v>
      </c>
      <c r="KE18" s="110">
        <v>0</v>
      </c>
      <c r="KF18" s="108">
        <v>0</v>
      </c>
      <c r="KG18" s="109">
        <v>121924</v>
      </c>
      <c r="KH18" s="109">
        <v>360235</v>
      </c>
      <c r="KI18" s="109">
        <v>720723</v>
      </c>
      <c r="KJ18" s="109">
        <v>818727</v>
      </c>
      <c r="KK18" s="109">
        <v>898883</v>
      </c>
      <c r="KL18" s="110">
        <v>2920492</v>
      </c>
      <c r="KM18" s="130">
        <v>2920492</v>
      </c>
      <c r="KN18" s="219">
        <v>0</v>
      </c>
      <c r="KO18" s="223">
        <v>0</v>
      </c>
      <c r="KP18" s="224">
        <v>0</v>
      </c>
      <c r="KQ18" s="127"/>
      <c r="KR18" s="109">
        <v>605479</v>
      </c>
      <c r="KS18" s="109">
        <v>500043</v>
      </c>
      <c r="KT18" s="109">
        <v>255163</v>
      </c>
      <c r="KU18" s="109">
        <v>785195</v>
      </c>
      <c r="KV18" s="109">
        <v>786037</v>
      </c>
      <c r="KW18" s="110">
        <v>2931917</v>
      </c>
      <c r="KX18" s="298">
        <v>2931917</v>
      </c>
      <c r="KY18" s="129">
        <v>0</v>
      </c>
      <c r="KZ18" s="109">
        <v>0</v>
      </c>
      <c r="LA18" s="110">
        <v>0</v>
      </c>
      <c r="LB18" s="132"/>
      <c r="LC18" s="109">
        <v>0</v>
      </c>
      <c r="LD18" s="109">
        <v>564849</v>
      </c>
      <c r="LE18" s="109">
        <v>209350</v>
      </c>
      <c r="LF18" s="109">
        <v>454582</v>
      </c>
      <c r="LG18" s="109">
        <v>0</v>
      </c>
      <c r="LH18" s="110">
        <v>1228781</v>
      </c>
      <c r="LI18" s="111">
        <v>1228781</v>
      </c>
      <c r="LJ18" s="129">
        <v>0</v>
      </c>
      <c r="LK18" s="109">
        <v>0</v>
      </c>
      <c r="LL18" s="110">
        <v>0</v>
      </c>
      <c r="LM18" s="132"/>
      <c r="LN18" s="109">
        <v>0</v>
      </c>
      <c r="LO18" s="109">
        <v>0</v>
      </c>
      <c r="LP18" s="109">
        <v>259987</v>
      </c>
      <c r="LQ18" s="109">
        <v>0</v>
      </c>
      <c r="LR18" s="109">
        <v>601098</v>
      </c>
      <c r="LS18" s="110">
        <v>861085</v>
      </c>
      <c r="LT18" s="298">
        <v>861085</v>
      </c>
      <c r="LU18" s="129">
        <v>0</v>
      </c>
      <c r="LV18" s="109">
        <v>0</v>
      </c>
      <c r="LW18" s="110">
        <v>0</v>
      </c>
      <c r="LX18" s="132"/>
      <c r="LY18" s="109">
        <v>0</v>
      </c>
      <c r="LZ18" s="109">
        <v>254220</v>
      </c>
      <c r="MA18" s="109">
        <v>0</v>
      </c>
      <c r="MB18" s="109">
        <v>592292</v>
      </c>
      <c r="MC18" s="109">
        <v>0</v>
      </c>
      <c r="MD18" s="110">
        <v>846512</v>
      </c>
      <c r="ME18" s="111">
        <v>846512</v>
      </c>
      <c r="MF18" s="129">
        <v>0</v>
      </c>
      <c r="MG18" s="109">
        <v>0</v>
      </c>
      <c r="MH18" s="110">
        <v>0</v>
      </c>
      <c r="MI18" s="132"/>
      <c r="MJ18" s="109">
        <v>490045</v>
      </c>
      <c r="MK18" s="109">
        <v>586992</v>
      </c>
      <c r="ML18" s="109">
        <v>3388067</v>
      </c>
      <c r="MM18" s="109">
        <v>5325364</v>
      </c>
      <c r="MN18" s="109">
        <v>3588811</v>
      </c>
      <c r="MO18" s="110">
        <v>13379279</v>
      </c>
      <c r="MP18" s="130">
        <v>13379279</v>
      </c>
      <c r="MQ18" s="129">
        <v>0</v>
      </c>
      <c r="MR18" s="109">
        <v>0</v>
      </c>
      <c r="MS18" s="110">
        <v>0</v>
      </c>
      <c r="MT18" s="132"/>
      <c r="MU18" s="109">
        <v>0</v>
      </c>
      <c r="MV18" s="109">
        <v>0</v>
      </c>
      <c r="MW18" s="109">
        <v>1291581</v>
      </c>
      <c r="MX18" s="109">
        <v>3007961</v>
      </c>
      <c r="MY18" s="109">
        <v>2238041</v>
      </c>
      <c r="MZ18" s="110">
        <v>6537583</v>
      </c>
      <c r="NA18" s="130">
        <v>6537583</v>
      </c>
      <c r="NB18" s="129">
        <v>0</v>
      </c>
      <c r="NC18" s="109">
        <v>0</v>
      </c>
      <c r="ND18" s="110">
        <v>0</v>
      </c>
      <c r="NE18" s="132"/>
      <c r="NF18" s="109">
        <v>490045</v>
      </c>
      <c r="NG18" s="109">
        <v>586992</v>
      </c>
      <c r="NH18" s="109">
        <v>2096486</v>
      </c>
      <c r="NI18" s="109">
        <v>2203779</v>
      </c>
      <c r="NJ18" s="109">
        <v>973974</v>
      </c>
      <c r="NK18" s="110">
        <v>6351276</v>
      </c>
      <c r="NL18" s="298">
        <v>6351276</v>
      </c>
      <c r="NM18" s="129">
        <v>0</v>
      </c>
      <c r="NN18" s="109">
        <v>0</v>
      </c>
      <c r="NO18" s="110">
        <v>0</v>
      </c>
      <c r="NP18" s="132"/>
      <c r="NQ18" s="109">
        <v>0</v>
      </c>
      <c r="NR18" s="109">
        <v>0</v>
      </c>
      <c r="NS18" s="109">
        <v>0</v>
      </c>
      <c r="NT18" s="109">
        <v>0</v>
      </c>
      <c r="NU18" s="109">
        <v>0</v>
      </c>
      <c r="NV18" s="110">
        <v>0</v>
      </c>
      <c r="NW18" s="111">
        <v>0</v>
      </c>
      <c r="NX18" s="129">
        <v>0</v>
      </c>
      <c r="NY18" s="109">
        <v>0</v>
      </c>
      <c r="NZ18" s="110">
        <v>0</v>
      </c>
      <c r="OA18" s="132"/>
      <c r="OB18" s="109">
        <v>0</v>
      </c>
      <c r="OC18" s="109">
        <v>0</v>
      </c>
      <c r="OD18" s="109">
        <v>0</v>
      </c>
      <c r="OE18" s="109">
        <v>113624</v>
      </c>
      <c r="OF18" s="109">
        <v>376796</v>
      </c>
      <c r="OG18" s="110">
        <v>490420</v>
      </c>
      <c r="OH18" s="111">
        <v>490420</v>
      </c>
      <c r="OI18" s="129">
        <v>1357637</v>
      </c>
      <c r="OJ18" s="109">
        <v>2158816</v>
      </c>
      <c r="OK18" s="128">
        <v>3516453</v>
      </c>
      <c r="OL18" s="108">
        <v>0</v>
      </c>
      <c r="OM18" s="109">
        <v>9285944</v>
      </c>
      <c r="ON18" s="109">
        <v>13817661</v>
      </c>
      <c r="OO18" s="109">
        <v>14740137</v>
      </c>
      <c r="OP18" s="109">
        <v>20143781</v>
      </c>
      <c r="OQ18" s="109">
        <v>7929757</v>
      </c>
      <c r="OR18" s="110">
        <v>65917280</v>
      </c>
      <c r="OS18" s="130">
        <v>69433733</v>
      </c>
    </row>
    <row r="19" spans="2:409" ht="21" customHeight="1" x14ac:dyDescent="0.2">
      <c r="B19" s="472" t="s">
        <v>13</v>
      </c>
      <c r="C19" s="100">
        <v>83889</v>
      </c>
      <c r="D19" s="104">
        <v>166358</v>
      </c>
      <c r="E19" s="103">
        <v>250247</v>
      </c>
      <c r="F19" s="100">
        <v>0</v>
      </c>
      <c r="G19" s="157">
        <v>2685602</v>
      </c>
      <c r="H19" s="104">
        <v>5497534</v>
      </c>
      <c r="I19" s="104">
        <v>4631884</v>
      </c>
      <c r="J19" s="104">
        <v>5648848</v>
      </c>
      <c r="K19" s="104">
        <v>3403378</v>
      </c>
      <c r="L19" s="102">
        <v>21867246</v>
      </c>
      <c r="M19" s="106">
        <v>22117493</v>
      </c>
      <c r="N19" s="100">
        <v>24340</v>
      </c>
      <c r="O19" s="104">
        <v>93075</v>
      </c>
      <c r="P19" s="103">
        <v>117415</v>
      </c>
      <c r="Q19" s="100">
        <v>0</v>
      </c>
      <c r="R19" s="104">
        <v>867589</v>
      </c>
      <c r="S19" s="104">
        <v>1627448</v>
      </c>
      <c r="T19" s="104">
        <v>1592789</v>
      </c>
      <c r="U19" s="104">
        <v>2779838</v>
      </c>
      <c r="V19" s="104">
        <v>1979476</v>
      </c>
      <c r="W19" s="103">
        <v>8847140</v>
      </c>
      <c r="X19" s="106">
        <v>8964555</v>
      </c>
      <c r="Y19" s="100">
        <v>0</v>
      </c>
      <c r="Z19" s="104">
        <v>0</v>
      </c>
      <c r="AA19" s="103">
        <v>0</v>
      </c>
      <c r="AB19" s="100">
        <v>0</v>
      </c>
      <c r="AC19" s="104">
        <v>323633</v>
      </c>
      <c r="AD19" s="104">
        <v>447316</v>
      </c>
      <c r="AE19" s="104">
        <v>865881</v>
      </c>
      <c r="AF19" s="104">
        <v>1817602</v>
      </c>
      <c r="AG19" s="104">
        <v>1114342</v>
      </c>
      <c r="AH19" s="103">
        <v>4568774</v>
      </c>
      <c r="AI19" s="106">
        <v>4568774</v>
      </c>
      <c r="AJ19" s="100">
        <v>0</v>
      </c>
      <c r="AK19" s="104">
        <v>0</v>
      </c>
      <c r="AL19" s="103">
        <v>0</v>
      </c>
      <c r="AM19" s="100">
        <v>0</v>
      </c>
      <c r="AN19" s="104">
        <v>0</v>
      </c>
      <c r="AO19" s="104">
        <v>48292</v>
      </c>
      <c r="AP19" s="104">
        <v>24150</v>
      </c>
      <c r="AQ19" s="104">
        <v>118823</v>
      </c>
      <c r="AR19" s="104">
        <v>179216</v>
      </c>
      <c r="AS19" s="103">
        <v>370481</v>
      </c>
      <c r="AT19" s="106">
        <v>370481</v>
      </c>
      <c r="AU19" s="100">
        <v>0</v>
      </c>
      <c r="AV19" s="104">
        <v>93075</v>
      </c>
      <c r="AW19" s="103">
        <v>93075</v>
      </c>
      <c r="AX19" s="100">
        <v>0</v>
      </c>
      <c r="AY19" s="104">
        <v>310722</v>
      </c>
      <c r="AZ19" s="104">
        <v>794320</v>
      </c>
      <c r="BA19" s="104">
        <v>464209</v>
      </c>
      <c r="BB19" s="104">
        <v>501571</v>
      </c>
      <c r="BC19" s="104">
        <v>511729</v>
      </c>
      <c r="BD19" s="103">
        <v>2582551</v>
      </c>
      <c r="BE19" s="106">
        <v>2675626</v>
      </c>
      <c r="BF19" s="100">
        <v>16084</v>
      </c>
      <c r="BG19" s="104">
        <v>0</v>
      </c>
      <c r="BH19" s="102">
        <v>16084</v>
      </c>
      <c r="BI19" s="101">
        <v>0</v>
      </c>
      <c r="BJ19" s="104">
        <v>47490</v>
      </c>
      <c r="BK19" s="104">
        <v>31416</v>
      </c>
      <c r="BL19" s="104">
        <v>21933</v>
      </c>
      <c r="BM19" s="104">
        <v>89210</v>
      </c>
      <c r="BN19" s="104">
        <v>21933</v>
      </c>
      <c r="BO19" s="103">
        <v>211982</v>
      </c>
      <c r="BP19" s="106">
        <v>228066</v>
      </c>
      <c r="BQ19" s="100">
        <v>8256</v>
      </c>
      <c r="BR19" s="104">
        <v>0</v>
      </c>
      <c r="BS19" s="103">
        <v>8256</v>
      </c>
      <c r="BT19" s="100">
        <v>0</v>
      </c>
      <c r="BU19" s="104">
        <v>185744</v>
      </c>
      <c r="BV19" s="104">
        <v>306104</v>
      </c>
      <c r="BW19" s="104">
        <v>216616</v>
      </c>
      <c r="BX19" s="104">
        <v>252632</v>
      </c>
      <c r="BY19" s="104">
        <v>152256</v>
      </c>
      <c r="BZ19" s="103">
        <v>1113352</v>
      </c>
      <c r="CA19" s="106">
        <v>1121608</v>
      </c>
      <c r="CB19" s="100">
        <v>0</v>
      </c>
      <c r="CC19" s="104">
        <v>40115</v>
      </c>
      <c r="CD19" s="103">
        <v>40115</v>
      </c>
      <c r="CE19" s="100">
        <v>0</v>
      </c>
      <c r="CF19" s="104">
        <v>547221</v>
      </c>
      <c r="CG19" s="104">
        <v>1207640</v>
      </c>
      <c r="CH19" s="104">
        <v>1271651</v>
      </c>
      <c r="CI19" s="104">
        <v>742777</v>
      </c>
      <c r="CJ19" s="104">
        <v>357094</v>
      </c>
      <c r="CK19" s="103">
        <v>4126383</v>
      </c>
      <c r="CL19" s="106">
        <v>4166498</v>
      </c>
      <c r="CM19" s="100">
        <v>0</v>
      </c>
      <c r="CN19" s="104">
        <v>0</v>
      </c>
      <c r="CO19" s="103">
        <v>0</v>
      </c>
      <c r="CP19" s="101">
        <v>0</v>
      </c>
      <c r="CQ19" s="104">
        <v>456834</v>
      </c>
      <c r="CR19" s="104">
        <v>1052849</v>
      </c>
      <c r="CS19" s="104">
        <v>1095195</v>
      </c>
      <c r="CT19" s="104">
        <v>603970</v>
      </c>
      <c r="CU19" s="104">
        <v>41063</v>
      </c>
      <c r="CV19" s="103">
        <v>3249911</v>
      </c>
      <c r="CW19" s="106">
        <v>3249911</v>
      </c>
      <c r="CX19" s="100">
        <v>0</v>
      </c>
      <c r="CY19" s="104">
        <v>40115</v>
      </c>
      <c r="CZ19" s="103">
        <v>40115</v>
      </c>
      <c r="DA19" s="100">
        <v>0</v>
      </c>
      <c r="DB19" s="104">
        <v>90387</v>
      </c>
      <c r="DC19" s="104">
        <v>154791</v>
      </c>
      <c r="DD19" s="104">
        <v>176456</v>
      </c>
      <c r="DE19" s="104">
        <v>138807</v>
      </c>
      <c r="DF19" s="104">
        <v>316031</v>
      </c>
      <c r="DG19" s="103">
        <v>876472</v>
      </c>
      <c r="DH19" s="106">
        <v>916587</v>
      </c>
      <c r="DI19" s="100">
        <v>0</v>
      </c>
      <c r="DJ19" s="104">
        <v>0</v>
      </c>
      <c r="DK19" s="102">
        <v>0</v>
      </c>
      <c r="DL19" s="101">
        <v>0</v>
      </c>
      <c r="DM19" s="104">
        <v>48649</v>
      </c>
      <c r="DN19" s="104">
        <v>191895</v>
      </c>
      <c r="DO19" s="104">
        <v>117552</v>
      </c>
      <c r="DP19" s="104">
        <v>450111</v>
      </c>
      <c r="DQ19" s="104">
        <v>93018</v>
      </c>
      <c r="DR19" s="103">
        <v>901225</v>
      </c>
      <c r="DS19" s="106">
        <v>901225</v>
      </c>
      <c r="DT19" s="100">
        <v>0</v>
      </c>
      <c r="DU19" s="104">
        <v>0</v>
      </c>
      <c r="DV19" s="103">
        <v>0</v>
      </c>
      <c r="DW19" s="100">
        <v>0</v>
      </c>
      <c r="DX19" s="104">
        <v>48649</v>
      </c>
      <c r="DY19" s="104">
        <v>191895</v>
      </c>
      <c r="DZ19" s="104">
        <v>117552</v>
      </c>
      <c r="EA19" s="104">
        <v>450111</v>
      </c>
      <c r="EB19" s="104">
        <v>73629</v>
      </c>
      <c r="EC19" s="103">
        <v>881836</v>
      </c>
      <c r="ED19" s="106">
        <v>881836</v>
      </c>
      <c r="EE19" s="100">
        <v>0</v>
      </c>
      <c r="EF19" s="102">
        <v>0</v>
      </c>
      <c r="EG19" s="103">
        <v>0</v>
      </c>
      <c r="EH19" s="100">
        <v>0</v>
      </c>
      <c r="EI19" s="104">
        <v>0</v>
      </c>
      <c r="EJ19" s="104">
        <v>0</v>
      </c>
      <c r="EK19" s="104">
        <v>0</v>
      </c>
      <c r="EL19" s="104">
        <v>0</v>
      </c>
      <c r="EM19" s="104">
        <v>19389</v>
      </c>
      <c r="EN19" s="102">
        <v>19389</v>
      </c>
      <c r="EO19" s="106">
        <v>19389</v>
      </c>
      <c r="EP19" s="100">
        <v>0</v>
      </c>
      <c r="EQ19" s="104">
        <v>0</v>
      </c>
      <c r="ER19" s="102">
        <v>0</v>
      </c>
      <c r="ES19" s="101">
        <v>0</v>
      </c>
      <c r="ET19" s="104">
        <v>0</v>
      </c>
      <c r="EU19" s="104">
        <v>0</v>
      </c>
      <c r="EV19" s="104">
        <v>0</v>
      </c>
      <c r="EW19" s="104">
        <v>0</v>
      </c>
      <c r="EX19" s="104">
        <v>0</v>
      </c>
      <c r="EY19" s="103">
        <v>0</v>
      </c>
      <c r="EZ19" s="106">
        <v>0</v>
      </c>
      <c r="FA19" s="100">
        <v>0</v>
      </c>
      <c r="FB19" s="104">
        <v>0</v>
      </c>
      <c r="FC19" s="102">
        <v>0</v>
      </c>
      <c r="FD19" s="324"/>
      <c r="FE19" s="104">
        <v>0</v>
      </c>
      <c r="FF19" s="104">
        <v>0</v>
      </c>
      <c r="FG19" s="104">
        <v>0</v>
      </c>
      <c r="FH19" s="104">
        <v>0</v>
      </c>
      <c r="FI19" s="104">
        <v>0</v>
      </c>
      <c r="FJ19" s="103">
        <v>0</v>
      </c>
      <c r="FK19" s="106">
        <v>0</v>
      </c>
      <c r="FL19" s="100">
        <v>8720</v>
      </c>
      <c r="FM19" s="104">
        <v>33168</v>
      </c>
      <c r="FN19" s="103">
        <v>41888</v>
      </c>
      <c r="FO19" s="100">
        <v>0</v>
      </c>
      <c r="FP19" s="104">
        <v>92104</v>
      </c>
      <c r="FQ19" s="104">
        <v>495160</v>
      </c>
      <c r="FR19" s="104">
        <v>320848</v>
      </c>
      <c r="FS19" s="104">
        <v>359544</v>
      </c>
      <c r="FT19" s="104">
        <v>254720</v>
      </c>
      <c r="FU19" s="103">
        <v>1522376</v>
      </c>
      <c r="FV19" s="106">
        <v>1564264</v>
      </c>
      <c r="FW19" s="105">
        <v>8720</v>
      </c>
      <c r="FX19" s="104">
        <v>33168</v>
      </c>
      <c r="FY19" s="102">
        <v>41888</v>
      </c>
      <c r="FZ19" s="101">
        <v>0</v>
      </c>
      <c r="GA19" s="104">
        <v>92104</v>
      </c>
      <c r="GB19" s="104">
        <v>334360</v>
      </c>
      <c r="GC19" s="104">
        <v>320848</v>
      </c>
      <c r="GD19" s="104">
        <v>359544</v>
      </c>
      <c r="GE19" s="104">
        <v>254720</v>
      </c>
      <c r="GF19" s="103">
        <v>1361576</v>
      </c>
      <c r="GG19" s="296">
        <v>1403464</v>
      </c>
      <c r="GH19" s="105">
        <v>0</v>
      </c>
      <c r="GI19" s="104">
        <v>0</v>
      </c>
      <c r="GJ19" s="102">
        <v>0</v>
      </c>
      <c r="GK19" s="101">
        <v>0</v>
      </c>
      <c r="GL19" s="104">
        <v>0</v>
      </c>
      <c r="GM19" s="104">
        <v>20800</v>
      </c>
      <c r="GN19" s="104">
        <v>0</v>
      </c>
      <c r="GO19" s="104">
        <v>0</v>
      </c>
      <c r="GP19" s="104">
        <v>0</v>
      </c>
      <c r="GQ19" s="103">
        <v>20800</v>
      </c>
      <c r="GR19" s="106">
        <v>20800</v>
      </c>
      <c r="GS19" s="100">
        <v>0</v>
      </c>
      <c r="GT19" s="104">
        <v>0</v>
      </c>
      <c r="GU19" s="103">
        <v>0</v>
      </c>
      <c r="GV19" s="100">
        <v>0</v>
      </c>
      <c r="GW19" s="104">
        <v>0</v>
      </c>
      <c r="GX19" s="104">
        <v>140000</v>
      </c>
      <c r="GY19" s="104">
        <v>0</v>
      </c>
      <c r="GZ19" s="104">
        <v>0</v>
      </c>
      <c r="HA19" s="104">
        <v>0</v>
      </c>
      <c r="HB19" s="102">
        <v>140000</v>
      </c>
      <c r="HC19" s="106">
        <v>140000</v>
      </c>
      <c r="HD19" s="100">
        <v>50829</v>
      </c>
      <c r="HE19" s="104">
        <v>0</v>
      </c>
      <c r="HF19" s="102">
        <v>50829</v>
      </c>
      <c r="HG19" s="101">
        <v>0</v>
      </c>
      <c r="HH19" s="104">
        <v>1130039</v>
      </c>
      <c r="HI19" s="104">
        <v>1975391</v>
      </c>
      <c r="HJ19" s="104">
        <v>1329044</v>
      </c>
      <c r="HK19" s="104">
        <v>1316578</v>
      </c>
      <c r="HL19" s="104">
        <v>719070</v>
      </c>
      <c r="HM19" s="103">
        <v>6470122</v>
      </c>
      <c r="HN19" s="99">
        <v>6520951</v>
      </c>
      <c r="HO19" s="306"/>
      <c r="HP19" s="307"/>
      <c r="HQ19" s="308"/>
      <c r="HR19" s="309"/>
      <c r="HS19" s="307"/>
      <c r="HT19" s="307"/>
      <c r="HU19" s="307"/>
      <c r="HV19" s="307"/>
      <c r="HW19" s="307"/>
      <c r="HX19" s="310"/>
      <c r="HY19" s="311"/>
      <c r="HZ19" s="118">
        <v>0</v>
      </c>
      <c r="IA19" s="119">
        <v>52268</v>
      </c>
      <c r="IB19" s="120">
        <v>52268</v>
      </c>
      <c r="IC19" s="133">
        <v>0</v>
      </c>
      <c r="ID19" s="119">
        <v>750424</v>
      </c>
      <c r="IE19" s="134">
        <v>1199983</v>
      </c>
      <c r="IF19" s="120">
        <v>1583134</v>
      </c>
      <c r="IG19" s="119">
        <v>301919</v>
      </c>
      <c r="IH19" s="120">
        <v>69886</v>
      </c>
      <c r="II19" s="135">
        <v>3905346</v>
      </c>
      <c r="IJ19" s="126">
        <v>3957614</v>
      </c>
      <c r="IK19" s="219">
        <v>0</v>
      </c>
      <c r="IL19" s="223">
        <v>0</v>
      </c>
      <c r="IM19" s="224">
        <v>0</v>
      </c>
      <c r="IN19" s="127"/>
      <c r="IO19" s="109">
        <v>0</v>
      </c>
      <c r="IP19" s="109">
        <v>0</v>
      </c>
      <c r="IQ19" s="109">
        <v>0</v>
      </c>
      <c r="IR19" s="109">
        <v>0</v>
      </c>
      <c r="IS19" s="109">
        <v>0</v>
      </c>
      <c r="IT19" s="128">
        <v>0</v>
      </c>
      <c r="IU19" s="298">
        <v>0</v>
      </c>
      <c r="IV19" s="129">
        <v>0</v>
      </c>
      <c r="IW19" s="109">
        <v>0</v>
      </c>
      <c r="IX19" s="110">
        <v>0</v>
      </c>
      <c r="IY19" s="131"/>
      <c r="IZ19" s="109">
        <v>0</v>
      </c>
      <c r="JA19" s="109">
        <v>0</v>
      </c>
      <c r="JB19" s="109">
        <v>0</v>
      </c>
      <c r="JC19" s="109">
        <v>0</v>
      </c>
      <c r="JD19" s="109">
        <v>0</v>
      </c>
      <c r="JE19" s="110">
        <v>0</v>
      </c>
      <c r="JF19" s="111">
        <v>0</v>
      </c>
      <c r="JG19" s="129">
        <v>0</v>
      </c>
      <c r="JH19" s="109">
        <v>0</v>
      </c>
      <c r="JI19" s="128">
        <v>0</v>
      </c>
      <c r="JJ19" s="108">
        <v>0</v>
      </c>
      <c r="JK19" s="109">
        <v>624748</v>
      </c>
      <c r="JL19" s="109">
        <v>449834</v>
      </c>
      <c r="JM19" s="109">
        <v>410652</v>
      </c>
      <c r="JN19" s="109">
        <v>206943</v>
      </c>
      <c r="JO19" s="109">
        <v>0</v>
      </c>
      <c r="JP19" s="110">
        <v>1692177</v>
      </c>
      <c r="JQ19" s="298">
        <v>1692177</v>
      </c>
      <c r="JR19" s="129">
        <v>0</v>
      </c>
      <c r="JS19" s="109">
        <v>0</v>
      </c>
      <c r="JT19" s="128">
        <v>0</v>
      </c>
      <c r="JU19" s="108">
        <v>0</v>
      </c>
      <c r="JV19" s="109">
        <v>0</v>
      </c>
      <c r="JW19" s="109">
        <v>287793</v>
      </c>
      <c r="JX19" s="109">
        <v>386009</v>
      </c>
      <c r="JY19" s="109">
        <v>94976</v>
      </c>
      <c r="JZ19" s="109">
        <v>69886</v>
      </c>
      <c r="KA19" s="110">
        <v>838664</v>
      </c>
      <c r="KB19" s="298">
        <v>838664</v>
      </c>
      <c r="KC19" s="221">
        <v>0</v>
      </c>
      <c r="KD19" s="217">
        <v>52268</v>
      </c>
      <c r="KE19" s="110">
        <v>52268</v>
      </c>
      <c r="KF19" s="108">
        <v>0</v>
      </c>
      <c r="KG19" s="109">
        <v>125676</v>
      </c>
      <c r="KH19" s="109">
        <v>173561</v>
      </c>
      <c r="KI19" s="109">
        <v>786473</v>
      </c>
      <c r="KJ19" s="109">
        <v>0</v>
      </c>
      <c r="KK19" s="109">
        <v>0</v>
      </c>
      <c r="KL19" s="110">
        <v>1085710</v>
      </c>
      <c r="KM19" s="130">
        <v>1137978</v>
      </c>
      <c r="KN19" s="219">
        <v>0</v>
      </c>
      <c r="KO19" s="223">
        <v>0</v>
      </c>
      <c r="KP19" s="224">
        <v>0</v>
      </c>
      <c r="KQ19" s="127"/>
      <c r="KR19" s="109">
        <v>0</v>
      </c>
      <c r="KS19" s="109">
        <v>288795</v>
      </c>
      <c r="KT19" s="109">
        <v>0</v>
      </c>
      <c r="KU19" s="109">
        <v>0</v>
      </c>
      <c r="KV19" s="109">
        <v>0</v>
      </c>
      <c r="KW19" s="110">
        <v>288795</v>
      </c>
      <c r="KX19" s="298">
        <v>288795</v>
      </c>
      <c r="KY19" s="129">
        <v>0</v>
      </c>
      <c r="KZ19" s="109">
        <v>0</v>
      </c>
      <c r="LA19" s="110">
        <v>0</v>
      </c>
      <c r="LB19" s="132"/>
      <c r="LC19" s="109">
        <v>0</v>
      </c>
      <c r="LD19" s="109">
        <v>0</v>
      </c>
      <c r="LE19" s="109">
        <v>0</v>
      </c>
      <c r="LF19" s="109">
        <v>0</v>
      </c>
      <c r="LG19" s="109">
        <v>0</v>
      </c>
      <c r="LH19" s="110">
        <v>0</v>
      </c>
      <c r="LI19" s="111">
        <v>0</v>
      </c>
      <c r="LJ19" s="129">
        <v>0</v>
      </c>
      <c r="LK19" s="109">
        <v>0</v>
      </c>
      <c r="LL19" s="110">
        <v>0</v>
      </c>
      <c r="LM19" s="132"/>
      <c r="LN19" s="109">
        <v>0</v>
      </c>
      <c r="LO19" s="109">
        <v>0</v>
      </c>
      <c r="LP19" s="109">
        <v>0</v>
      </c>
      <c r="LQ19" s="109">
        <v>0</v>
      </c>
      <c r="LR19" s="109">
        <v>0</v>
      </c>
      <c r="LS19" s="110">
        <v>0</v>
      </c>
      <c r="LT19" s="298">
        <v>0</v>
      </c>
      <c r="LU19" s="129">
        <v>0</v>
      </c>
      <c r="LV19" s="109">
        <v>0</v>
      </c>
      <c r="LW19" s="110">
        <v>0</v>
      </c>
      <c r="LX19" s="132"/>
      <c r="LY19" s="109">
        <v>0</v>
      </c>
      <c r="LZ19" s="109">
        <v>0</v>
      </c>
      <c r="MA19" s="109">
        <v>0</v>
      </c>
      <c r="MB19" s="109">
        <v>0</v>
      </c>
      <c r="MC19" s="109">
        <v>0</v>
      </c>
      <c r="MD19" s="110">
        <v>0</v>
      </c>
      <c r="ME19" s="111">
        <v>0</v>
      </c>
      <c r="MF19" s="129">
        <v>0</v>
      </c>
      <c r="MG19" s="109">
        <v>0</v>
      </c>
      <c r="MH19" s="110">
        <v>0</v>
      </c>
      <c r="MI19" s="132"/>
      <c r="MJ19" s="109">
        <v>0</v>
      </c>
      <c r="MK19" s="109">
        <v>0</v>
      </c>
      <c r="ML19" s="109">
        <v>1844163</v>
      </c>
      <c r="MM19" s="109">
        <v>3494395</v>
      </c>
      <c r="MN19" s="109">
        <v>1057746</v>
      </c>
      <c r="MO19" s="110">
        <v>6396304</v>
      </c>
      <c r="MP19" s="130">
        <v>6396304</v>
      </c>
      <c r="MQ19" s="129">
        <v>0</v>
      </c>
      <c r="MR19" s="109">
        <v>0</v>
      </c>
      <c r="MS19" s="110">
        <v>0</v>
      </c>
      <c r="MT19" s="132"/>
      <c r="MU19" s="109">
        <v>0</v>
      </c>
      <c r="MV19" s="109">
        <v>0</v>
      </c>
      <c r="MW19" s="109">
        <v>709901</v>
      </c>
      <c r="MX19" s="109">
        <v>3176955</v>
      </c>
      <c r="MY19" s="109">
        <v>590542</v>
      </c>
      <c r="MZ19" s="110">
        <v>4477398</v>
      </c>
      <c r="NA19" s="130">
        <v>4477398</v>
      </c>
      <c r="NB19" s="129">
        <v>0</v>
      </c>
      <c r="NC19" s="109">
        <v>0</v>
      </c>
      <c r="ND19" s="110">
        <v>0</v>
      </c>
      <c r="NE19" s="132"/>
      <c r="NF19" s="109">
        <v>0</v>
      </c>
      <c r="NG19" s="109">
        <v>0</v>
      </c>
      <c r="NH19" s="109">
        <v>1134262</v>
      </c>
      <c r="NI19" s="109">
        <v>317440</v>
      </c>
      <c r="NJ19" s="109">
        <v>467204</v>
      </c>
      <c r="NK19" s="110">
        <v>1918906</v>
      </c>
      <c r="NL19" s="298">
        <v>1918906</v>
      </c>
      <c r="NM19" s="129">
        <v>0</v>
      </c>
      <c r="NN19" s="109">
        <v>0</v>
      </c>
      <c r="NO19" s="110">
        <v>0</v>
      </c>
      <c r="NP19" s="132"/>
      <c r="NQ19" s="109">
        <v>0</v>
      </c>
      <c r="NR19" s="109">
        <v>0</v>
      </c>
      <c r="NS19" s="109">
        <v>0</v>
      </c>
      <c r="NT19" s="109">
        <v>0</v>
      </c>
      <c r="NU19" s="109">
        <v>0</v>
      </c>
      <c r="NV19" s="110">
        <v>0</v>
      </c>
      <c r="NW19" s="111">
        <v>0</v>
      </c>
      <c r="NX19" s="129">
        <v>0</v>
      </c>
      <c r="NY19" s="109">
        <v>0</v>
      </c>
      <c r="NZ19" s="110">
        <v>0</v>
      </c>
      <c r="OA19" s="132"/>
      <c r="OB19" s="109">
        <v>0</v>
      </c>
      <c r="OC19" s="109">
        <v>0</v>
      </c>
      <c r="OD19" s="109">
        <v>0</v>
      </c>
      <c r="OE19" s="109">
        <v>0</v>
      </c>
      <c r="OF19" s="109">
        <v>0</v>
      </c>
      <c r="OG19" s="110">
        <v>0</v>
      </c>
      <c r="OH19" s="111">
        <v>0</v>
      </c>
      <c r="OI19" s="129">
        <v>83889</v>
      </c>
      <c r="OJ19" s="109">
        <v>218626</v>
      </c>
      <c r="OK19" s="128">
        <v>302515</v>
      </c>
      <c r="OL19" s="108">
        <v>0</v>
      </c>
      <c r="OM19" s="109">
        <v>3436026</v>
      </c>
      <c r="ON19" s="109">
        <v>6697517</v>
      </c>
      <c r="OO19" s="109">
        <v>8059181</v>
      </c>
      <c r="OP19" s="109">
        <v>9445162</v>
      </c>
      <c r="OQ19" s="109">
        <v>4531010</v>
      </c>
      <c r="OR19" s="110">
        <v>32168896</v>
      </c>
      <c r="OS19" s="130">
        <v>32471411</v>
      </c>
    </row>
    <row r="20" spans="2:409" ht="21" customHeight="1" x14ac:dyDescent="0.2">
      <c r="B20" s="472" t="s">
        <v>15</v>
      </c>
      <c r="C20" s="100">
        <v>170237</v>
      </c>
      <c r="D20" s="104">
        <v>251170</v>
      </c>
      <c r="E20" s="103">
        <v>421407</v>
      </c>
      <c r="F20" s="99">
        <v>0</v>
      </c>
      <c r="G20" s="104">
        <v>1830489</v>
      </c>
      <c r="H20" s="104">
        <v>1854995</v>
      </c>
      <c r="I20" s="104">
        <v>2967970</v>
      </c>
      <c r="J20" s="104">
        <v>1939977</v>
      </c>
      <c r="K20" s="104">
        <v>608561</v>
      </c>
      <c r="L20" s="99">
        <v>9201992</v>
      </c>
      <c r="M20" s="106">
        <v>9623399</v>
      </c>
      <c r="N20" s="100">
        <v>0</v>
      </c>
      <c r="O20" s="104">
        <v>33800</v>
      </c>
      <c r="P20" s="103">
        <v>33800</v>
      </c>
      <c r="Q20" s="100">
        <v>0</v>
      </c>
      <c r="R20" s="104">
        <v>621975</v>
      </c>
      <c r="S20" s="104">
        <v>599422</v>
      </c>
      <c r="T20" s="104">
        <v>860568</v>
      </c>
      <c r="U20" s="104">
        <v>1121998</v>
      </c>
      <c r="V20" s="104">
        <v>319824</v>
      </c>
      <c r="W20" s="103">
        <v>3523787</v>
      </c>
      <c r="X20" s="106">
        <v>3557587</v>
      </c>
      <c r="Y20" s="100">
        <v>0</v>
      </c>
      <c r="Z20" s="104">
        <v>0</v>
      </c>
      <c r="AA20" s="103">
        <v>0</v>
      </c>
      <c r="AB20" s="100">
        <v>0</v>
      </c>
      <c r="AC20" s="104">
        <v>265052</v>
      </c>
      <c r="AD20" s="104">
        <v>191389</v>
      </c>
      <c r="AE20" s="104">
        <v>429795</v>
      </c>
      <c r="AF20" s="104">
        <v>941948</v>
      </c>
      <c r="AG20" s="104">
        <v>284208</v>
      </c>
      <c r="AH20" s="103">
        <v>2112392</v>
      </c>
      <c r="AI20" s="106">
        <v>2112392</v>
      </c>
      <c r="AJ20" s="100">
        <v>0</v>
      </c>
      <c r="AK20" s="104">
        <v>0</v>
      </c>
      <c r="AL20" s="103">
        <v>0</v>
      </c>
      <c r="AM20" s="100">
        <v>0</v>
      </c>
      <c r="AN20" s="104">
        <v>0</v>
      </c>
      <c r="AO20" s="104">
        <v>70140</v>
      </c>
      <c r="AP20" s="104">
        <v>0</v>
      </c>
      <c r="AQ20" s="104">
        <v>13550</v>
      </c>
      <c r="AR20" s="104">
        <v>0</v>
      </c>
      <c r="AS20" s="103">
        <v>83690</v>
      </c>
      <c r="AT20" s="106">
        <v>83690</v>
      </c>
      <c r="AU20" s="100">
        <v>0</v>
      </c>
      <c r="AV20" s="104">
        <v>22888</v>
      </c>
      <c r="AW20" s="103">
        <v>22888</v>
      </c>
      <c r="AX20" s="100">
        <v>0</v>
      </c>
      <c r="AY20" s="104">
        <v>213447</v>
      </c>
      <c r="AZ20" s="104">
        <v>223870</v>
      </c>
      <c r="BA20" s="104">
        <v>247221</v>
      </c>
      <c r="BB20" s="104">
        <v>87692</v>
      </c>
      <c r="BC20" s="104">
        <v>0</v>
      </c>
      <c r="BD20" s="103">
        <v>772230</v>
      </c>
      <c r="BE20" s="106">
        <v>795118</v>
      </c>
      <c r="BF20" s="100">
        <v>0</v>
      </c>
      <c r="BG20" s="104">
        <v>0</v>
      </c>
      <c r="BH20" s="102">
        <v>0</v>
      </c>
      <c r="BI20" s="101">
        <v>0</v>
      </c>
      <c r="BJ20" s="104">
        <v>34772</v>
      </c>
      <c r="BK20" s="104">
        <v>31039</v>
      </c>
      <c r="BL20" s="104">
        <v>0</v>
      </c>
      <c r="BM20" s="104">
        <v>0</v>
      </c>
      <c r="BN20" s="104">
        <v>0</v>
      </c>
      <c r="BO20" s="103">
        <v>65811</v>
      </c>
      <c r="BP20" s="106">
        <v>65811</v>
      </c>
      <c r="BQ20" s="100">
        <v>0</v>
      </c>
      <c r="BR20" s="104">
        <v>10912</v>
      </c>
      <c r="BS20" s="103">
        <v>10912</v>
      </c>
      <c r="BT20" s="100">
        <v>0</v>
      </c>
      <c r="BU20" s="104">
        <v>108704</v>
      </c>
      <c r="BV20" s="104">
        <v>82984</v>
      </c>
      <c r="BW20" s="104">
        <v>183552</v>
      </c>
      <c r="BX20" s="104">
        <v>78808</v>
      </c>
      <c r="BY20" s="104">
        <v>35616</v>
      </c>
      <c r="BZ20" s="103">
        <v>489664</v>
      </c>
      <c r="CA20" s="106">
        <v>500576</v>
      </c>
      <c r="CB20" s="100">
        <v>0</v>
      </c>
      <c r="CC20" s="104">
        <v>0</v>
      </c>
      <c r="CD20" s="103">
        <v>0</v>
      </c>
      <c r="CE20" s="100">
        <v>0</v>
      </c>
      <c r="CF20" s="104">
        <v>49048</v>
      </c>
      <c r="CG20" s="104">
        <v>462943</v>
      </c>
      <c r="CH20" s="104">
        <v>572251</v>
      </c>
      <c r="CI20" s="104">
        <v>309594</v>
      </c>
      <c r="CJ20" s="104">
        <v>0</v>
      </c>
      <c r="CK20" s="103">
        <v>1393836</v>
      </c>
      <c r="CL20" s="106">
        <v>1393836</v>
      </c>
      <c r="CM20" s="100">
        <v>0</v>
      </c>
      <c r="CN20" s="104">
        <v>0</v>
      </c>
      <c r="CO20" s="103">
        <v>0</v>
      </c>
      <c r="CP20" s="101">
        <v>0</v>
      </c>
      <c r="CQ20" s="104">
        <v>19948</v>
      </c>
      <c r="CR20" s="104">
        <v>252163</v>
      </c>
      <c r="CS20" s="104">
        <v>272179</v>
      </c>
      <c r="CT20" s="104">
        <v>309594</v>
      </c>
      <c r="CU20" s="104">
        <v>0</v>
      </c>
      <c r="CV20" s="103">
        <v>853884</v>
      </c>
      <c r="CW20" s="106">
        <v>853884</v>
      </c>
      <c r="CX20" s="100">
        <v>0</v>
      </c>
      <c r="CY20" s="104">
        <v>0</v>
      </c>
      <c r="CZ20" s="103">
        <v>0</v>
      </c>
      <c r="DA20" s="100">
        <v>0</v>
      </c>
      <c r="DB20" s="104">
        <v>29100</v>
      </c>
      <c r="DC20" s="104">
        <v>210780</v>
      </c>
      <c r="DD20" s="104">
        <v>300072</v>
      </c>
      <c r="DE20" s="104">
        <v>0</v>
      </c>
      <c r="DF20" s="104">
        <v>0</v>
      </c>
      <c r="DG20" s="103">
        <v>539952</v>
      </c>
      <c r="DH20" s="106">
        <v>539952</v>
      </c>
      <c r="DI20" s="100">
        <v>0</v>
      </c>
      <c r="DJ20" s="104">
        <v>0</v>
      </c>
      <c r="DK20" s="102">
        <v>0</v>
      </c>
      <c r="DL20" s="101">
        <v>0</v>
      </c>
      <c r="DM20" s="104">
        <v>32014</v>
      </c>
      <c r="DN20" s="104">
        <v>98109</v>
      </c>
      <c r="DO20" s="104">
        <v>86053</v>
      </c>
      <c r="DP20" s="104">
        <v>364001</v>
      </c>
      <c r="DQ20" s="104">
        <v>0</v>
      </c>
      <c r="DR20" s="103">
        <v>580177</v>
      </c>
      <c r="DS20" s="106">
        <v>580177</v>
      </c>
      <c r="DT20" s="100">
        <v>0</v>
      </c>
      <c r="DU20" s="104">
        <v>0</v>
      </c>
      <c r="DV20" s="103">
        <v>0</v>
      </c>
      <c r="DW20" s="100">
        <v>0</v>
      </c>
      <c r="DX20" s="104">
        <v>32014</v>
      </c>
      <c r="DY20" s="104">
        <v>98109</v>
      </c>
      <c r="DZ20" s="104">
        <v>46707</v>
      </c>
      <c r="EA20" s="104">
        <v>364001</v>
      </c>
      <c r="EB20" s="104">
        <v>0</v>
      </c>
      <c r="EC20" s="103">
        <v>540831</v>
      </c>
      <c r="ED20" s="106">
        <v>540831</v>
      </c>
      <c r="EE20" s="100">
        <v>0</v>
      </c>
      <c r="EF20" s="102">
        <v>0</v>
      </c>
      <c r="EG20" s="103">
        <v>0</v>
      </c>
      <c r="EH20" s="100">
        <v>0</v>
      </c>
      <c r="EI20" s="104">
        <v>0</v>
      </c>
      <c r="EJ20" s="104">
        <v>0</v>
      </c>
      <c r="EK20" s="104">
        <v>39346</v>
      </c>
      <c r="EL20" s="104">
        <v>0</v>
      </c>
      <c r="EM20" s="104">
        <v>0</v>
      </c>
      <c r="EN20" s="102">
        <v>39346</v>
      </c>
      <c r="EO20" s="106">
        <v>39346</v>
      </c>
      <c r="EP20" s="100">
        <v>0</v>
      </c>
      <c r="EQ20" s="104">
        <v>0</v>
      </c>
      <c r="ER20" s="102">
        <v>0</v>
      </c>
      <c r="ES20" s="101">
        <v>0</v>
      </c>
      <c r="ET20" s="104">
        <v>0</v>
      </c>
      <c r="EU20" s="104">
        <v>0</v>
      </c>
      <c r="EV20" s="104">
        <v>0</v>
      </c>
      <c r="EW20" s="104">
        <v>0</v>
      </c>
      <c r="EX20" s="104">
        <v>0</v>
      </c>
      <c r="EY20" s="103">
        <v>0</v>
      </c>
      <c r="EZ20" s="106">
        <v>0</v>
      </c>
      <c r="FA20" s="100">
        <v>0</v>
      </c>
      <c r="FB20" s="104">
        <v>0</v>
      </c>
      <c r="FC20" s="102">
        <v>0</v>
      </c>
      <c r="FD20" s="324"/>
      <c r="FE20" s="104">
        <v>0</v>
      </c>
      <c r="FF20" s="104">
        <v>0</v>
      </c>
      <c r="FG20" s="104">
        <v>0</v>
      </c>
      <c r="FH20" s="104">
        <v>0</v>
      </c>
      <c r="FI20" s="104">
        <v>0</v>
      </c>
      <c r="FJ20" s="103">
        <v>0</v>
      </c>
      <c r="FK20" s="106">
        <v>0</v>
      </c>
      <c r="FL20" s="100">
        <v>3200</v>
      </c>
      <c r="FM20" s="104">
        <v>19600</v>
      </c>
      <c r="FN20" s="103">
        <v>22800</v>
      </c>
      <c r="FO20" s="100">
        <v>0</v>
      </c>
      <c r="FP20" s="104">
        <v>20880</v>
      </c>
      <c r="FQ20" s="104">
        <v>138720</v>
      </c>
      <c r="FR20" s="104">
        <v>238808</v>
      </c>
      <c r="FS20" s="104">
        <v>144384</v>
      </c>
      <c r="FT20" s="104">
        <v>44320</v>
      </c>
      <c r="FU20" s="103">
        <v>587112</v>
      </c>
      <c r="FV20" s="106">
        <v>609912</v>
      </c>
      <c r="FW20" s="105">
        <v>3200</v>
      </c>
      <c r="FX20" s="104">
        <v>19600</v>
      </c>
      <c r="FY20" s="102">
        <v>22800</v>
      </c>
      <c r="FZ20" s="101">
        <v>0</v>
      </c>
      <c r="GA20" s="104">
        <v>20880</v>
      </c>
      <c r="GB20" s="104">
        <v>138720</v>
      </c>
      <c r="GC20" s="104">
        <v>223848</v>
      </c>
      <c r="GD20" s="104">
        <v>144384</v>
      </c>
      <c r="GE20" s="104">
        <v>44320</v>
      </c>
      <c r="GF20" s="103">
        <v>572152</v>
      </c>
      <c r="GG20" s="296">
        <v>594952</v>
      </c>
      <c r="GH20" s="105">
        <v>0</v>
      </c>
      <c r="GI20" s="104">
        <v>0</v>
      </c>
      <c r="GJ20" s="102">
        <v>0</v>
      </c>
      <c r="GK20" s="101">
        <v>0</v>
      </c>
      <c r="GL20" s="104">
        <v>0</v>
      </c>
      <c r="GM20" s="104">
        <v>0</v>
      </c>
      <c r="GN20" s="104">
        <v>14960</v>
      </c>
      <c r="GO20" s="104">
        <v>0</v>
      </c>
      <c r="GP20" s="104">
        <v>0</v>
      </c>
      <c r="GQ20" s="103">
        <v>14960</v>
      </c>
      <c r="GR20" s="106">
        <v>14960</v>
      </c>
      <c r="GS20" s="100">
        <v>0</v>
      </c>
      <c r="GT20" s="104">
        <v>0</v>
      </c>
      <c r="GU20" s="103">
        <v>0</v>
      </c>
      <c r="GV20" s="100">
        <v>0</v>
      </c>
      <c r="GW20" s="104">
        <v>0</v>
      </c>
      <c r="GX20" s="104">
        <v>0</v>
      </c>
      <c r="GY20" s="104">
        <v>0</v>
      </c>
      <c r="GZ20" s="104">
        <v>0</v>
      </c>
      <c r="HA20" s="104">
        <v>0</v>
      </c>
      <c r="HB20" s="102">
        <v>0</v>
      </c>
      <c r="HC20" s="106">
        <v>0</v>
      </c>
      <c r="HD20" s="100">
        <v>167037</v>
      </c>
      <c r="HE20" s="104">
        <v>197770</v>
      </c>
      <c r="HF20" s="102">
        <v>364807</v>
      </c>
      <c r="HG20" s="101">
        <v>0</v>
      </c>
      <c r="HH20" s="104">
        <v>1106572</v>
      </c>
      <c r="HI20" s="104">
        <v>555801</v>
      </c>
      <c r="HJ20" s="104">
        <v>1210290</v>
      </c>
      <c r="HK20" s="104">
        <v>0</v>
      </c>
      <c r="HL20" s="104">
        <v>244417</v>
      </c>
      <c r="HM20" s="103">
        <v>3117080</v>
      </c>
      <c r="HN20" s="99">
        <v>3481887</v>
      </c>
      <c r="HO20" s="306"/>
      <c r="HP20" s="307"/>
      <c r="HQ20" s="308"/>
      <c r="HR20" s="309"/>
      <c r="HS20" s="307"/>
      <c r="HT20" s="307"/>
      <c r="HU20" s="307"/>
      <c r="HV20" s="307"/>
      <c r="HW20" s="307"/>
      <c r="HX20" s="310"/>
      <c r="HY20" s="311"/>
      <c r="HZ20" s="137">
        <v>0</v>
      </c>
      <c r="IA20" s="122">
        <v>0</v>
      </c>
      <c r="IB20" s="137">
        <v>0</v>
      </c>
      <c r="IC20" s="121">
        <v>0</v>
      </c>
      <c r="ID20" s="122">
        <v>862054</v>
      </c>
      <c r="IE20" s="123">
        <v>1178177</v>
      </c>
      <c r="IF20" s="124">
        <v>137492</v>
      </c>
      <c r="IG20" s="122">
        <v>446656</v>
      </c>
      <c r="IH20" s="124">
        <v>270281</v>
      </c>
      <c r="II20" s="125">
        <v>2894660</v>
      </c>
      <c r="IJ20" s="137">
        <v>2894660</v>
      </c>
      <c r="IK20" s="219">
        <v>0</v>
      </c>
      <c r="IL20" s="223">
        <v>0</v>
      </c>
      <c r="IM20" s="224">
        <v>0</v>
      </c>
      <c r="IN20" s="127"/>
      <c r="IO20" s="109">
        <v>169561</v>
      </c>
      <c r="IP20" s="109">
        <v>0</v>
      </c>
      <c r="IQ20" s="109">
        <v>0</v>
      </c>
      <c r="IR20" s="109">
        <v>0</v>
      </c>
      <c r="IS20" s="109">
        <v>0</v>
      </c>
      <c r="IT20" s="128">
        <v>169561</v>
      </c>
      <c r="IU20" s="298">
        <v>169561</v>
      </c>
      <c r="IV20" s="129">
        <v>0</v>
      </c>
      <c r="IW20" s="109">
        <v>0</v>
      </c>
      <c r="IX20" s="110">
        <v>0</v>
      </c>
      <c r="IY20" s="131"/>
      <c r="IZ20" s="109">
        <v>0</v>
      </c>
      <c r="JA20" s="109">
        <v>0</v>
      </c>
      <c r="JB20" s="109">
        <v>0</v>
      </c>
      <c r="JC20" s="109">
        <v>0</v>
      </c>
      <c r="JD20" s="109">
        <v>0</v>
      </c>
      <c r="JE20" s="110">
        <v>0</v>
      </c>
      <c r="JF20" s="111">
        <v>0</v>
      </c>
      <c r="JG20" s="129">
        <v>0</v>
      </c>
      <c r="JH20" s="109">
        <v>0</v>
      </c>
      <c r="JI20" s="128">
        <v>0</v>
      </c>
      <c r="JJ20" s="108">
        <v>0</v>
      </c>
      <c r="JK20" s="109">
        <v>175834</v>
      </c>
      <c r="JL20" s="109">
        <v>270368</v>
      </c>
      <c r="JM20" s="109">
        <v>137492</v>
      </c>
      <c r="JN20" s="109">
        <v>127354</v>
      </c>
      <c r="JO20" s="109">
        <v>0</v>
      </c>
      <c r="JP20" s="110">
        <v>711048</v>
      </c>
      <c r="JQ20" s="298">
        <v>711048</v>
      </c>
      <c r="JR20" s="129">
        <v>0</v>
      </c>
      <c r="JS20" s="109">
        <v>0</v>
      </c>
      <c r="JT20" s="128">
        <v>0</v>
      </c>
      <c r="JU20" s="108">
        <v>0</v>
      </c>
      <c r="JV20" s="109">
        <v>64532</v>
      </c>
      <c r="JW20" s="109">
        <v>0</v>
      </c>
      <c r="JX20" s="109">
        <v>0</v>
      </c>
      <c r="JY20" s="109">
        <v>59070</v>
      </c>
      <c r="JZ20" s="109">
        <v>0</v>
      </c>
      <c r="KA20" s="110">
        <v>123602</v>
      </c>
      <c r="KB20" s="298">
        <v>123602</v>
      </c>
      <c r="KC20" s="221">
        <v>0</v>
      </c>
      <c r="KD20" s="217">
        <v>0</v>
      </c>
      <c r="KE20" s="110">
        <v>0</v>
      </c>
      <c r="KF20" s="108">
        <v>0</v>
      </c>
      <c r="KG20" s="109">
        <v>127794</v>
      </c>
      <c r="KH20" s="109">
        <v>0</v>
      </c>
      <c r="KI20" s="109">
        <v>0</v>
      </c>
      <c r="KJ20" s="109">
        <v>260232</v>
      </c>
      <c r="KK20" s="109">
        <v>270281</v>
      </c>
      <c r="KL20" s="110">
        <v>658307</v>
      </c>
      <c r="KM20" s="130">
        <v>658307</v>
      </c>
      <c r="KN20" s="219">
        <v>0</v>
      </c>
      <c r="KO20" s="223">
        <v>0</v>
      </c>
      <c r="KP20" s="224">
        <v>0</v>
      </c>
      <c r="KQ20" s="127"/>
      <c r="KR20" s="109">
        <v>233769</v>
      </c>
      <c r="KS20" s="109">
        <v>731952</v>
      </c>
      <c r="KT20" s="109">
        <v>0</v>
      </c>
      <c r="KU20" s="109">
        <v>0</v>
      </c>
      <c r="KV20" s="109">
        <v>0</v>
      </c>
      <c r="KW20" s="110">
        <v>965721</v>
      </c>
      <c r="KX20" s="298">
        <v>965721</v>
      </c>
      <c r="KY20" s="129">
        <v>0</v>
      </c>
      <c r="KZ20" s="109">
        <v>0</v>
      </c>
      <c r="LA20" s="110">
        <v>0</v>
      </c>
      <c r="LB20" s="132"/>
      <c r="LC20" s="109">
        <v>0</v>
      </c>
      <c r="LD20" s="109">
        <v>0</v>
      </c>
      <c r="LE20" s="109">
        <v>0</v>
      </c>
      <c r="LF20" s="109">
        <v>0</v>
      </c>
      <c r="LG20" s="109">
        <v>0</v>
      </c>
      <c r="LH20" s="110">
        <v>0</v>
      </c>
      <c r="LI20" s="111">
        <v>0</v>
      </c>
      <c r="LJ20" s="129">
        <v>0</v>
      </c>
      <c r="LK20" s="109">
        <v>0</v>
      </c>
      <c r="LL20" s="110">
        <v>0</v>
      </c>
      <c r="LM20" s="132"/>
      <c r="LN20" s="109">
        <v>0</v>
      </c>
      <c r="LO20" s="109">
        <v>0</v>
      </c>
      <c r="LP20" s="109">
        <v>0</v>
      </c>
      <c r="LQ20" s="109">
        <v>0</v>
      </c>
      <c r="LR20" s="109">
        <v>0</v>
      </c>
      <c r="LS20" s="110">
        <v>0</v>
      </c>
      <c r="LT20" s="298">
        <v>0</v>
      </c>
      <c r="LU20" s="129">
        <v>0</v>
      </c>
      <c r="LV20" s="109">
        <v>0</v>
      </c>
      <c r="LW20" s="110">
        <v>0</v>
      </c>
      <c r="LX20" s="132"/>
      <c r="LY20" s="109">
        <v>90564</v>
      </c>
      <c r="LZ20" s="109">
        <v>175857</v>
      </c>
      <c r="MA20" s="109">
        <v>0</v>
      </c>
      <c r="MB20" s="109">
        <v>0</v>
      </c>
      <c r="MC20" s="109">
        <v>0</v>
      </c>
      <c r="MD20" s="110">
        <v>266421</v>
      </c>
      <c r="ME20" s="111">
        <v>266421</v>
      </c>
      <c r="MF20" s="129">
        <v>0</v>
      </c>
      <c r="MG20" s="109">
        <v>0</v>
      </c>
      <c r="MH20" s="110">
        <v>0</v>
      </c>
      <c r="MI20" s="132"/>
      <c r="MJ20" s="109">
        <v>233135</v>
      </c>
      <c r="MK20" s="109">
        <v>286187</v>
      </c>
      <c r="ML20" s="109">
        <v>756518</v>
      </c>
      <c r="MM20" s="109">
        <v>3825410</v>
      </c>
      <c r="MN20" s="109">
        <v>1134730</v>
      </c>
      <c r="MO20" s="110">
        <v>6235980</v>
      </c>
      <c r="MP20" s="130">
        <v>6235980</v>
      </c>
      <c r="MQ20" s="129">
        <v>0</v>
      </c>
      <c r="MR20" s="109">
        <v>0</v>
      </c>
      <c r="MS20" s="110">
        <v>0</v>
      </c>
      <c r="MT20" s="132"/>
      <c r="MU20" s="109">
        <v>0</v>
      </c>
      <c r="MV20" s="109">
        <v>0</v>
      </c>
      <c r="MW20" s="109">
        <v>486926</v>
      </c>
      <c r="MX20" s="109">
        <v>2687778</v>
      </c>
      <c r="MY20" s="109">
        <v>837665</v>
      </c>
      <c r="MZ20" s="110">
        <v>4012369</v>
      </c>
      <c r="NA20" s="130">
        <v>4012369</v>
      </c>
      <c r="NB20" s="129">
        <v>0</v>
      </c>
      <c r="NC20" s="109">
        <v>0</v>
      </c>
      <c r="ND20" s="110">
        <v>0</v>
      </c>
      <c r="NE20" s="132"/>
      <c r="NF20" s="109">
        <v>233135</v>
      </c>
      <c r="NG20" s="109">
        <v>286187</v>
      </c>
      <c r="NH20" s="109">
        <v>269592</v>
      </c>
      <c r="NI20" s="109">
        <v>1137632</v>
      </c>
      <c r="NJ20" s="109">
        <v>297065</v>
      </c>
      <c r="NK20" s="110">
        <v>2223611</v>
      </c>
      <c r="NL20" s="298">
        <v>2223611</v>
      </c>
      <c r="NM20" s="129">
        <v>0</v>
      </c>
      <c r="NN20" s="109">
        <v>0</v>
      </c>
      <c r="NO20" s="110">
        <v>0</v>
      </c>
      <c r="NP20" s="132"/>
      <c r="NQ20" s="109">
        <v>0</v>
      </c>
      <c r="NR20" s="109">
        <v>0</v>
      </c>
      <c r="NS20" s="109">
        <v>0</v>
      </c>
      <c r="NT20" s="109">
        <v>0</v>
      </c>
      <c r="NU20" s="109">
        <v>0</v>
      </c>
      <c r="NV20" s="110">
        <v>0</v>
      </c>
      <c r="NW20" s="111">
        <v>0</v>
      </c>
      <c r="NX20" s="129">
        <v>0</v>
      </c>
      <c r="NY20" s="109">
        <v>0</v>
      </c>
      <c r="NZ20" s="110">
        <v>0</v>
      </c>
      <c r="OA20" s="132"/>
      <c r="OB20" s="109">
        <v>0</v>
      </c>
      <c r="OC20" s="109">
        <v>0</v>
      </c>
      <c r="OD20" s="109">
        <v>0</v>
      </c>
      <c r="OE20" s="109">
        <v>0</v>
      </c>
      <c r="OF20" s="109">
        <v>0</v>
      </c>
      <c r="OG20" s="110">
        <v>0</v>
      </c>
      <c r="OH20" s="111">
        <v>0</v>
      </c>
      <c r="OI20" s="129">
        <v>170237</v>
      </c>
      <c r="OJ20" s="109">
        <v>251170</v>
      </c>
      <c r="OK20" s="128">
        <v>421407</v>
      </c>
      <c r="OL20" s="108">
        <v>0</v>
      </c>
      <c r="OM20" s="109">
        <v>2925678</v>
      </c>
      <c r="ON20" s="109">
        <v>3319359</v>
      </c>
      <c r="OO20" s="109">
        <v>3861980</v>
      </c>
      <c r="OP20" s="109">
        <v>6212043</v>
      </c>
      <c r="OQ20" s="109">
        <v>2013572</v>
      </c>
      <c r="OR20" s="110">
        <v>18332632</v>
      </c>
      <c r="OS20" s="130">
        <v>18754039</v>
      </c>
    </row>
    <row r="21" spans="2:409" ht="21" customHeight="1" x14ac:dyDescent="0.2">
      <c r="B21" s="472" t="s">
        <v>16</v>
      </c>
      <c r="C21" s="100">
        <v>331711</v>
      </c>
      <c r="D21" s="104">
        <v>711140</v>
      </c>
      <c r="E21" s="103">
        <v>1042851</v>
      </c>
      <c r="F21" s="99">
        <v>0</v>
      </c>
      <c r="G21" s="104">
        <v>4030996</v>
      </c>
      <c r="H21" s="104">
        <v>8337332</v>
      </c>
      <c r="I21" s="104">
        <v>4962820</v>
      </c>
      <c r="J21" s="104">
        <v>4908925</v>
      </c>
      <c r="K21" s="104">
        <v>1580247</v>
      </c>
      <c r="L21" s="99">
        <v>23820320</v>
      </c>
      <c r="M21" s="106">
        <v>24863171</v>
      </c>
      <c r="N21" s="100">
        <v>138142</v>
      </c>
      <c r="O21" s="104">
        <v>220237</v>
      </c>
      <c r="P21" s="103">
        <v>358379</v>
      </c>
      <c r="Q21" s="100">
        <v>0</v>
      </c>
      <c r="R21" s="104">
        <v>1180808</v>
      </c>
      <c r="S21" s="104">
        <v>1755314</v>
      </c>
      <c r="T21" s="104">
        <v>870549</v>
      </c>
      <c r="U21" s="104">
        <v>694052</v>
      </c>
      <c r="V21" s="104">
        <v>703100</v>
      </c>
      <c r="W21" s="103">
        <v>5203823</v>
      </c>
      <c r="X21" s="106">
        <v>5562202</v>
      </c>
      <c r="Y21" s="100">
        <v>0</v>
      </c>
      <c r="Z21" s="104">
        <v>0</v>
      </c>
      <c r="AA21" s="103">
        <v>0</v>
      </c>
      <c r="AB21" s="100">
        <v>0</v>
      </c>
      <c r="AC21" s="104">
        <v>358960</v>
      </c>
      <c r="AD21" s="104">
        <v>411665</v>
      </c>
      <c r="AE21" s="104">
        <v>411545</v>
      </c>
      <c r="AF21" s="104">
        <v>84108</v>
      </c>
      <c r="AG21" s="104">
        <v>245586</v>
      </c>
      <c r="AH21" s="103">
        <v>1511864</v>
      </c>
      <c r="AI21" s="106">
        <v>1511864</v>
      </c>
      <c r="AJ21" s="100">
        <v>0</v>
      </c>
      <c r="AK21" s="104">
        <v>0</v>
      </c>
      <c r="AL21" s="103">
        <v>0</v>
      </c>
      <c r="AM21" s="100">
        <v>0</v>
      </c>
      <c r="AN21" s="104">
        <v>0</v>
      </c>
      <c r="AO21" s="104">
        <v>13195</v>
      </c>
      <c r="AP21" s="104">
        <v>0</v>
      </c>
      <c r="AQ21" s="104">
        <v>71938</v>
      </c>
      <c r="AR21" s="104">
        <v>197105</v>
      </c>
      <c r="AS21" s="103">
        <v>282238</v>
      </c>
      <c r="AT21" s="106">
        <v>282238</v>
      </c>
      <c r="AU21" s="100">
        <v>101158</v>
      </c>
      <c r="AV21" s="104">
        <v>126603</v>
      </c>
      <c r="AW21" s="103">
        <v>227761</v>
      </c>
      <c r="AX21" s="100">
        <v>0</v>
      </c>
      <c r="AY21" s="104">
        <v>610504</v>
      </c>
      <c r="AZ21" s="104">
        <v>929997</v>
      </c>
      <c r="BA21" s="104">
        <v>291884</v>
      </c>
      <c r="BB21" s="104">
        <v>325734</v>
      </c>
      <c r="BC21" s="104">
        <v>82033</v>
      </c>
      <c r="BD21" s="103">
        <v>2240152</v>
      </c>
      <c r="BE21" s="106">
        <v>2467913</v>
      </c>
      <c r="BF21" s="100">
        <v>0</v>
      </c>
      <c r="BG21" s="104">
        <v>45666</v>
      </c>
      <c r="BH21" s="102">
        <v>45666</v>
      </c>
      <c r="BI21" s="101">
        <v>0</v>
      </c>
      <c r="BJ21" s="104">
        <v>26080</v>
      </c>
      <c r="BK21" s="104">
        <v>81449</v>
      </c>
      <c r="BL21" s="104">
        <v>0</v>
      </c>
      <c r="BM21" s="104">
        <v>0</v>
      </c>
      <c r="BN21" s="104">
        <v>0</v>
      </c>
      <c r="BO21" s="103">
        <v>107529</v>
      </c>
      <c r="BP21" s="106">
        <v>153195</v>
      </c>
      <c r="BQ21" s="100">
        <v>36984</v>
      </c>
      <c r="BR21" s="104">
        <v>47968</v>
      </c>
      <c r="BS21" s="103">
        <v>84952</v>
      </c>
      <c r="BT21" s="100">
        <v>0</v>
      </c>
      <c r="BU21" s="104">
        <v>185264</v>
      </c>
      <c r="BV21" s="104">
        <v>319008</v>
      </c>
      <c r="BW21" s="104">
        <v>167120</v>
      </c>
      <c r="BX21" s="104">
        <v>212272</v>
      </c>
      <c r="BY21" s="104">
        <v>178376</v>
      </c>
      <c r="BZ21" s="103">
        <v>1062040</v>
      </c>
      <c r="CA21" s="106">
        <v>1146992</v>
      </c>
      <c r="CB21" s="100">
        <v>42145</v>
      </c>
      <c r="CC21" s="104">
        <v>314421</v>
      </c>
      <c r="CD21" s="103">
        <v>356566</v>
      </c>
      <c r="CE21" s="100">
        <v>0</v>
      </c>
      <c r="CF21" s="104">
        <v>1421898</v>
      </c>
      <c r="CG21" s="104">
        <v>3003578</v>
      </c>
      <c r="CH21" s="104">
        <v>2009713</v>
      </c>
      <c r="CI21" s="104">
        <v>656728</v>
      </c>
      <c r="CJ21" s="104">
        <v>42304</v>
      </c>
      <c r="CK21" s="103">
        <v>7134221</v>
      </c>
      <c r="CL21" s="106">
        <v>7490787</v>
      </c>
      <c r="CM21" s="100">
        <v>0</v>
      </c>
      <c r="CN21" s="104">
        <v>0</v>
      </c>
      <c r="CO21" s="103">
        <v>0</v>
      </c>
      <c r="CP21" s="101">
        <v>0</v>
      </c>
      <c r="CQ21" s="104">
        <v>873309</v>
      </c>
      <c r="CR21" s="104">
        <v>1570590</v>
      </c>
      <c r="CS21" s="104">
        <v>1094629</v>
      </c>
      <c r="CT21" s="104">
        <v>486069</v>
      </c>
      <c r="CU21" s="104">
        <v>42304</v>
      </c>
      <c r="CV21" s="103">
        <v>4066901</v>
      </c>
      <c r="CW21" s="106">
        <v>4066901</v>
      </c>
      <c r="CX21" s="100">
        <v>42145</v>
      </c>
      <c r="CY21" s="104">
        <v>314421</v>
      </c>
      <c r="CZ21" s="103">
        <v>356566</v>
      </c>
      <c r="DA21" s="100">
        <v>0</v>
      </c>
      <c r="DB21" s="104">
        <v>548589</v>
      </c>
      <c r="DC21" s="104">
        <v>1432988</v>
      </c>
      <c r="DD21" s="104">
        <v>915084</v>
      </c>
      <c r="DE21" s="104">
        <v>170659</v>
      </c>
      <c r="DF21" s="104">
        <v>0</v>
      </c>
      <c r="DG21" s="103">
        <v>3067320</v>
      </c>
      <c r="DH21" s="106">
        <v>3423886</v>
      </c>
      <c r="DI21" s="100">
        <v>0</v>
      </c>
      <c r="DJ21" s="104">
        <v>14660</v>
      </c>
      <c r="DK21" s="102">
        <v>14660</v>
      </c>
      <c r="DL21" s="101">
        <v>0</v>
      </c>
      <c r="DM21" s="104">
        <v>7583</v>
      </c>
      <c r="DN21" s="104">
        <v>188148</v>
      </c>
      <c r="DO21" s="104">
        <v>349960</v>
      </c>
      <c r="DP21" s="104">
        <v>350943</v>
      </c>
      <c r="DQ21" s="104">
        <v>0</v>
      </c>
      <c r="DR21" s="103">
        <v>896634</v>
      </c>
      <c r="DS21" s="106">
        <v>911294</v>
      </c>
      <c r="DT21" s="100">
        <v>0</v>
      </c>
      <c r="DU21" s="104">
        <v>14660</v>
      </c>
      <c r="DV21" s="103">
        <v>14660</v>
      </c>
      <c r="DW21" s="100">
        <v>0</v>
      </c>
      <c r="DX21" s="104">
        <v>0</v>
      </c>
      <c r="DY21" s="104">
        <v>168143</v>
      </c>
      <c r="DZ21" s="104">
        <v>257798</v>
      </c>
      <c r="EA21" s="104">
        <v>350943</v>
      </c>
      <c r="EB21" s="104">
        <v>0</v>
      </c>
      <c r="EC21" s="103">
        <v>776884</v>
      </c>
      <c r="ED21" s="106">
        <v>791544</v>
      </c>
      <c r="EE21" s="100">
        <v>0</v>
      </c>
      <c r="EF21" s="102">
        <v>0</v>
      </c>
      <c r="EG21" s="103">
        <v>0</v>
      </c>
      <c r="EH21" s="100">
        <v>0</v>
      </c>
      <c r="EI21" s="104">
        <v>7583</v>
      </c>
      <c r="EJ21" s="104">
        <v>20005</v>
      </c>
      <c r="EK21" s="104">
        <v>92162</v>
      </c>
      <c r="EL21" s="104">
        <v>0</v>
      </c>
      <c r="EM21" s="104">
        <v>0</v>
      </c>
      <c r="EN21" s="102">
        <v>119750</v>
      </c>
      <c r="EO21" s="106">
        <v>119750</v>
      </c>
      <c r="EP21" s="100">
        <v>0</v>
      </c>
      <c r="EQ21" s="104">
        <v>0</v>
      </c>
      <c r="ER21" s="102">
        <v>0</v>
      </c>
      <c r="ES21" s="101">
        <v>0</v>
      </c>
      <c r="ET21" s="104">
        <v>0</v>
      </c>
      <c r="EU21" s="104">
        <v>0</v>
      </c>
      <c r="EV21" s="104">
        <v>0</v>
      </c>
      <c r="EW21" s="104">
        <v>0</v>
      </c>
      <c r="EX21" s="104">
        <v>0</v>
      </c>
      <c r="EY21" s="103">
        <v>0</v>
      </c>
      <c r="EZ21" s="106">
        <v>0</v>
      </c>
      <c r="FA21" s="100">
        <v>0</v>
      </c>
      <c r="FB21" s="104">
        <v>0</v>
      </c>
      <c r="FC21" s="102">
        <v>0</v>
      </c>
      <c r="FD21" s="324"/>
      <c r="FE21" s="104">
        <v>0</v>
      </c>
      <c r="FF21" s="104">
        <v>0</v>
      </c>
      <c r="FG21" s="104">
        <v>0</v>
      </c>
      <c r="FH21" s="104">
        <v>0</v>
      </c>
      <c r="FI21" s="104">
        <v>0</v>
      </c>
      <c r="FJ21" s="103">
        <v>0</v>
      </c>
      <c r="FK21" s="106">
        <v>0</v>
      </c>
      <c r="FL21" s="100">
        <v>46072</v>
      </c>
      <c r="FM21" s="104">
        <v>161822</v>
      </c>
      <c r="FN21" s="103">
        <v>207894</v>
      </c>
      <c r="FO21" s="100">
        <v>0</v>
      </c>
      <c r="FP21" s="104">
        <v>150112</v>
      </c>
      <c r="FQ21" s="104">
        <v>758048</v>
      </c>
      <c r="FR21" s="104">
        <v>469864</v>
      </c>
      <c r="FS21" s="104">
        <v>377064</v>
      </c>
      <c r="FT21" s="104">
        <v>111280</v>
      </c>
      <c r="FU21" s="103">
        <v>1866368</v>
      </c>
      <c r="FV21" s="106">
        <v>2074262</v>
      </c>
      <c r="FW21" s="105">
        <v>30712</v>
      </c>
      <c r="FX21" s="104">
        <v>106720</v>
      </c>
      <c r="FY21" s="102">
        <v>137432</v>
      </c>
      <c r="FZ21" s="101">
        <v>0</v>
      </c>
      <c r="GA21" s="104">
        <v>126880</v>
      </c>
      <c r="GB21" s="104">
        <v>602848</v>
      </c>
      <c r="GC21" s="104">
        <v>406664</v>
      </c>
      <c r="GD21" s="104">
        <v>348024</v>
      </c>
      <c r="GE21" s="104">
        <v>111280</v>
      </c>
      <c r="GF21" s="103">
        <v>1595696</v>
      </c>
      <c r="GG21" s="296">
        <v>1733128</v>
      </c>
      <c r="GH21" s="105">
        <v>0</v>
      </c>
      <c r="GI21" s="104">
        <v>32384</v>
      </c>
      <c r="GJ21" s="102">
        <v>32384</v>
      </c>
      <c r="GK21" s="101">
        <v>0</v>
      </c>
      <c r="GL21" s="104">
        <v>23232</v>
      </c>
      <c r="GM21" s="104">
        <v>117656</v>
      </c>
      <c r="GN21" s="104">
        <v>0</v>
      </c>
      <c r="GO21" s="104">
        <v>29040</v>
      </c>
      <c r="GP21" s="104">
        <v>0</v>
      </c>
      <c r="GQ21" s="103">
        <v>169928</v>
      </c>
      <c r="GR21" s="106">
        <v>202312</v>
      </c>
      <c r="GS21" s="100">
        <v>15360</v>
      </c>
      <c r="GT21" s="104">
        <v>22718</v>
      </c>
      <c r="GU21" s="103">
        <v>38078</v>
      </c>
      <c r="GV21" s="100">
        <v>0</v>
      </c>
      <c r="GW21" s="104">
        <v>0</v>
      </c>
      <c r="GX21" s="104">
        <v>37544</v>
      </c>
      <c r="GY21" s="104">
        <v>63200</v>
      </c>
      <c r="GZ21" s="104">
        <v>0</v>
      </c>
      <c r="HA21" s="104">
        <v>0</v>
      </c>
      <c r="HB21" s="102">
        <v>100744</v>
      </c>
      <c r="HC21" s="106">
        <v>138822</v>
      </c>
      <c r="HD21" s="100">
        <v>105352</v>
      </c>
      <c r="HE21" s="104">
        <v>0</v>
      </c>
      <c r="HF21" s="102">
        <v>105352</v>
      </c>
      <c r="HG21" s="101">
        <v>0</v>
      </c>
      <c r="HH21" s="104">
        <v>1270595</v>
      </c>
      <c r="HI21" s="104">
        <v>2632244</v>
      </c>
      <c r="HJ21" s="104">
        <v>1262734</v>
      </c>
      <c r="HK21" s="104">
        <v>2830138</v>
      </c>
      <c r="HL21" s="104">
        <v>723563</v>
      </c>
      <c r="HM21" s="103">
        <v>8719274</v>
      </c>
      <c r="HN21" s="99">
        <v>8824626</v>
      </c>
      <c r="HO21" s="306"/>
      <c r="HP21" s="307"/>
      <c r="HQ21" s="308"/>
      <c r="HR21" s="309"/>
      <c r="HS21" s="307"/>
      <c r="HT21" s="307"/>
      <c r="HU21" s="307"/>
      <c r="HV21" s="307"/>
      <c r="HW21" s="307"/>
      <c r="HX21" s="310"/>
      <c r="HY21" s="311"/>
      <c r="HZ21" s="118">
        <v>0</v>
      </c>
      <c r="IA21" s="119">
        <v>0</v>
      </c>
      <c r="IB21" s="120">
        <v>0</v>
      </c>
      <c r="IC21" s="133">
        <v>0</v>
      </c>
      <c r="ID21" s="119">
        <v>474484</v>
      </c>
      <c r="IE21" s="134">
        <v>1241513</v>
      </c>
      <c r="IF21" s="120">
        <v>1461710</v>
      </c>
      <c r="IG21" s="119">
        <v>864443</v>
      </c>
      <c r="IH21" s="120">
        <v>1136655</v>
      </c>
      <c r="II21" s="135">
        <v>5178805</v>
      </c>
      <c r="IJ21" s="126">
        <v>5178805</v>
      </c>
      <c r="IK21" s="219">
        <v>0</v>
      </c>
      <c r="IL21" s="223">
        <v>0</v>
      </c>
      <c r="IM21" s="224">
        <v>0</v>
      </c>
      <c r="IN21" s="127"/>
      <c r="IO21" s="109">
        <v>0</v>
      </c>
      <c r="IP21" s="109">
        <v>0</v>
      </c>
      <c r="IQ21" s="109">
        <v>152080</v>
      </c>
      <c r="IR21" s="109">
        <v>0</v>
      </c>
      <c r="IS21" s="109">
        <v>269928</v>
      </c>
      <c r="IT21" s="128">
        <v>422008</v>
      </c>
      <c r="IU21" s="298">
        <v>422008</v>
      </c>
      <c r="IV21" s="129">
        <v>0</v>
      </c>
      <c r="IW21" s="109">
        <v>0</v>
      </c>
      <c r="IX21" s="110">
        <v>0</v>
      </c>
      <c r="IY21" s="131"/>
      <c r="IZ21" s="109">
        <v>0</v>
      </c>
      <c r="JA21" s="109">
        <v>0</v>
      </c>
      <c r="JB21" s="109">
        <v>22348</v>
      </c>
      <c r="JC21" s="109">
        <v>0</v>
      </c>
      <c r="JD21" s="109">
        <v>0</v>
      </c>
      <c r="JE21" s="110">
        <v>22348</v>
      </c>
      <c r="JF21" s="111">
        <v>22348</v>
      </c>
      <c r="JG21" s="129">
        <v>0</v>
      </c>
      <c r="JH21" s="109">
        <v>0</v>
      </c>
      <c r="JI21" s="128">
        <v>0</v>
      </c>
      <c r="JJ21" s="108">
        <v>0</v>
      </c>
      <c r="JK21" s="109">
        <v>382234</v>
      </c>
      <c r="JL21" s="109">
        <v>452815</v>
      </c>
      <c r="JM21" s="109">
        <v>480162</v>
      </c>
      <c r="JN21" s="109">
        <v>93752</v>
      </c>
      <c r="JO21" s="109">
        <v>80861</v>
      </c>
      <c r="JP21" s="110">
        <v>1489824</v>
      </c>
      <c r="JQ21" s="298">
        <v>1489824</v>
      </c>
      <c r="JR21" s="129">
        <v>0</v>
      </c>
      <c r="JS21" s="109">
        <v>0</v>
      </c>
      <c r="JT21" s="128">
        <v>0</v>
      </c>
      <c r="JU21" s="108">
        <v>0</v>
      </c>
      <c r="JV21" s="109">
        <v>92250</v>
      </c>
      <c r="JW21" s="109">
        <v>130818</v>
      </c>
      <c r="JX21" s="109">
        <v>82011</v>
      </c>
      <c r="JY21" s="109">
        <v>0</v>
      </c>
      <c r="JZ21" s="109">
        <v>0</v>
      </c>
      <c r="KA21" s="110">
        <v>305079</v>
      </c>
      <c r="KB21" s="298">
        <v>305079</v>
      </c>
      <c r="KC21" s="221">
        <v>0</v>
      </c>
      <c r="KD21" s="217">
        <v>0</v>
      </c>
      <c r="KE21" s="110">
        <v>0</v>
      </c>
      <c r="KF21" s="108">
        <v>0</v>
      </c>
      <c r="KG21" s="109">
        <v>0</v>
      </c>
      <c r="KH21" s="109">
        <v>0</v>
      </c>
      <c r="KI21" s="109">
        <v>472485</v>
      </c>
      <c r="KJ21" s="109">
        <v>516193</v>
      </c>
      <c r="KK21" s="109">
        <v>0</v>
      </c>
      <c r="KL21" s="110">
        <v>988678</v>
      </c>
      <c r="KM21" s="130">
        <v>988678</v>
      </c>
      <c r="KN21" s="219">
        <v>0</v>
      </c>
      <c r="KO21" s="223">
        <v>0</v>
      </c>
      <c r="KP21" s="224">
        <v>0</v>
      </c>
      <c r="KQ21" s="127"/>
      <c r="KR21" s="109">
        <v>0</v>
      </c>
      <c r="KS21" s="109">
        <v>489072</v>
      </c>
      <c r="KT21" s="109">
        <v>252624</v>
      </c>
      <c r="KU21" s="109">
        <v>254498</v>
      </c>
      <c r="KV21" s="109">
        <v>785866</v>
      </c>
      <c r="KW21" s="110">
        <v>1782060</v>
      </c>
      <c r="KX21" s="298">
        <v>1782060</v>
      </c>
      <c r="KY21" s="129">
        <v>0</v>
      </c>
      <c r="KZ21" s="109">
        <v>0</v>
      </c>
      <c r="LA21" s="110">
        <v>0</v>
      </c>
      <c r="LB21" s="132"/>
      <c r="LC21" s="109">
        <v>0</v>
      </c>
      <c r="LD21" s="109">
        <v>0</v>
      </c>
      <c r="LE21" s="109">
        <v>0</v>
      </c>
      <c r="LF21" s="109">
        <v>0</v>
      </c>
      <c r="LG21" s="109">
        <v>0</v>
      </c>
      <c r="LH21" s="110">
        <v>0</v>
      </c>
      <c r="LI21" s="111">
        <v>0</v>
      </c>
      <c r="LJ21" s="129">
        <v>0</v>
      </c>
      <c r="LK21" s="109">
        <v>0</v>
      </c>
      <c r="LL21" s="110">
        <v>0</v>
      </c>
      <c r="LM21" s="132"/>
      <c r="LN21" s="109">
        <v>0</v>
      </c>
      <c r="LO21" s="109">
        <v>0</v>
      </c>
      <c r="LP21" s="109">
        <v>0</v>
      </c>
      <c r="LQ21" s="109">
        <v>0</v>
      </c>
      <c r="LR21" s="109">
        <v>0</v>
      </c>
      <c r="LS21" s="110">
        <v>0</v>
      </c>
      <c r="LT21" s="298">
        <v>0</v>
      </c>
      <c r="LU21" s="129">
        <v>0</v>
      </c>
      <c r="LV21" s="109">
        <v>0</v>
      </c>
      <c r="LW21" s="110">
        <v>0</v>
      </c>
      <c r="LX21" s="132"/>
      <c r="LY21" s="109">
        <v>0</v>
      </c>
      <c r="LZ21" s="109">
        <v>168808</v>
      </c>
      <c r="MA21" s="109">
        <v>0</v>
      </c>
      <c r="MB21" s="109">
        <v>0</v>
      </c>
      <c r="MC21" s="109">
        <v>0</v>
      </c>
      <c r="MD21" s="110">
        <v>168808</v>
      </c>
      <c r="ME21" s="111">
        <v>168808</v>
      </c>
      <c r="MF21" s="129">
        <v>0</v>
      </c>
      <c r="MG21" s="109">
        <v>0</v>
      </c>
      <c r="MH21" s="110">
        <v>0</v>
      </c>
      <c r="MI21" s="132"/>
      <c r="MJ21" s="109">
        <v>0</v>
      </c>
      <c r="MK21" s="109">
        <v>969271</v>
      </c>
      <c r="ML21" s="109">
        <v>1844491</v>
      </c>
      <c r="MM21" s="109">
        <v>4206292</v>
      </c>
      <c r="MN21" s="109">
        <v>2588034</v>
      </c>
      <c r="MO21" s="110">
        <v>9608088</v>
      </c>
      <c r="MP21" s="130">
        <v>9608088</v>
      </c>
      <c r="MQ21" s="129">
        <v>0</v>
      </c>
      <c r="MR21" s="109">
        <v>0</v>
      </c>
      <c r="MS21" s="110">
        <v>0</v>
      </c>
      <c r="MT21" s="132"/>
      <c r="MU21" s="109">
        <v>0</v>
      </c>
      <c r="MV21" s="109">
        <v>212013</v>
      </c>
      <c r="MW21" s="109">
        <v>991648</v>
      </c>
      <c r="MX21" s="109">
        <v>2599425</v>
      </c>
      <c r="MY21" s="109">
        <v>1784834</v>
      </c>
      <c r="MZ21" s="110">
        <v>5587920</v>
      </c>
      <c r="NA21" s="130">
        <v>5587920</v>
      </c>
      <c r="NB21" s="129">
        <v>0</v>
      </c>
      <c r="NC21" s="109">
        <v>0</v>
      </c>
      <c r="ND21" s="110">
        <v>0</v>
      </c>
      <c r="NE21" s="132"/>
      <c r="NF21" s="109">
        <v>0</v>
      </c>
      <c r="NG21" s="109">
        <v>757258</v>
      </c>
      <c r="NH21" s="109">
        <v>852843</v>
      </c>
      <c r="NI21" s="109">
        <v>1606867</v>
      </c>
      <c r="NJ21" s="109">
        <v>0</v>
      </c>
      <c r="NK21" s="110">
        <v>3216968</v>
      </c>
      <c r="NL21" s="298">
        <v>3216968</v>
      </c>
      <c r="NM21" s="129">
        <v>0</v>
      </c>
      <c r="NN21" s="109">
        <v>0</v>
      </c>
      <c r="NO21" s="110">
        <v>0</v>
      </c>
      <c r="NP21" s="132"/>
      <c r="NQ21" s="109">
        <v>0</v>
      </c>
      <c r="NR21" s="109">
        <v>0</v>
      </c>
      <c r="NS21" s="109">
        <v>0</v>
      </c>
      <c r="NT21" s="109">
        <v>0</v>
      </c>
      <c r="NU21" s="109">
        <v>0</v>
      </c>
      <c r="NV21" s="110">
        <v>0</v>
      </c>
      <c r="NW21" s="111">
        <v>0</v>
      </c>
      <c r="NX21" s="129">
        <v>0</v>
      </c>
      <c r="NY21" s="109">
        <v>0</v>
      </c>
      <c r="NZ21" s="110">
        <v>0</v>
      </c>
      <c r="OA21" s="132"/>
      <c r="OB21" s="109">
        <v>0</v>
      </c>
      <c r="OC21" s="109">
        <v>0</v>
      </c>
      <c r="OD21" s="109">
        <v>0</v>
      </c>
      <c r="OE21" s="109">
        <v>0</v>
      </c>
      <c r="OF21" s="109">
        <v>803200</v>
      </c>
      <c r="OG21" s="110">
        <v>803200</v>
      </c>
      <c r="OH21" s="111">
        <v>803200</v>
      </c>
      <c r="OI21" s="129">
        <v>331711</v>
      </c>
      <c r="OJ21" s="109">
        <v>711140</v>
      </c>
      <c r="OK21" s="128">
        <v>1042851</v>
      </c>
      <c r="OL21" s="108">
        <v>0</v>
      </c>
      <c r="OM21" s="109">
        <v>4505480</v>
      </c>
      <c r="ON21" s="109">
        <v>10548116</v>
      </c>
      <c r="OO21" s="109">
        <v>8269021</v>
      </c>
      <c r="OP21" s="109">
        <v>9979660</v>
      </c>
      <c r="OQ21" s="109">
        <v>5304936</v>
      </c>
      <c r="OR21" s="110">
        <v>38607213</v>
      </c>
      <c r="OS21" s="130">
        <v>39650064</v>
      </c>
    </row>
    <row r="22" spans="2:409" ht="21" customHeight="1" x14ac:dyDescent="0.2">
      <c r="B22" s="472" t="s">
        <v>17</v>
      </c>
      <c r="C22" s="100">
        <v>480895</v>
      </c>
      <c r="D22" s="104">
        <v>772453</v>
      </c>
      <c r="E22" s="103">
        <v>1253348</v>
      </c>
      <c r="F22" s="99">
        <v>0</v>
      </c>
      <c r="G22" s="104">
        <v>3566661</v>
      </c>
      <c r="H22" s="104">
        <v>6795717</v>
      </c>
      <c r="I22" s="104">
        <v>5207558</v>
      </c>
      <c r="J22" s="104">
        <v>2748874</v>
      </c>
      <c r="K22" s="104">
        <v>3513623</v>
      </c>
      <c r="L22" s="99">
        <v>21832433</v>
      </c>
      <c r="M22" s="106">
        <v>23085781</v>
      </c>
      <c r="N22" s="100">
        <v>81240</v>
      </c>
      <c r="O22" s="104">
        <v>102415</v>
      </c>
      <c r="P22" s="103">
        <v>183655</v>
      </c>
      <c r="Q22" s="100">
        <v>0</v>
      </c>
      <c r="R22" s="104">
        <v>1056681</v>
      </c>
      <c r="S22" s="104">
        <v>1603681</v>
      </c>
      <c r="T22" s="104">
        <v>1829225</v>
      </c>
      <c r="U22" s="104">
        <v>331777</v>
      </c>
      <c r="V22" s="104">
        <v>1762036</v>
      </c>
      <c r="W22" s="103">
        <v>6583400</v>
      </c>
      <c r="X22" s="106">
        <v>6767055</v>
      </c>
      <c r="Y22" s="100">
        <v>0</v>
      </c>
      <c r="Z22" s="104">
        <v>0</v>
      </c>
      <c r="AA22" s="103">
        <v>0</v>
      </c>
      <c r="AB22" s="100">
        <v>0</v>
      </c>
      <c r="AC22" s="104">
        <v>277790</v>
      </c>
      <c r="AD22" s="104">
        <v>741904</v>
      </c>
      <c r="AE22" s="104">
        <v>781870</v>
      </c>
      <c r="AF22" s="104">
        <v>21610</v>
      </c>
      <c r="AG22" s="104">
        <v>1015409</v>
      </c>
      <c r="AH22" s="103">
        <v>2838583</v>
      </c>
      <c r="AI22" s="106">
        <v>2838583</v>
      </c>
      <c r="AJ22" s="100">
        <v>0</v>
      </c>
      <c r="AK22" s="104">
        <v>0</v>
      </c>
      <c r="AL22" s="103">
        <v>0</v>
      </c>
      <c r="AM22" s="100">
        <v>0</v>
      </c>
      <c r="AN22" s="104">
        <v>0</v>
      </c>
      <c r="AO22" s="104">
        <v>0</v>
      </c>
      <c r="AP22" s="104">
        <v>47374</v>
      </c>
      <c r="AQ22" s="104">
        <v>71932</v>
      </c>
      <c r="AR22" s="104">
        <v>153501</v>
      </c>
      <c r="AS22" s="103">
        <v>272807</v>
      </c>
      <c r="AT22" s="106">
        <v>272807</v>
      </c>
      <c r="AU22" s="100">
        <v>0</v>
      </c>
      <c r="AV22" s="104">
        <v>30541</v>
      </c>
      <c r="AW22" s="103">
        <v>30541</v>
      </c>
      <c r="AX22" s="100">
        <v>0</v>
      </c>
      <c r="AY22" s="104">
        <v>557763</v>
      </c>
      <c r="AZ22" s="104">
        <v>434219</v>
      </c>
      <c r="BA22" s="104">
        <v>628246</v>
      </c>
      <c r="BB22" s="104">
        <v>96363</v>
      </c>
      <c r="BC22" s="104">
        <v>387094</v>
      </c>
      <c r="BD22" s="103">
        <v>2103685</v>
      </c>
      <c r="BE22" s="106">
        <v>2134226</v>
      </c>
      <c r="BF22" s="100">
        <v>0</v>
      </c>
      <c r="BG22" s="104">
        <v>23562</v>
      </c>
      <c r="BH22" s="102">
        <v>23562</v>
      </c>
      <c r="BI22" s="101">
        <v>0</v>
      </c>
      <c r="BJ22" s="104">
        <v>0</v>
      </c>
      <c r="BK22" s="104">
        <v>35254</v>
      </c>
      <c r="BL22" s="104">
        <v>66671</v>
      </c>
      <c r="BM22" s="104">
        <v>0</v>
      </c>
      <c r="BN22" s="104">
        <v>0</v>
      </c>
      <c r="BO22" s="103">
        <v>101925</v>
      </c>
      <c r="BP22" s="106">
        <v>125487</v>
      </c>
      <c r="BQ22" s="100">
        <v>81240</v>
      </c>
      <c r="BR22" s="104">
        <v>48312</v>
      </c>
      <c r="BS22" s="103">
        <v>129552</v>
      </c>
      <c r="BT22" s="100">
        <v>0</v>
      </c>
      <c r="BU22" s="104">
        <v>221128</v>
      </c>
      <c r="BV22" s="104">
        <v>392304</v>
      </c>
      <c r="BW22" s="104">
        <v>305064</v>
      </c>
      <c r="BX22" s="104">
        <v>141872</v>
      </c>
      <c r="BY22" s="104">
        <v>206032</v>
      </c>
      <c r="BZ22" s="103">
        <v>1266400</v>
      </c>
      <c r="CA22" s="106">
        <v>1395952</v>
      </c>
      <c r="CB22" s="100">
        <v>67292</v>
      </c>
      <c r="CC22" s="104">
        <v>149408</v>
      </c>
      <c r="CD22" s="103">
        <v>216700</v>
      </c>
      <c r="CE22" s="100">
        <v>0</v>
      </c>
      <c r="CF22" s="104">
        <v>1093834</v>
      </c>
      <c r="CG22" s="104">
        <v>2456973</v>
      </c>
      <c r="CH22" s="104">
        <v>961691</v>
      </c>
      <c r="CI22" s="104">
        <v>469311</v>
      </c>
      <c r="CJ22" s="104">
        <v>511987</v>
      </c>
      <c r="CK22" s="103">
        <v>5493796</v>
      </c>
      <c r="CL22" s="106">
        <v>5710496</v>
      </c>
      <c r="CM22" s="100">
        <v>0</v>
      </c>
      <c r="CN22" s="104">
        <v>0</v>
      </c>
      <c r="CO22" s="103">
        <v>0</v>
      </c>
      <c r="CP22" s="101">
        <v>0</v>
      </c>
      <c r="CQ22" s="104">
        <v>1017870</v>
      </c>
      <c r="CR22" s="104">
        <v>1883511</v>
      </c>
      <c r="CS22" s="104">
        <v>565005</v>
      </c>
      <c r="CT22" s="104">
        <v>398027</v>
      </c>
      <c r="CU22" s="104">
        <v>231536</v>
      </c>
      <c r="CV22" s="103">
        <v>4095949</v>
      </c>
      <c r="CW22" s="106">
        <v>4095949</v>
      </c>
      <c r="CX22" s="100">
        <v>67292</v>
      </c>
      <c r="CY22" s="104">
        <v>149408</v>
      </c>
      <c r="CZ22" s="103">
        <v>216700</v>
      </c>
      <c r="DA22" s="100">
        <v>0</v>
      </c>
      <c r="DB22" s="104">
        <v>75964</v>
      </c>
      <c r="DC22" s="104">
        <v>573462</v>
      </c>
      <c r="DD22" s="104">
        <v>396686</v>
      </c>
      <c r="DE22" s="104">
        <v>71284</v>
      </c>
      <c r="DF22" s="104">
        <v>280451</v>
      </c>
      <c r="DG22" s="103">
        <v>1397847</v>
      </c>
      <c r="DH22" s="106">
        <v>1614547</v>
      </c>
      <c r="DI22" s="100">
        <v>0</v>
      </c>
      <c r="DJ22" s="104">
        <v>0</v>
      </c>
      <c r="DK22" s="102">
        <v>0</v>
      </c>
      <c r="DL22" s="101">
        <v>0</v>
      </c>
      <c r="DM22" s="104">
        <v>175973</v>
      </c>
      <c r="DN22" s="104">
        <v>634925</v>
      </c>
      <c r="DO22" s="104">
        <v>377099</v>
      </c>
      <c r="DP22" s="104">
        <v>861682</v>
      </c>
      <c r="DQ22" s="104">
        <v>377573</v>
      </c>
      <c r="DR22" s="103">
        <v>2427252</v>
      </c>
      <c r="DS22" s="106">
        <v>2427252</v>
      </c>
      <c r="DT22" s="100">
        <v>0</v>
      </c>
      <c r="DU22" s="104">
        <v>0</v>
      </c>
      <c r="DV22" s="103">
        <v>0</v>
      </c>
      <c r="DW22" s="100">
        <v>0</v>
      </c>
      <c r="DX22" s="104">
        <v>175973</v>
      </c>
      <c r="DY22" s="104">
        <v>615667</v>
      </c>
      <c r="DZ22" s="104">
        <v>283092</v>
      </c>
      <c r="EA22" s="104">
        <v>829582</v>
      </c>
      <c r="EB22" s="104">
        <v>377573</v>
      </c>
      <c r="EC22" s="103">
        <v>2281887</v>
      </c>
      <c r="ED22" s="106">
        <v>2281887</v>
      </c>
      <c r="EE22" s="100">
        <v>0</v>
      </c>
      <c r="EF22" s="102">
        <v>0</v>
      </c>
      <c r="EG22" s="103">
        <v>0</v>
      </c>
      <c r="EH22" s="100">
        <v>0</v>
      </c>
      <c r="EI22" s="104">
        <v>0</v>
      </c>
      <c r="EJ22" s="104">
        <v>19258</v>
      </c>
      <c r="EK22" s="104">
        <v>94007</v>
      </c>
      <c r="EL22" s="104">
        <v>32100</v>
      </c>
      <c r="EM22" s="104">
        <v>0</v>
      </c>
      <c r="EN22" s="102">
        <v>145365</v>
      </c>
      <c r="EO22" s="106">
        <v>145365</v>
      </c>
      <c r="EP22" s="100">
        <v>0</v>
      </c>
      <c r="EQ22" s="104">
        <v>0</v>
      </c>
      <c r="ER22" s="102">
        <v>0</v>
      </c>
      <c r="ES22" s="101">
        <v>0</v>
      </c>
      <c r="ET22" s="104">
        <v>0</v>
      </c>
      <c r="EU22" s="104">
        <v>0</v>
      </c>
      <c r="EV22" s="104">
        <v>0</v>
      </c>
      <c r="EW22" s="104">
        <v>0</v>
      </c>
      <c r="EX22" s="104">
        <v>0</v>
      </c>
      <c r="EY22" s="103">
        <v>0</v>
      </c>
      <c r="EZ22" s="106">
        <v>0</v>
      </c>
      <c r="FA22" s="100">
        <v>0</v>
      </c>
      <c r="FB22" s="104">
        <v>0</v>
      </c>
      <c r="FC22" s="102">
        <v>0</v>
      </c>
      <c r="FD22" s="324"/>
      <c r="FE22" s="104">
        <v>0</v>
      </c>
      <c r="FF22" s="104">
        <v>0</v>
      </c>
      <c r="FG22" s="104">
        <v>0</v>
      </c>
      <c r="FH22" s="104">
        <v>0</v>
      </c>
      <c r="FI22" s="104">
        <v>0</v>
      </c>
      <c r="FJ22" s="103">
        <v>0</v>
      </c>
      <c r="FK22" s="106">
        <v>0</v>
      </c>
      <c r="FL22" s="100">
        <v>59584</v>
      </c>
      <c r="FM22" s="104">
        <v>330311</v>
      </c>
      <c r="FN22" s="103">
        <v>389895</v>
      </c>
      <c r="FO22" s="100">
        <v>0</v>
      </c>
      <c r="FP22" s="104">
        <v>195000</v>
      </c>
      <c r="FQ22" s="104">
        <v>833248</v>
      </c>
      <c r="FR22" s="104">
        <v>491304</v>
      </c>
      <c r="FS22" s="104">
        <v>237664</v>
      </c>
      <c r="FT22" s="104">
        <v>356808</v>
      </c>
      <c r="FU22" s="103">
        <v>2114024</v>
      </c>
      <c r="FV22" s="106">
        <v>2503919</v>
      </c>
      <c r="FW22" s="105">
        <v>59584</v>
      </c>
      <c r="FX22" s="104">
        <v>107792</v>
      </c>
      <c r="FY22" s="102">
        <v>167376</v>
      </c>
      <c r="FZ22" s="101">
        <v>0</v>
      </c>
      <c r="GA22" s="104">
        <v>128064</v>
      </c>
      <c r="GB22" s="104">
        <v>803680</v>
      </c>
      <c r="GC22" s="104">
        <v>462904</v>
      </c>
      <c r="GD22" s="104">
        <v>179264</v>
      </c>
      <c r="GE22" s="104">
        <v>326184</v>
      </c>
      <c r="GF22" s="103">
        <v>1900096</v>
      </c>
      <c r="GG22" s="296">
        <v>2067472</v>
      </c>
      <c r="GH22" s="105">
        <v>0</v>
      </c>
      <c r="GI22" s="104">
        <v>23232</v>
      </c>
      <c r="GJ22" s="102">
        <v>23232</v>
      </c>
      <c r="GK22" s="101">
        <v>0</v>
      </c>
      <c r="GL22" s="104">
        <v>50304</v>
      </c>
      <c r="GM22" s="104">
        <v>29568</v>
      </c>
      <c r="GN22" s="104">
        <v>28400</v>
      </c>
      <c r="GO22" s="104">
        <v>0</v>
      </c>
      <c r="GP22" s="104">
        <v>30624</v>
      </c>
      <c r="GQ22" s="103">
        <v>138896</v>
      </c>
      <c r="GR22" s="106">
        <v>162128</v>
      </c>
      <c r="GS22" s="100">
        <v>0</v>
      </c>
      <c r="GT22" s="104">
        <v>199287</v>
      </c>
      <c r="GU22" s="103">
        <v>199287</v>
      </c>
      <c r="GV22" s="100">
        <v>0</v>
      </c>
      <c r="GW22" s="104">
        <v>16632</v>
      </c>
      <c r="GX22" s="104">
        <v>0</v>
      </c>
      <c r="GY22" s="104">
        <v>0</v>
      </c>
      <c r="GZ22" s="104">
        <v>58400</v>
      </c>
      <c r="HA22" s="104">
        <v>0</v>
      </c>
      <c r="HB22" s="102">
        <v>75032</v>
      </c>
      <c r="HC22" s="106">
        <v>274319</v>
      </c>
      <c r="HD22" s="100">
        <v>272779</v>
      </c>
      <c r="HE22" s="104">
        <v>190319</v>
      </c>
      <c r="HF22" s="102">
        <v>463098</v>
      </c>
      <c r="HG22" s="101">
        <v>0</v>
      </c>
      <c r="HH22" s="104">
        <v>1045173</v>
      </c>
      <c r="HI22" s="104">
        <v>1266890</v>
      </c>
      <c r="HJ22" s="104">
        <v>1548239</v>
      </c>
      <c r="HK22" s="104">
        <v>848440</v>
      </c>
      <c r="HL22" s="104">
        <v>505219</v>
      </c>
      <c r="HM22" s="103">
        <v>5213961</v>
      </c>
      <c r="HN22" s="99">
        <v>5677059</v>
      </c>
      <c r="HO22" s="306"/>
      <c r="HP22" s="307"/>
      <c r="HQ22" s="308"/>
      <c r="HR22" s="309"/>
      <c r="HS22" s="307"/>
      <c r="HT22" s="307"/>
      <c r="HU22" s="307"/>
      <c r="HV22" s="307"/>
      <c r="HW22" s="307"/>
      <c r="HX22" s="310"/>
      <c r="HY22" s="311"/>
      <c r="HZ22" s="137">
        <v>0</v>
      </c>
      <c r="IA22" s="122">
        <v>0</v>
      </c>
      <c r="IB22" s="137">
        <v>0</v>
      </c>
      <c r="IC22" s="121">
        <v>0</v>
      </c>
      <c r="ID22" s="122">
        <v>1933978</v>
      </c>
      <c r="IE22" s="123">
        <v>2232356</v>
      </c>
      <c r="IF22" s="124">
        <v>3798735</v>
      </c>
      <c r="IG22" s="122">
        <v>1495672</v>
      </c>
      <c r="IH22" s="124">
        <v>1003010</v>
      </c>
      <c r="II22" s="125">
        <v>10463751</v>
      </c>
      <c r="IJ22" s="137">
        <v>10463751</v>
      </c>
      <c r="IK22" s="219">
        <v>0</v>
      </c>
      <c r="IL22" s="223">
        <v>0</v>
      </c>
      <c r="IM22" s="224">
        <v>0</v>
      </c>
      <c r="IN22" s="127"/>
      <c r="IO22" s="109">
        <v>0</v>
      </c>
      <c r="IP22" s="109">
        <v>0</v>
      </c>
      <c r="IQ22" s="109">
        <v>0</v>
      </c>
      <c r="IR22" s="109">
        <v>0</v>
      </c>
      <c r="IS22" s="109">
        <v>239936</v>
      </c>
      <c r="IT22" s="128">
        <v>239936</v>
      </c>
      <c r="IU22" s="298">
        <v>239936</v>
      </c>
      <c r="IV22" s="129">
        <v>0</v>
      </c>
      <c r="IW22" s="109">
        <v>0</v>
      </c>
      <c r="IX22" s="110">
        <v>0</v>
      </c>
      <c r="IY22" s="131"/>
      <c r="IZ22" s="109">
        <v>0</v>
      </c>
      <c r="JA22" s="109">
        <v>0</v>
      </c>
      <c r="JB22" s="109">
        <v>0</v>
      </c>
      <c r="JC22" s="109">
        <v>0</v>
      </c>
      <c r="JD22" s="109">
        <v>0</v>
      </c>
      <c r="JE22" s="110">
        <v>0</v>
      </c>
      <c r="JF22" s="111">
        <v>0</v>
      </c>
      <c r="JG22" s="129">
        <v>0</v>
      </c>
      <c r="JH22" s="109">
        <v>0</v>
      </c>
      <c r="JI22" s="128">
        <v>0</v>
      </c>
      <c r="JJ22" s="108">
        <v>0</v>
      </c>
      <c r="JK22" s="109">
        <v>990296</v>
      </c>
      <c r="JL22" s="109">
        <v>1224044</v>
      </c>
      <c r="JM22" s="109">
        <v>754757</v>
      </c>
      <c r="JN22" s="109">
        <v>135805</v>
      </c>
      <c r="JO22" s="109">
        <v>401386</v>
      </c>
      <c r="JP22" s="110">
        <v>3506288</v>
      </c>
      <c r="JQ22" s="298">
        <v>3506288</v>
      </c>
      <c r="JR22" s="129">
        <v>0</v>
      </c>
      <c r="JS22" s="109">
        <v>0</v>
      </c>
      <c r="JT22" s="128">
        <v>0</v>
      </c>
      <c r="JU22" s="108">
        <v>0</v>
      </c>
      <c r="JV22" s="109">
        <v>94796</v>
      </c>
      <c r="JW22" s="109">
        <v>66782</v>
      </c>
      <c r="JX22" s="109">
        <v>0</v>
      </c>
      <c r="JY22" s="109">
        <v>0</v>
      </c>
      <c r="JZ22" s="109">
        <v>0</v>
      </c>
      <c r="KA22" s="110">
        <v>161578</v>
      </c>
      <c r="KB22" s="298">
        <v>161578</v>
      </c>
      <c r="KC22" s="221">
        <v>0</v>
      </c>
      <c r="KD22" s="217">
        <v>0</v>
      </c>
      <c r="KE22" s="110">
        <v>0</v>
      </c>
      <c r="KF22" s="108">
        <v>0</v>
      </c>
      <c r="KG22" s="109">
        <v>128499</v>
      </c>
      <c r="KH22" s="109">
        <v>180537</v>
      </c>
      <c r="KI22" s="109">
        <v>502468</v>
      </c>
      <c r="KJ22" s="109">
        <v>543028</v>
      </c>
      <c r="KK22" s="109">
        <v>0</v>
      </c>
      <c r="KL22" s="110">
        <v>1354532</v>
      </c>
      <c r="KM22" s="130">
        <v>1354532</v>
      </c>
      <c r="KN22" s="219">
        <v>0</v>
      </c>
      <c r="KO22" s="223">
        <v>0</v>
      </c>
      <c r="KP22" s="224">
        <v>0</v>
      </c>
      <c r="KQ22" s="127"/>
      <c r="KR22" s="109">
        <v>720387</v>
      </c>
      <c r="KS22" s="109">
        <v>760993</v>
      </c>
      <c r="KT22" s="109">
        <v>1532392</v>
      </c>
      <c r="KU22" s="109">
        <v>264629</v>
      </c>
      <c r="KV22" s="109">
        <v>0</v>
      </c>
      <c r="KW22" s="110">
        <v>3278401</v>
      </c>
      <c r="KX22" s="298">
        <v>3278401</v>
      </c>
      <c r="KY22" s="129">
        <v>0</v>
      </c>
      <c r="KZ22" s="109">
        <v>0</v>
      </c>
      <c r="LA22" s="110">
        <v>0</v>
      </c>
      <c r="LB22" s="132"/>
      <c r="LC22" s="109">
        <v>0</v>
      </c>
      <c r="LD22" s="109">
        <v>0</v>
      </c>
      <c r="LE22" s="109">
        <v>0</v>
      </c>
      <c r="LF22" s="109">
        <v>0</v>
      </c>
      <c r="LG22" s="109">
        <v>0</v>
      </c>
      <c r="LH22" s="110">
        <v>0</v>
      </c>
      <c r="LI22" s="111">
        <v>0</v>
      </c>
      <c r="LJ22" s="129">
        <v>0</v>
      </c>
      <c r="LK22" s="109">
        <v>0</v>
      </c>
      <c r="LL22" s="110">
        <v>0</v>
      </c>
      <c r="LM22" s="132"/>
      <c r="LN22" s="109">
        <v>0</v>
      </c>
      <c r="LO22" s="109">
        <v>0</v>
      </c>
      <c r="LP22" s="109">
        <v>717274</v>
      </c>
      <c r="LQ22" s="109">
        <v>552210</v>
      </c>
      <c r="LR22" s="109">
        <v>0</v>
      </c>
      <c r="LS22" s="110">
        <v>1269484</v>
      </c>
      <c r="LT22" s="298">
        <v>1269484</v>
      </c>
      <c r="LU22" s="129">
        <v>0</v>
      </c>
      <c r="LV22" s="109">
        <v>0</v>
      </c>
      <c r="LW22" s="110">
        <v>0</v>
      </c>
      <c r="LX22" s="132"/>
      <c r="LY22" s="109">
        <v>0</v>
      </c>
      <c r="LZ22" s="109">
        <v>0</v>
      </c>
      <c r="MA22" s="109">
        <v>291844</v>
      </c>
      <c r="MB22" s="109">
        <v>0</v>
      </c>
      <c r="MC22" s="109">
        <v>361688</v>
      </c>
      <c r="MD22" s="110">
        <v>653532</v>
      </c>
      <c r="ME22" s="111">
        <v>653532</v>
      </c>
      <c r="MF22" s="129">
        <v>0</v>
      </c>
      <c r="MG22" s="109">
        <v>0</v>
      </c>
      <c r="MH22" s="110">
        <v>0</v>
      </c>
      <c r="MI22" s="132"/>
      <c r="MJ22" s="109">
        <v>952449</v>
      </c>
      <c r="MK22" s="109">
        <v>1177424</v>
      </c>
      <c r="ML22" s="109">
        <v>3982105</v>
      </c>
      <c r="MM22" s="109">
        <v>4270467</v>
      </c>
      <c r="MN22" s="109">
        <v>4822980</v>
      </c>
      <c r="MO22" s="110">
        <v>15205425</v>
      </c>
      <c r="MP22" s="130">
        <v>15205425</v>
      </c>
      <c r="MQ22" s="129">
        <v>0</v>
      </c>
      <c r="MR22" s="109">
        <v>0</v>
      </c>
      <c r="MS22" s="110">
        <v>0</v>
      </c>
      <c r="MT22" s="132"/>
      <c r="MU22" s="109">
        <v>0</v>
      </c>
      <c r="MV22" s="109">
        <v>0</v>
      </c>
      <c r="MW22" s="109">
        <v>2634777</v>
      </c>
      <c r="MX22" s="109">
        <v>3639613</v>
      </c>
      <c r="MY22" s="109">
        <v>2641180</v>
      </c>
      <c r="MZ22" s="110">
        <v>8915570</v>
      </c>
      <c r="NA22" s="130">
        <v>8915570</v>
      </c>
      <c r="NB22" s="129">
        <v>0</v>
      </c>
      <c r="NC22" s="109">
        <v>0</v>
      </c>
      <c r="ND22" s="110">
        <v>0</v>
      </c>
      <c r="NE22" s="132"/>
      <c r="NF22" s="109">
        <v>952449</v>
      </c>
      <c r="NG22" s="109">
        <v>1177424</v>
      </c>
      <c r="NH22" s="109">
        <v>1347328</v>
      </c>
      <c r="NI22" s="109">
        <v>630854</v>
      </c>
      <c r="NJ22" s="109">
        <v>2181800</v>
      </c>
      <c r="NK22" s="110">
        <v>6289855</v>
      </c>
      <c r="NL22" s="298">
        <v>6289855</v>
      </c>
      <c r="NM22" s="129">
        <v>0</v>
      </c>
      <c r="NN22" s="109">
        <v>0</v>
      </c>
      <c r="NO22" s="110">
        <v>0</v>
      </c>
      <c r="NP22" s="132"/>
      <c r="NQ22" s="109">
        <v>0</v>
      </c>
      <c r="NR22" s="109">
        <v>0</v>
      </c>
      <c r="NS22" s="109">
        <v>0</v>
      </c>
      <c r="NT22" s="109">
        <v>0</v>
      </c>
      <c r="NU22" s="109">
        <v>0</v>
      </c>
      <c r="NV22" s="110">
        <v>0</v>
      </c>
      <c r="NW22" s="111">
        <v>0</v>
      </c>
      <c r="NX22" s="129">
        <v>0</v>
      </c>
      <c r="NY22" s="109">
        <v>0</v>
      </c>
      <c r="NZ22" s="110">
        <v>0</v>
      </c>
      <c r="OA22" s="132"/>
      <c r="OB22" s="109">
        <v>0</v>
      </c>
      <c r="OC22" s="109">
        <v>0</v>
      </c>
      <c r="OD22" s="109">
        <v>0</v>
      </c>
      <c r="OE22" s="109">
        <v>0</v>
      </c>
      <c r="OF22" s="109">
        <v>0</v>
      </c>
      <c r="OG22" s="110">
        <v>0</v>
      </c>
      <c r="OH22" s="111">
        <v>0</v>
      </c>
      <c r="OI22" s="129">
        <v>480895</v>
      </c>
      <c r="OJ22" s="109">
        <v>772453</v>
      </c>
      <c r="OK22" s="128">
        <v>1253348</v>
      </c>
      <c r="OL22" s="108">
        <v>0</v>
      </c>
      <c r="OM22" s="109">
        <v>6453088</v>
      </c>
      <c r="ON22" s="109">
        <v>10205497</v>
      </c>
      <c r="OO22" s="109">
        <v>12988398</v>
      </c>
      <c r="OP22" s="109">
        <v>8515013</v>
      </c>
      <c r="OQ22" s="109">
        <v>9339613</v>
      </c>
      <c r="OR22" s="110">
        <v>47501609</v>
      </c>
      <c r="OS22" s="130">
        <v>48754957</v>
      </c>
    </row>
    <row r="23" spans="2:409" ht="21" customHeight="1" x14ac:dyDescent="0.2">
      <c r="B23" s="472" t="s">
        <v>18</v>
      </c>
      <c r="C23" s="100">
        <v>472117</v>
      </c>
      <c r="D23" s="104">
        <v>1049667</v>
      </c>
      <c r="E23" s="103">
        <v>1521784</v>
      </c>
      <c r="F23" s="99">
        <v>0</v>
      </c>
      <c r="G23" s="104">
        <v>7129749</v>
      </c>
      <c r="H23" s="104">
        <v>8631797</v>
      </c>
      <c r="I23" s="104">
        <v>8059355</v>
      </c>
      <c r="J23" s="104">
        <v>7291132</v>
      </c>
      <c r="K23" s="104">
        <v>2286320</v>
      </c>
      <c r="L23" s="99">
        <v>33398353</v>
      </c>
      <c r="M23" s="106">
        <v>34920137</v>
      </c>
      <c r="N23" s="100">
        <v>162429</v>
      </c>
      <c r="O23" s="104">
        <v>363288</v>
      </c>
      <c r="P23" s="103">
        <v>525717</v>
      </c>
      <c r="Q23" s="100">
        <v>0</v>
      </c>
      <c r="R23" s="104">
        <v>2576091</v>
      </c>
      <c r="S23" s="104">
        <v>2079053</v>
      </c>
      <c r="T23" s="104">
        <v>2410328</v>
      </c>
      <c r="U23" s="104">
        <v>2588712</v>
      </c>
      <c r="V23" s="104">
        <v>900148</v>
      </c>
      <c r="W23" s="103">
        <v>10554332</v>
      </c>
      <c r="X23" s="106">
        <v>11080049</v>
      </c>
      <c r="Y23" s="100">
        <v>0</v>
      </c>
      <c r="Z23" s="104">
        <v>0</v>
      </c>
      <c r="AA23" s="103">
        <v>0</v>
      </c>
      <c r="AB23" s="100">
        <v>0</v>
      </c>
      <c r="AC23" s="104">
        <v>1094755</v>
      </c>
      <c r="AD23" s="104">
        <v>842733</v>
      </c>
      <c r="AE23" s="104">
        <v>1340890</v>
      </c>
      <c r="AF23" s="104">
        <v>1642289</v>
      </c>
      <c r="AG23" s="104">
        <v>289831</v>
      </c>
      <c r="AH23" s="103">
        <v>5210498</v>
      </c>
      <c r="AI23" s="106">
        <v>5210498</v>
      </c>
      <c r="AJ23" s="100">
        <v>0</v>
      </c>
      <c r="AK23" s="104">
        <v>0</v>
      </c>
      <c r="AL23" s="103">
        <v>0</v>
      </c>
      <c r="AM23" s="100">
        <v>0</v>
      </c>
      <c r="AN23" s="104">
        <v>60321</v>
      </c>
      <c r="AO23" s="104">
        <v>0</v>
      </c>
      <c r="AP23" s="104">
        <v>70140</v>
      </c>
      <c r="AQ23" s="104">
        <v>0</v>
      </c>
      <c r="AR23" s="104">
        <v>175514</v>
      </c>
      <c r="AS23" s="103">
        <v>305975</v>
      </c>
      <c r="AT23" s="106">
        <v>305975</v>
      </c>
      <c r="AU23" s="100">
        <v>77053</v>
      </c>
      <c r="AV23" s="104">
        <v>259892</v>
      </c>
      <c r="AW23" s="103">
        <v>336945</v>
      </c>
      <c r="AX23" s="100">
        <v>0</v>
      </c>
      <c r="AY23" s="104">
        <v>767117</v>
      </c>
      <c r="AZ23" s="104">
        <v>701634</v>
      </c>
      <c r="BA23" s="104">
        <v>588946</v>
      </c>
      <c r="BB23" s="104">
        <v>280216</v>
      </c>
      <c r="BC23" s="104">
        <v>244803</v>
      </c>
      <c r="BD23" s="103">
        <v>2582716</v>
      </c>
      <c r="BE23" s="106">
        <v>2919661</v>
      </c>
      <c r="BF23" s="100">
        <v>0</v>
      </c>
      <c r="BG23" s="104">
        <v>67292</v>
      </c>
      <c r="BH23" s="102">
        <v>67292</v>
      </c>
      <c r="BI23" s="101">
        <v>0</v>
      </c>
      <c r="BJ23" s="104">
        <v>127906</v>
      </c>
      <c r="BK23" s="104">
        <v>124022</v>
      </c>
      <c r="BL23" s="104">
        <v>0</v>
      </c>
      <c r="BM23" s="104">
        <v>324919</v>
      </c>
      <c r="BN23" s="104">
        <v>0</v>
      </c>
      <c r="BO23" s="103">
        <v>576847</v>
      </c>
      <c r="BP23" s="106">
        <v>644139</v>
      </c>
      <c r="BQ23" s="100">
        <v>85376</v>
      </c>
      <c r="BR23" s="104">
        <v>36104</v>
      </c>
      <c r="BS23" s="103">
        <v>121480</v>
      </c>
      <c r="BT23" s="100">
        <v>0</v>
      </c>
      <c r="BU23" s="104">
        <v>525992</v>
      </c>
      <c r="BV23" s="104">
        <v>410664</v>
      </c>
      <c r="BW23" s="104">
        <v>410352</v>
      </c>
      <c r="BX23" s="104">
        <v>341288</v>
      </c>
      <c r="BY23" s="104">
        <v>190000</v>
      </c>
      <c r="BZ23" s="103">
        <v>1878296</v>
      </c>
      <c r="CA23" s="106">
        <v>1999776</v>
      </c>
      <c r="CB23" s="100">
        <v>61256</v>
      </c>
      <c r="CC23" s="104">
        <v>310179</v>
      </c>
      <c r="CD23" s="103">
        <v>371435</v>
      </c>
      <c r="CE23" s="100">
        <v>0</v>
      </c>
      <c r="CF23" s="104">
        <v>2520169</v>
      </c>
      <c r="CG23" s="104">
        <v>3389242</v>
      </c>
      <c r="CH23" s="104">
        <v>2111885</v>
      </c>
      <c r="CI23" s="104">
        <v>935703</v>
      </c>
      <c r="CJ23" s="104">
        <v>185293</v>
      </c>
      <c r="CK23" s="103">
        <v>9142292</v>
      </c>
      <c r="CL23" s="106">
        <v>9513727</v>
      </c>
      <c r="CM23" s="100">
        <v>0</v>
      </c>
      <c r="CN23" s="104">
        <v>0</v>
      </c>
      <c r="CO23" s="103">
        <v>0</v>
      </c>
      <c r="CP23" s="101">
        <v>0</v>
      </c>
      <c r="CQ23" s="104">
        <v>2138364</v>
      </c>
      <c r="CR23" s="104">
        <v>2775833</v>
      </c>
      <c r="CS23" s="104">
        <v>1652203</v>
      </c>
      <c r="CT23" s="104">
        <v>813965</v>
      </c>
      <c r="CU23" s="104">
        <v>86470</v>
      </c>
      <c r="CV23" s="103">
        <v>7466835</v>
      </c>
      <c r="CW23" s="106">
        <v>7466835</v>
      </c>
      <c r="CX23" s="100">
        <v>61256</v>
      </c>
      <c r="CY23" s="104">
        <v>310179</v>
      </c>
      <c r="CZ23" s="103">
        <v>371435</v>
      </c>
      <c r="DA23" s="100">
        <v>0</v>
      </c>
      <c r="DB23" s="104">
        <v>381805</v>
      </c>
      <c r="DC23" s="104">
        <v>613409</v>
      </c>
      <c r="DD23" s="104">
        <v>459682</v>
      </c>
      <c r="DE23" s="104">
        <v>121738</v>
      </c>
      <c r="DF23" s="104">
        <v>98823</v>
      </c>
      <c r="DG23" s="103">
        <v>1675457</v>
      </c>
      <c r="DH23" s="106">
        <v>2046892</v>
      </c>
      <c r="DI23" s="100">
        <v>0</v>
      </c>
      <c r="DJ23" s="104">
        <v>17352</v>
      </c>
      <c r="DK23" s="102">
        <v>17352</v>
      </c>
      <c r="DL23" s="101">
        <v>0</v>
      </c>
      <c r="DM23" s="104">
        <v>116722</v>
      </c>
      <c r="DN23" s="104">
        <v>446798</v>
      </c>
      <c r="DO23" s="104">
        <v>1022019</v>
      </c>
      <c r="DP23" s="104">
        <v>1324146</v>
      </c>
      <c r="DQ23" s="104">
        <v>240236</v>
      </c>
      <c r="DR23" s="103">
        <v>3149921</v>
      </c>
      <c r="DS23" s="106">
        <v>3167273</v>
      </c>
      <c r="DT23" s="100">
        <v>0</v>
      </c>
      <c r="DU23" s="104">
        <v>17352</v>
      </c>
      <c r="DV23" s="103">
        <v>17352</v>
      </c>
      <c r="DW23" s="100">
        <v>0</v>
      </c>
      <c r="DX23" s="104">
        <v>116722</v>
      </c>
      <c r="DY23" s="104">
        <v>446798</v>
      </c>
      <c r="DZ23" s="104">
        <v>1022019</v>
      </c>
      <c r="EA23" s="104">
        <v>1324146</v>
      </c>
      <c r="EB23" s="104">
        <v>240236</v>
      </c>
      <c r="EC23" s="103">
        <v>3149921</v>
      </c>
      <c r="ED23" s="106">
        <v>3167273</v>
      </c>
      <c r="EE23" s="100">
        <v>0</v>
      </c>
      <c r="EF23" s="102">
        <v>0</v>
      </c>
      <c r="EG23" s="103">
        <v>0</v>
      </c>
      <c r="EH23" s="100">
        <v>0</v>
      </c>
      <c r="EI23" s="104">
        <v>0</v>
      </c>
      <c r="EJ23" s="104">
        <v>0</v>
      </c>
      <c r="EK23" s="104">
        <v>0</v>
      </c>
      <c r="EL23" s="104">
        <v>0</v>
      </c>
      <c r="EM23" s="104">
        <v>0</v>
      </c>
      <c r="EN23" s="102">
        <v>0</v>
      </c>
      <c r="EO23" s="106">
        <v>0</v>
      </c>
      <c r="EP23" s="100">
        <v>0</v>
      </c>
      <c r="EQ23" s="104">
        <v>0</v>
      </c>
      <c r="ER23" s="102">
        <v>0</v>
      </c>
      <c r="ES23" s="101">
        <v>0</v>
      </c>
      <c r="ET23" s="104">
        <v>0</v>
      </c>
      <c r="EU23" s="104">
        <v>0</v>
      </c>
      <c r="EV23" s="104">
        <v>0</v>
      </c>
      <c r="EW23" s="104">
        <v>0</v>
      </c>
      <c r="EX23" s="104">
        <v>0</v>
      </c>
      <c r="EY23" s="103">
        <v>0</v>
      </c>
      <c r="EZ23" s="106">
        <v>0</v>
      </c>
      <c r="FA23" s="100">
        <v>0</v>
      </c>
      <c r="FB23" s="104">
        <v>0</v>
      </c>
      <c r="FC23" s="102">
        <v>0</v>
      </c>
      <c r="FD23" s="324"/>
      <c r="FE23" s="104">
        <v>0</v>
      </c>
      <c r="FF23" s="104">
        <v>0</v>
      </c>
      <c r="FG23" s="104">
        <v>0</v>
      </c>
      <c r="FH23" s="104">
        <v>0</v>
      </c>
      <c r="FI23" s="104">
        <v>0</v>
      </c>
      <c r="FJ23" s="103">
        <v>0</v>
      </c>
      <c r="FK23" s="106">
        <v>0</v>
      </c>
      <c r="FL23" s="100">
        <v>80934</v>
      </c>
      <c r="FM23" s="104">
        <v>358848</v>
      </c>
      <c r="FN23" s="103">
        <v>439782</v>
      </c>
      <c r="FO23" s="100">
        <v>0</v>
      </c>
      <c r="FP23" s="104">
        <v>315080</v>
      </c>
      <c r="FQ23" s="104">
        <v>710200</v>
      </c>
      <c r="FR23" s="104">
        <v>595776</v>
      </c>
      <c r="FS23" s="104">
        <v>393000</v>
      </c>
      <c r="FT23" s="104">
        <v>252312</v>
      </c>
      <c r="FU23" s="103">
        <v>2266368</v>
      </c>
      <c r="FV23" s="106">
        <v>2706150</v>
      </c>
      <c r="FW23" s="105">
        <v>27472</v>
      </c>
      <c r="FX23" s="104">
        <v>166048</v>
      </c>
      <c r="FY23" s="102">
        <v>193520</v>
      </c>
      <c r="FZ23" s="101">
        <v>0</v>
      </c>
      <c r="GA23" s="104">
        <v>295080</v>
      </c>
      <c r="GB23" s="104">
        <v>697000</v>
      </c>
      <c r="GC23" s="104">
        <v>585656</v>
      </c>
      <c r="GD23" s="104">
        <v>381400</v>
      </c>
      <c r="GE23" s="104">
        <v>252312</v>
      </c>
      <c r="GF23" s="103">
        <v>2211448</v>
      </c>
      <c r="GG23" s="296">
        <v>2404968</v>
      </c>
      <c r="GH23" s="105">
        <v>0</v>
      </c>
      <c r="GI23" s="104">
        <v>0</v>
      </c>
      <c r="GJ23" s="102">
        <v>0</v>
      </c>
      <c r="GK23" s="101">
        <v>0</v>
      </c>
      <c r="GL23" s="104">
        <v>20000</v>
      </c>
      <c r="GM23" s="104">
        <v>13200</v>
      </c>
      <c r="GN23" s="104">
        <v>10120</v>
      </c>
      <c r="GO23" s="104">
        <v>11600</v>
      </c>
      <c r="GP23" s="104">
        <v>0</v>
      </c>
      <c r="GQ23" s="103">
        <v>54920</v>
      </c>
      <c r="GR23" s="106">
        <v>54920</v>
      </c>
      <c r="GS23" s="100">
        <v>53462</v>
      </c>
      <c r="GT23" s="104">
        <v>192800</v>
      </c>
      <c r="GU23" s="103">
        <v>246262</v>
      </c>
      <c r="GV23" s="100">
        <v>0</v>
      </c>
      <c r="GW23" s="104">
        <v>0</v>
      </c>
      <c r="GX23" s="104">
        <v>0</v>
      </c>
      <c r="GY23" s="104">
        <v>0</v>
      </c>
      <c r="GZ23" s="104">
        <v>0</v>
      </c>
      <c r="HA23" s="104">
        <v>0</v>
      </c>
      <c r="HB23" s="102">
        <v>0</v>
      </c>
      <c r="HC23" s="106">
        <v>246262</v>
      </c>
      <c r="HD23" s="100">
        <v>167498</v>
      </c>
      <c r="HE23" s="104">
        <v>0</v>
      </c>
      <c r="HF23" s="102">
        <v>167498</v>
      </c>
      <c r="HG23" s="101">
        <v>0</v>
      </c>
      <c r="HH23" s="104">
        <v>1601687</v>
      </c>
      <c r="HI23" s="104">
        <v>2006504</v>
      </c>
      <c r="HJ23" s="104">
        <v>1919347</v>
      </c>
      <c r="HK23" s="104">
        <v>2049571</v>
      </c>
      <c r="HL23" s="104">
        <v>708331</v>
      </c>
      <c r="HM23" s="103">
        <v>8285440</v>
      </c>
      <c r="HN23" s="99">
        <v>8452938</v>
      </c>
      <c r="HO23" s="306"/>
      <c r="HP23" s="307"/>
      <c r="HQ23" s="308"/>
      <c r="HR23" s="309"/>
      <c r="HS23" s="307"/>
      <c r="HT23" s="307"/>
      <c r="HU23" s="307"/>
      <c r="HV23" s="307"/>
      <c r="HW23" s="307"/>
      <c r="HX23" s="310"/>
      <c r="HY23" s="311"/>
      <c r="HZ23" s="118">
        <v>46082</v>
      </c>
      <c r="IA23" s="119">
        <v>0</v>
      </c>
      <c r="IB23" s="120">
        <v>46082</v>
      </c>
      <c r="IC23" s="133">
        <v>0</v>
      </c>
      <c r="ID23" s="119">
        <v>2138781</v>
      </c>
      <c r="IE23" s="134">
        <v>2678920</v>
      </c>
      <c r="IF23" s="120">
        <v>4351242</v>
      </c>
      <c r="IG23" s="119">
        <v>2346510</v>
      </c>
      <c r="IH23" s="120">
        <v>803350</v>
      </c>
      <c r="II23" s="135">
        <v>12318803</v>
      </c>
      <c r="IJ23" s="126">
        <v>12364885</v>
      </c>
      <c r="IK23" s="219">
        <v>0</v>
      </c>
      <c r="IL23" s="223">
        <v>0</v>
      </c>
      <c r="IM23" s="224">
        <v>0</v>
      </c>
      <c r="IN23" s="127"/>
      <c r="IO23" s="109">
        <v>0</v>
      </c>
      <c r="IP23" s="109">
        <v>0</v>
      </c>
      <c r="IQ23" s="109">
        <v>0</v>
      </c>
      <c r="IR23" s="109">
        <v>0</v>
      </c>
      <c r="IS23" s="109">
        <v>265687</v>
      </c>
      <c r="IT23" s="128">
        <v>265687</v>
      </c>
      <c r="IU23" s="298">
        <v>265687</v>
      </c>
      <c r="IV23" s="129">
        <v>0</v>
      </c>
      <c r="IW23" s="109">
        <v>0</v>
      </c>
      <c r="IX23" s="110">
        <v>0</v>
      </c>
      <c r="IY23" s="131"/>
      <c r="IZ23" s="109">
        <v>0</v>
      </c>
      <c r="JA23" s="109">
        <v>0</v>
      </c>
      <c r="JB23" s="109">
        <v>0</v>
      </c>
      <c r="JC23" s="109">
        <v>0</v>
      </c>
      <c r="JD23" s="109">
        <v>0</v>
      </c>
      <c r="JE23" s="110">
        <v>0</v>
      </c>
      <c r="JF23" s="111">
        <v>0</v>
      </c>
      <c r="JG23" s="129">
        <v>0</v>
      </c>
      <c r="JH23" s="109">
        <v>0</v>
      </c>
      <c r="JI23" s="128">
        <v>0</v>
      </c>
      <c r="JJ23" s="108">
        <v>0</v>
      </c>
      <c r="JK23" s="109">
        <v>871922</v>
      </c>
      <c r="JL23" s="109">
        <v>896289</v>
      </c>
      <c r="JM23" s="109">
        <v>451634</v>
      </c>
      <c r="JN23" s="109">
        <v>0</v>
      </c>
      <c r="JO23" s="109">
        <v>0</v>
      </c>
      <c r="JP23" s="110">
        <v>2219845</v>
      </c>
      <c r="JQ23" s="298">
        <v>2219845</v>
      </c>
      <c r="JR23" s="129">
        <v>0</v>
      </c>
      <c r="JS23" s="109">
        <v>0</v>
      </c>
      <c r="JT23" s="128">
        <v>0</v>
      </c>
      <c r="JU23" s="108">
        <v>0</v>
      </c>
      <c r="JV23" s="109">
        <v>0</v>
      </c>
      <c r="JW23" s="109">
        <v>234730</v>
      </c>
      <c r="JX23" s="109">
        <v>525757</v>
      </c>
      <c r="JY23" s="109">
        <v>287924</v>
      </c>
      <c r="JZ23" s="109">
        <v>0</v>
      </c>
      <c r="KA23" s="110">
        <v>1048411</v>
      </c>
      <c r="KB23" s="298">
        <v>1048411</v>
      </c>
      <c r="KC23" s="221">
        <v>46082</v>
      </c>
      <c r="KD23" s="217">
        <v>0</v>
      </c>
      <c r="KE23" s="110">
        <v>46082</v>
      </c>
      <c r="KF23" s="108">
        <v>0</v>
      </c>
      <c r="KG23" s="109">
        <v>641015</v>
      </c>
      <c r="KH23" s="109">
        <v>359264</v>
      </c>
      <c r="KI23" s="109">
        <v>1419982</v>
      </c>
      <c r="KJ23" s="109">
        <v>983585</v>
      </c>
      <c r="KK23" s="109">
        <v>0</v>
      </c>
      <c r="KL23" s="110">
        <v>3403846</v>
      </c>
      <c r="KM23" s="130">
        <v>3449928</v>
      </c>
      <c r="KN23" s="219">
        <v>0</v>
      </c>
      <c r="KO23" s="223">
        <v>0</v>
      </c>
      <c r="KP23" s="224">
        <v>0</v>
      </c>
      <c r="KQ23" s="127"/>
      <c r="KR23" s="109">
        <v>625844</v>
      </c>
      <c r="KS23" s="109">
        <v>1188637</v>
      </c>
      <c r="KT23" s="109">
        <v>1261018</v>
      </c>
      <c r="KU23" s="109">
        <v>789307</v>
      </c>
      <c r="KV23" s="109">
        <v>537663</v>
      </c>
      <c r="KW23" s="110">
        <v>4402469</v>
      </c>
      <c r="KX23" s="298">
        <v>4402469</v>
      </c>
      <c r="KY23" s="129">
        <v>0</v>
      </c>
      <c r="KZ23" s="109">
        <v>0</v>
      </c>
      <c r="LA23" s="110">
        <v>0</v>
      </c>
      <c r="LB23" s="132"/>
      <c r="LC23" s="109">
        <v>0</v>
      </c>
      <c r="LD23" s="109">
        <v>0</v>
      </c>
      <c r="LE23" s="109">
        <v>0</v>
      </c>
      <c r="LF23" s="109">
        <v>0</v>
      </c>
      <c r="LG23" s="109">
        <v>0</v>
      </c>
      <c r="LH23" s="110">
        <v>0</v>
      </c>
      <c r="LI23" s="111">
        <v>0</v>
      </c>
      <c r="LJ23" s="129">
        <v>0</v>
      </c>
      <c r="LK23" s="109">
        <v>0</v>
      </c>
      <c r="LL23" s="110">
        <v>0</v>
      </c>
      <c r="LM23" s="132"/>
      <c r="LN23" s="109">
        <v>0</v>
      </c>
      <c r="LO23" s="109">
        <v>0</v>
      </c>
      <c r="LP23" s="109">
        <v>264969</v>
      </c>
      <c r="LQ23" s="109">
        <v>285694</v>
      </c>
      <c r="LR23" s="109">
        <v>0</v>
      </c>
      <c r="LS23" s="110">
        <v>550663</v>
      </c>
      <c r="LT23" s="298">
        <v>550663</v>
      </c>
      <c r="LU23" s="129">
        <v>0</v>
      </c>
      <c r="LV23" s="109">
        <v>0</v>
      </c>
      <c r="LW23" s="110">
        <v>0</v>
      </c>
      <c r="LX23" s="132"/>
      <c r="LY23" s="109">
        <v>0</v>
      </c>
      <c r="LZ23" s="109">
        <v>0</v>
      </c>
      <c r="MA23" s="109">
        <v>427882</v>
      </c>
      <c r="MB23" s="109">
        <v>0</v>
      </c>
      <c r="MC23" s="109">
        <v>0</v>
      </c>
      <c r="MD23" s="110">
        <v>427882</v>
      </c>
      <c r="ME23" s="111">
        <v>427882</v>
      </c>
      <c r="MF23" s="129">
        <v>0</v>
      </c>
      <c r="MG23" s="109">
        <v>0</v>
      </c>
      <c r="MH23" s="110">
        <v>0</v>
      </c>
      <c r="MI23" s="132"/>
      <c r="MJ23" s="109">
        <v>235016</v>
      </c>
      <c r="MK23" s="109">
        <v>990347</v>
      </c>
      <c r="ML23" s="109">
        <v>1867620</v>
      </c>
      <c r="MM23" s="109">
        <v>6727730</v>
      </c>
      <c r="MN23" s="109">
        <v>2888791</v>
      </c>
      <c r="MO23" s="110">
        <v>12709504</v>
      </c>
      <c r="MP23" s="130">
        <v>12709504</v>
      </c>
      <c r="MQ23" s="129">
        <v>0</v>
      </c>
      <c r="MR23" s="109">
        <v>0</v>
      </c>
      <c r="MS23" s="110">
        <v>0</v>
      </c>
      <c r="MT23" s="132"/>
      <c r="MU23" s="109">
        <v>0</v>
      </c>
      <c r="MV23" s="109">
        <v>0</v>
      </c>
      <c r="MW23" s="109">
        <v>763737</v>
      </c>
      <c r="MX23" s="109">
        <v>5851990</v>
      </c>
      <c r="MY23" s="109">
        <v>1718201</v>
      </c>
      <c r="MZ23" s="110">
        <v>8333928</v>
      </c>
      <c r="NA23" s="130">
        <v>8333928</v>
      </c>
      <c r="NB23" s="129">
        <v>0</v>
      </c>
      <c r="NC23" s="109">
        <v>0</v>
      </c>
      <c r="ND23" s="110">
        <v>0</v>
      </c>
      <c r="NE23" s="132"/>
      <c r="NF23" s="109">
        <v>235016</v>
      </c>
      <c r="NG23" s="109">
        <v>990347</v>
      </c>
      <c r="NH23" s="109">
        <v>1103883</v>
      </c>
      <c r="NI23" s="109">
        <v>544618</v>
      </c>
      <c r="NJ23" s="109">
        <v>951454</v>
      </c>
      <c r="NK23" s="110">
        <v>3825318</v>
      </c>
      <c r="NL23" s="298">
        <v>3825318</v>
      </c>
      <c r="NM23" s="129">
        <v>0</v>
      </c>
      <c r="NN23" s="109">
        <v>0</v>
      </c>
      <c r="NO23" s="110">
        <v>0</v>
      </c>
      <c r="NP23" s="132"/>
      <c r="NQ23" s="109">
        <v>0</v>
      </c>
      <c r="NR23" s="109">
        <v>0</v>
      </c>
      <c r="NS23" s="109">
        <v>0</v>
      </c>
      <c r="NT23" s="109">
        <v>0</v>
      </c>
      <c r="NU23" s="109">
        <v>0</v>
      </c>
      <c r="NV23" s="110">
        <v>0</v>
      </c>
      <c r="NW23" s="111">
        <v>0</v>
      </c>
      <c r="NX23" s="129">
        <v>0</v>
      </c>
      <c r="NY23" s="109">
        <v>0</v>
      </c>
      <c r="NZ23" s="110">
        <v>0</v>
      </c>
      <c r="OA23" s="132"/>
      <c r="OB23" s="109">
        <v>0</v>
      </c>
      <c r="OC23" s="109">
        <v>0</v>
      </c>
      <c r="OD23" s="109">
        <v>0</v>
      </c>
      <c r="OE23" s="109">
        <v>331122</v>
      </c>
      <c r="OF23" s="109">
        <v>219136</v>
      </c>
      <c r="OG23" s="110">
        <v>550258</v>
      </c>
      <c r="OH23" s="111">
        <v>550258</v>
      </c>
      <c r="OI23" s="129">
        <v>518199</v>
      </c>
      <c r="OJ23" s="109">
        <v>1049667</v>
      </c>
      <c r="OK23" s="128">
        <v>1567866</v>
      </c>
      <c r="OL23" s="108">
        <v>0</v>
      </c>
      <c r="OM23" s="109">
        <v>9503546</v>
      </c>
      <c r="ON23" s="109">
        <v>12301064</v>
      </c>
      <c r="OO23" s="109">
        <v>14278217</v>
      </c>
      <c r="OP23" s="109">
        <v>16365372</v>
      </c>
      <c r="OQ23" s="109">
        <v>5978461</v>
      </c>
      <c r="OR23" s="110">
        <v>58426660</v>
      </c>
      <c r="OS23" s="130">
        <v>59994526</v>
      </c>
    </row>
    <row r="24" spans="2:409" ht="21" customHeight="1" x14ac:dyDescent="0.2">
      <c r="B24" s="472" t="s">
        <v>19</v>
      </c>
      <c r="C24" s="100">
        <v>399296</v>
      </c>
      <c r="D24" s="104">
        <v>369138</v>
      </c>
      <c r="E24" s="103">
        <v>768434</v>
      </c>
      <c r="F24" s="99">
        <v>0</v>
      </c>
      <c r="G24" s="104">
        <v>3727329</v>
      </c>
      <c r="H24" s="104">
        <v>3992754</v>
      </c>
      <c r="I24" s="104">
        <v>2531533</v>
      </c>
      <c r="J24" s="104">
        <v>1425587</v>
      </c>
      <c r="K24" s="104">
        <v>2277408</v>
      </c>
      <c r="L24" s="99">
        <v>13954611</v>
      </c>
      <c r="M24" s="106">
        <v>14723045</v>
      </c>
      <c r="N24" s="100">
        <v>110700</v>
      </c>
      <c r="O24" s="104">
        <v>114077</v>
      </c>
      <c r="P24" s="103">
        <v>224777</v>
      </c>
      <c r="Q24" s="100">
        <v>0</v>
      </c>
      <c r="R24" s="104">
        <v>899602</v>
      </c>
      <c r="S24" s="104">
        <v>1092567</v>
      </c>
      <c r="T24" s="104">
        <v>929115</v>
      </c>
      <c r="U24" s="104">
        <v>747172</v>
      </c>
      <c r="V24" s="104">
        <v>944666</v>
      </c>
      <c r="W24" s="103">
        <v>4613122</v>
      </c>
      <c r="X24" s="106">
        <v>4837899</v>
      </c>
      <c r="Y24" s="100">
        <v>0</v>
      </c>
      <c r="Z24" s="104">
        <v>0</v>
      </c>
      <c r="AA24" s="103">
        <v>0</v>
      </c>
      <c r="AB24" s="100">
        <v>0</v>
      </c>
      <c r="AC24" s="104">
        <v>239120</v>
      </c>
      <c r="AD24" s="104">
        <v>366322</v>
      </c>
      <c r="AE24" s="104">
        <v>404871</v>
      </c>
      <c r="AF24" s="104">
        <v>255912</v>
      </c>
      <c r="AG24" s="104">
        <v>396013</v>
      </c>
      <c r="AH24" s="103">
        <v>1662238</v>
      </c>
      <c r="AI24" s="106">
        <v>1662238</v>
      </c>
      <c r="AJ24" s="100">
        <v>0</v>
      </c>
      <c r="AK24" s="104">
        <v>0</v>
      </c>
      <c r="AL24" s="103">
        <v>0</v>
      </c>
      <c r="AM24" s="100">
        <v>0</v>
      </c>
      <c r="AN24" s="104">
        <v>0</v>
      </c>
      <c r="AO24" s="104">
        <v>50537</v>
      </c>
      <c r="AP24" s="104">
        <v>105770</v>
      </c>
      <c r="AQ24" s="104">
        <v>139759</v>
      </c>
      <c r="AR24" s="104">
        <v>109499</v>
      </c>
      <c r="AS24" s="103">
        <v>405565</v>
      </c>
      <c r="AT24" s="106">
        <v>405565</v>
      </c>
      <c r="AU24" s="100">
        <v>28076</v>
      </c>
      <c r="AV24" s="104">
        <v>43820</v>
      </c>
      <c r="AW24" s="103">
        <v>71896</v>
      </c>
      <c r="AX24" s="100">
        <v>0</v>
      </c>
      <c r="AY24" s="104">
        <v>390052</v>
      </c>
      <c r="AZ24" s="104">
        <v>314436</v>
      </c>
      <c r="BA24" s="104">
        <v>301578</v>
      </c>
      <c r="BB24" s="104">
        <v>285165</v>
      </c>
      <c r="BC24" s="104">
        <v>293810</v>
      </c>
      <c r="BD24" s="103">
        <v>1585041</v>
      </c>
      <c r="BE24" s="106">
        <v>1656937</v>
      </c>
      <c r="BF24" s="100">
        <v>0</v>
      </c>
      <c r="BG24" s="104">
        <v>39625</v>
      </c>
      <c r="BH24" s="102">
        <v>39625</v>
      </c>
      <c r="BI24" s="101">
        <v>0</v>
      </c>
      <c r="BJ24" s="104">
        <v>25294</v>
      </c>
      <c r="BK24" s="104">
        <v>41144</v>
      </c>
      <c r="BL24" s="104">
        <v>0</v>
      </c>
      <c r="BM24" s="104">
        <v>0</v>
      </c>
      <c r="BN24" s="104">
        <v>0</v>
      </c>
      <c r="BO24" s="103">
        <v>66438</v>
      </c>
      <c r="BP24" s="106">
        <v>106063</v>
      </c>
      <c r="BQ24" s="100">
        <v>82624</v>
      </c>
      <c r="BR24" s="104">
        <v>30632</v>
      </c>
      <c r="BS24" s="103">
        <v>113256</v>
      </c>
      <c r="BT24" s="100">
        <v>0</v>
      </c>
      <c r="BU24" s="104">
        <v>245136</v>
      </c>
      <c r="BV24" s="104">
        <v>320128</v>
      </c>
      <c r="BW24" s="104">
        <v>116896</v>
      </c>
      <c r="BX24" s="104">
        <v>66336</v>
      </c>
      <c r="BY24" s="104">
        <v>145344</v>
      </c>
      <c r="BZ24" s="103">
        <v>893840</v>
      </c>
      <c r="CA24" s="106">
        <v>1007096</v>
      </c>
      <c r="CB24" s="100">
        <v>43008</v>
      </c>
      <c r="CC24" s="104">
        <v>117242</v>
      </c>
      <c r="CD24" s="103">
        <v>160250</v>
      </c>
      <c r="CE24" s="100">
        <v>0</v>
      </c>
      <c r="CF24" s="104">
        <v>1523765</v>
      </c>
      <c r="CG24" s="104">
        <v>1131211</v>
      </c>
      <c r="CH24" s="104">
        <v>818123</v>
      </c>
      <c r="CI24" s="104">
        <v>204822</v>
      </c>
      <c r="CJ24" s="104">
        <v>21342</v>
      </c>
      <c r="CK24" s="103">
        <v>3699263</v>
      </c>
      <c r="CL24" s="106">
        <v>3859513</v>
      </c>
      <c r="CM24" s="100">
        <v>0</v>
      </c>
      <c r="CN24" s="104">
        <v>0</v>
      </c>
      <c r="CO24" s="103">
        <v>0</v>
      </c>
      <c r="CP24" s="101">
        <v>0</v>
      </c>
      <c r="CQ24" s="104">
        <v>1089245</v>
      </c>
      <c r="CR24" s="104">
        <v>817940</v>
      </c>
      <c r="CS24" s="104">
        <v>612753</v>
      </c>
      <c r="CT24" s="104">
        <v>125842</v>
      </c>
      <c r="CU24" s="104">
        <v>21342</v>
      </c>
      <c r="CV24" s="103">
        <v>2667122</v>
      </c>
      <c r="CW24" s="106">
        <v>2667122</v>
      </c>
      <c r="CX24" s="100">
        <v>43008</v>
      </c>
      <c r="CY24" s="104">
        <v>117242</v>
      </c>
      <c r="CZ24" s="103">
        <v>160250</v>
      </c>
      <c r="DA24" s="100">
        <v>0</v>
      </c>
      <c r="DB24" s="104">
        <v>434520</v>
      </c>
      <c r="DC24" s="104">
        <v>313271</v>
      </c>
      <c r="DD24" s="104">
        <v>205370</v>
      </c>
      <c r="DE24" s="104">
        <v>78980</v>
      </c>
      <c r="DF24" s="104">
        <v>0</v>
      </c>
      <c r="DG24" s="103">
        <v>1032141</v>
      </c>
      <c r="DH24" s="106">
        <v>1192391</v>
      </c>
      <c r="DI24" s="100">
        <v>0</v>
      </c>
      <c r="DJ24" s="104">
        <v>0</v>
      </c>
      <c r="DK24" s="102">
        <v>0</v>
      </c>
      <c r="DL24" s="101">
        <v>0</v>
      </c>
      <c r="DM24" s="104">
        <v>57780</v>
      </c>
      <c r="DN24" s="104">
        <v>35320</v>
      </c>
      <c r="DO24" s="104">
        <v>148697</v>
      </c>
      <c r="DP24" s="104">
        <v>34749</v>
      </c>
      <c r="DQ24" s="104">
        <v>273202</v>
      </c>
      <c r="DR24" s="103">
        <v>549748</v>
      </c>
      <c r="DS24" s="106">
        <v>549748</v>
      </c>
      <c r="DT24" s="100">
        <v>0</v>
      </c>
      <c r="DU24" s="104">
        <v>0</v>
      </c>
      <c r="DV24" s="103">
        <v>0</v>
      </c>
      <c r="DW24" s="100">
        <v>0</v>
      </c>
      <c r="DX24" s="104">
        <v>57780</v>
      </c>
      <c r="DY24" s="104">
        <v>0</v>
      </c>
      <c r="DZ24" s="104">
        <v>148697</v>
      </c>
      <c r="EA24" s="104">
        <v>34749</v>
      </c>
      <c r="EB24" s="104">
        <v>273202</v>
      </c>
      <c r="EC24" s="103">
        <v>514428</v>
      </c>
      <c r="ED24" s="106">
        <v>514428</v>
      </c>
      <c r="EE24" s="100">
        <v>0</v>
      </c>
      <c r="EF24" s="102">
        <v>0</v>
      </c>
      <c r="EG24" s="103">
        <v>0</v>
      </c>
      <c r="EH24" s="100">
        <v>0</v>
      </c>
      <c r="EI24" s="104">
        <v>0</v>
      </c>
      <c r="EJ24" s="104">
        <v>35320</v>
      </c>
      <c r="EK24" s="104">
        <v>0</v>
      </c>
      <c r="EL24" s="104">
        <v>0</v>
      </c>
      <c r="EM24" s="104">
        <v>0</v>
      </c>
      <c r="EN24" s="102">
        <v>35320</v>
      </c>
      <c r="EO24" s="106">
        <v>35320</v>
      </c>
      <c r="EP24" s="100">
        <v>0</v>
      </c>
      <c r="EQ24" s="104">
        <v>0</v>
      </c>
      <c r="ER24" s="102">
        <v>0</v>
      </c>
      <c r="ES24" s="101">
        <v>0</v>
      </c>
      <c r="ET24" s="104">
        <v>0</v>
      </c>
      <c r="EU24" s="104">
        <v>0</v>
      </c>
      <c r="EV24" s="104">
        <v>0</v>
      </c>
      <c r="EW24" s="104">
        <v>0</v>
      </c>
      <c r="EX24" s="104">
        <v>0</v>
      </c>
      <c r="EY24" s="103">
        <v>0</v>
      </c>
      <c r="EZ24" s="106">
        <v>0</v>
      </c>
      <c r="FA24" s="100">
        <v>0</v>
      </c>
      <c r="FB24" s="104">
        <v>0</v>
      </c>
      <c r="FC24" s="102">
        <v>0</v>
      </c>
      <c r="FD24" s="324"/>
      <c r="FE24" s="104">
        <v>0</v>
      </c>
      <c r="FF24" s="104">
        <v>0</v>
      </c>
      <c r="FG24" s="104">
        <v>0</v>
      </c>
      <c r="FH24" s="104">
        <v>0</v>
      </c>
      <c r="FI24" s="104">
        <v>0</v>
      </c>
      <c r="FJ24" s="103">
        <v>0</v>
      </c>
      <c r="FK24" s="106">
        <v>0</v>
      </c>
      <c r="FL24" s="100">
        <v>20240</v>
      </c>
      <c r="FM24" s="104">
        <v>45968</v>
      </c>
      <c r="FN24" s="103">
        <v>66208</v>
      </c>
      <c r="FO24" s="100">
        <v>0</v>
      </c>
      <c r="FP24" s="104">
        <v>424464</v>
      </c>
      <c r="FQ24" s="104">
        <v>356680</v>
      </c>
      <c r="FR24" s="104">
        <v>193224</v>
      </c>
      <c r="FS24" s="104">
        <v>219840</v>
      </c>
      <c r="FT24" s="104">
        <v>267552</v>
      </c>
      <c r="FU24" s="103">
        <v>1461760</v>
      </c>
      <c r="FV24" s="106">
        <v>1527968</v>
      </c>
      <c r="FW24" s="105">
        <v>20240</v>
      </c>
      <c r="FX24" s="104">
        <v>45968</v>
      </c>
      <c r="FY24" s="102">
        <v>66208</v>
      </c>
      <c r="FZ24" s="101">
        <v>0</v>
      </c>
      <c r="GA24" s="104">
        <v>270464</v>
      </c>
      <c r="GB24" s="104">
        <v>305456</v>
      </c>
      <c r="GC24" s="104">
        <v>193224</v>
      </c>
      <c r="GD24" s="104">
        <v>169152</v>
      </c>
      <c r="GE24" s="104">
        <v>267552</v>
      </c>
      <c r="GF24" s="103">
        <v>1205848</v>
      </c>
      <c r="GG24" s="296">
        <v>1272056</v>
      </c>
      <c r="GH24" s="105">
        <v>0</v>
      </c>
      <c r="GI24" s="104">
        <v>0</v>
      </c>
      <c r="GJ24" s="102">
        <v>0</v>
      </c>
      <c r="GK24" s="101">
        <v>0</v>
      </c>
      <c r="GL24" s="104">
        <v>0</v>
      </c>
      <c r="GM24" s="104">
        <v>0</v>
      </c>
      <c r="GN24" s="104">
        <v>0</v>
      </c>
      <c r="GO24" s="104">
        <v>50688</v>
      </c>
      <c r="GP24" s="104">
        <v>0</v>
      </c>
      <c r="GQ24" s="103">
        <v>50688</v>
      </c>
      <c r="GR24" s="106">
        <v>50688</v>
      </c>
      <c r="GS24" s="100">
        <v>0</v>
      </c>
      <c r="GT24" s="104">
        <v>0</v>
      </c>
      <c r="GU24" s="103">
        <v>0</v>
      </c>
      <c r="GV24" s="100">
        <v>0</v>
      </c>
      <c r="GW24" s="104">
        <v>154000</v>
      </c>
      <c r="GX24" s="104">
        <v>51224</v>
      </c>
      <c r="GY24" s="104">
        <v>0</v>
      </c>
      <c r="GZ24" s="104">
        <v>0</v>
      </c>
      <c r="HA24" s="104">
        <v>0</v>
      </c>
      <c r="HB24" s="102">
        <v>205224</v>
      </c>
      <c r="HC24" s="106">
        <v>205224</v>
      </c>
      <c r="HD24" s="100">
        <v>225348</v>
      </c>
      <c r="HE24" s="104">
        <v>91851</v>
      </c>
      <c r="HF24" s="102">
        <v>317199</v>
      </c>
      <c r="HG24" s="101">
        <v>0</v>
      </c>
      <c r="HH24" s="104">
        <v>821718</v>
      </c>
      <c r="HI24" s="104">
        <v>1376976</v>
      </c>
      <c r="HJ24" s="104">
        <v>442374</v>
      </c>
      <c r="HK24" s="104">
        <v>219004</v>
      </c>
      <c r="HL24" s="104">
        <v>770646</v>
      </c>
      <c r="HM24" s="103">
        <v>3630718</v>
      </c>
      <c r="HN24" s="99">
        <v>3947917</v>
      </c>
      <c r="HO24" s="306"/>
      <c r="HP24" s="307"/>
      <c r="HQ24" s="308"/>
      <c r="HR24" s="309"/>
      <c r="HS24" s="307"/>
      <c r="HT24" s="307"/>
      <c r="HU24" s="307"/>
      <c r="HV24" s="307"/>
      <c r="HW24" s="307"/>
      <c r="HX24" s="310"/>
      <c r="HY24" s="311"/>
      <c r="HZ24" s="137">
        <v>0</v>
      </c>
      <c r="IA24" s="122">
        <v>0</v>
      </c>
      <c r="IB24" s="137">
        <v>0</v>
      </c>
      <c r="IC24" s="121">
        <v>0</v>
      </c>
      <c r="ID24" s="122">
        <v>1591597</v>
      </c>
      <c r="IE24" s="123">
        <v>1140636</v>
      </c>
      <c r="IF24" s="124">
        <v>1135846</v>
      </c>
      <c r="IG24" s="122">
        <v>222191</v>
      </c>
      <c r="IH24" s="124">
        <v>1014537</v>
      </c>
      <c r="II24" s="125">
        <v>5104807</v>
      </c>
      <c r="IJ24" s="137">
        <v>5104807</v>
      </c>
      <c r="IK24" s="219">
        <v>0</v>
      </c>
      <c r="IL24" s="223">
        <v>0</v>
      </c>
      <c r="IM24" s="224">
        <v>0</v>
      </c>
      <c r="IN24" s="127"/>
      <c r="IO24" s="109">
        <v>105030</v>
      </c>
      <c r="IP24" s="109">
        <v>0</v>
      </c>
      <c r="IQ24" s="109">
        <v>0</v>
      </c>
      <c r="IR24" s="109">
        <v>222191</v>
      </c>
      <c r="IS24" s="109">
        <v>272815</v>
      </c>
      <c r="IT24" s="128">
        <v>600036</v>
      </c>
      <c r="IU24" s="298">
        <v>600036</v>
      </c>
      <c r="IV24" s="129">
        <v>0</v>
      </c>
      <c r="IW24" s="109">
        <v>0</v>
      </c>
      <c r="IX24" s="110">
        <v>0</v>
      </c>
      <c r="IY24" s="131"/>
      <c r="IZ24" s="109">
        <v>0</v>
      </c>
      <c r="JA24" s="109">
        <v>0</v>
      </c>
      <c r="JB24" s="109">
        <v>0</v>
      </c>
      <c r="JC24" s="109">
        <v>0</v>
      </c>
      <c r="JD24" s="109">
        <v>0</v>
      </c>
      <c r="JE24" s="110">
        <v>0</v>
      </c>
      <c r="JF24" s="111">
        <v>0</v>
      </c>
      <c r="JG24" s="129">
        <v>0</v>
      </c>
      <c r="JH24" s="109">
        <v>0</v>
      </c>
      <c r="JI24" s="128">
        <v>0</v>
      </c>
      <c r="JJ24" s="108">
        <v>0</v>
      </c>
      <c r="JK24" s="109">
        <v>314423</v>
      </c>
      <c r="JL24" s="109">
        <v>353665</v>
      </c>
      <c r="JM24" s="109">
        <v>149664</v>
      </c>
      <c r="JN24" s="109">
        <v>0</v>
      </c>
      <c r="JO24" s="109">
        <v>0</v>
      </c>
      <c r="JP24" s="110">
        <v>817752</v>
      </c>
      <c r="JQ24" s="298">
        <v>817752</v>
      </c>
      <c r="JR24" s="129">
        <v>0</v>
      </c>
      <c r="JS24" s="109">
        <v>0</v>
      </c>
      <c r="JT24" s="128">
        <v>0</v>
      </c>
      <c r="JU24" s="108">
        <v>0</v>
      </c>
      <c r="JV24" s="109">
        <v>108570</v>
      </c>
      <c r="JW24" s="109">
        <v>110943</v>
      </c>
      <c r="JX24" s="109">
        <v>274045</v>
      </c>
      <c r="JY24" s="109">
        <v>0</v>
      </c>
      <c r="JZ24" s="109">
        <v>0</v>
      </c>
      <c r="KA24" s="110">
        <v>493558</v>
      </c>
      <c r="KB24" s="298">
        <v>493558</v>
      </c>
      <c r="KC24" s="221">
        <v>0</v>
      </c>
      <c r="KD24" s="217">
        <v>0</v>
      </c>
      <c r="KE24" s="110">
        <v>0</v>
      </c>
      <c r="KF24" s="108">
        <v>0</v>
      </c>
      <c r="KG24" s="109">
        <v>495687</v>
      </c>
      <c r="KH24" s="109">
        <v>179898</v>
      </c>
      <c r="KI24" s="109">
        <v>452568</v>
      </c>
      <c r="KJ24" s="109">
        <v>0</v>
      </c>
      <c r="KK24" s="109">
        <v>0</v>
      </c>
      <c r="KL24" s="110">
        <v>1128153</v>
      </c>
      <c r="KM24" s="130">
        <v>1128153</v>
      </c>
      <c r="KN24" s="219">
        <v>0</v>
      </c>
      <c r="KO24" s="223">
        <v>0</v>
      </c>
      <c r="KP24" s="224">
        <v>0</v>
      </c>
      <c r="KQ24" s="127"/>
      <c r="KR24" s="109">
        <v>232466</v>
      </c>
      <c r="KS24" s="109">
        <v>496130</v>
      </c>
      <c r="KT24" s="109">
        <v>259569</v>
      </c>
      <c r="KU24" s="109">
        <v>0</v>
      </c>
      <c r="KV24" s="109">
        <v>0</v>
      </c>
      <c r="KW24" s="110">
        <v>988165</v>
      </c>
      <c r="KX24" s="298">
        <v>988165</v>
      </c>
      <c r="KY24" s="129">
        <v>0</v>
      </c>
      <c r="KZ24" s="109">
        <v>0</v>
      </c>
      <c r="LA24" s="110">
        <v>0</v>
      </c>
      <c r="LB24" s="132"/>
      <c r="LC24" s="109">
        <v>0</v>
      </c>
      <c r="LD24" s="109">
        <v>0</v>
      </c>
      <c r="LE24" s="109">
        <v>0</v>
      </c>
      <c r="LF24" s="109">
        <v>0</v>
      </c>
      <c r="LG24" s="109">
        <v>0</v>
      </c>
      <c r="LH24" s="110">
        <v>0</v>
      </c>
      <c r="LI24" s="111">
        <v>0</v>
      </c>
      <c r="LJ24" s="129">
        <v>0</v>
      </c>
      <c r="LK24" s="109">
        <v>0</v>
      </c>
      <c r="LL24" s="110">
        <v>0</v>
      </c>
      <c r="LM24" s="132"/>
      <c r="LN24" s="109">
        <v>0</v>
      </c>
      <c r="LO24" s="109">
        <v>0</v>
      </c>
      <c r="LP24" s="109">
        <v>0</v>
      </c>
      <c r="LQ24" s="109">
        <v>0</v>
      </c>
      <c r="LR24" s="109">
        <v>0</v>
      </c>
      <c r="LS24" s="110">
        <v>0</v>
      </c>
      <c r="LT24" s="298">
        <v>0</v>
      </c>
      <c r="LU24" s="129">
        <v>0</v>
      </c>
      <c r="LV24" s="109">
        <v>0</v>
      </c>
      <c r="LW24" s="110">
        <v>0</v>
      </c>
      <c r="LX24" s="132"/>
      <c r="LY24" s="109">
        <v>335421</v>
      </c>
      <c r="LZ24" s="109">
        <v>0</v>
      </c>
      <c r="MA24" s="109">
        <v>0</v>
      </c>
      <c r="MB24" s="109">
        <v>0</v>
      </c>
      <c r="MC24" s="109">
        <v>741722</v>
      </c>
      <c r="MD24" s="110">
        <v>1077143</v>
      </c>
      <c r="ME24" s="111">
        <v>1077143</v>
      </c>
      <c r="MF24" s="129">
        <v>0</v>
      </c>
      <c r="MG24" s="109">
        <v>0</v>
      </c>
      <c r="MH24" s="110">
        <v>0</v>
      </c>
      <c r="MI24" s="132"/>
      <c r="MJ24" s="109">
        <v>244328</v>
      </c>
      <c r="MK24" s="109">
        <v>0</v>
      </c>
      <c r="ML24" s="109">
        <v>2028358</v>
      </c>
      <c r="MM24" s="109">
        <v>2497010</v>
      </c>
      <c r="MN24" s="109">
        <v>1428178</v>
      </c>
      <c r="MO24" s="110">
        <v>6197874</v>
      </c>
      <c r="MP24" s="130">
        <v>6197874</v>
      </c>
      <c r="MQ24" s="129">
        <v>0</v>
      </c>
      <c r="MR24" s="109">
        <v>0</v>
      </c>
      <c r="MS24" s="110">
        <v>0</v>
      </c>
      <c r="MT24" s="132"/>
      <c r="MU24" s="109">
        <v>0</v>
      </c>
      <c r="MV24" s="109">
        <v>0</v>
      </c>
      <c r="MW24" s="109">
        <v>1748758</v>
      </c>
      <c r="MX24" s="109">
        <v>1295687</v>
      </c>
      <c r="MY24" s="109">
        <v>1428178</v>
      </c>
      <c r="MZ24" s="110">
        <v>4472623</v>
      </c>
      <c r="NA24" s="130">
        <v>4472623</v>
      </c>
      <c r="NB24" s="129">
        <v>0</v>
      </c>
      <c r="NC24" s="109">
        <v>0</v>
      </c>
      <c r="ND24" s="110">
        <v>0</v>
      </c>
      <c r="NE24" s="132"/>
      <c r="NF24" s="109">
        <v>244328</v>
      </c>
      <c r="NG24" s="109">
        <v>0</v>
      </c>
      <c r="NH24" s="109">
        <v>279600</v>
      </c>
      <c r="NI24" s="109">
        <v>1201323</v>
      </c>
      <c r="NJ24" s="109">
        <v>0</v>
      </c>
      <c r="NK24" s="110">
        <v>1725251</v>
      </c>
      <c r="NL24" s="298">
        <v>1725251</v>
      </c>
      <c r="NM24" s="129">
        <v>0</v>
      </c>
      <c r="NN24" s="109">
        <v>0</v>
      </c>
      <c r="NO24" s="110">
        <v>0</v>
      </c>
      <c r="NP24" s="132"/>
      <c r="NQ24" s="109">
        <v>0</v>
      </c>
      <c r="NR24" s="109">
        <v>0</v>
      </c>
      <c r="NS24" s="109">
        <v>0</v>
      </c>
      <c r="NT24" s="109">
        <v>0</v>
      </c>
      <c r="NU24" s="109">
        <v>0</v>
      </c>
      <c r="NV24" s="110">
        <v>0</v>
      </c>
      <c r="NW24" s="111">
        <v>0</v>
      </c>
      <c r="NX24" s="129">
        <v>0</v>
      </c>
      <c r="NY24" s="109">
        <v>0</v>
      </c>
      <c r="NZ24" s="110">
        <v>0</v>
      </c>
      <c r="OA24" s="132"/>
      <c r="OB24" s="109">
        <v>0</v>
      </c>
      <c r="OC24" s="109">
        <v>0</v>
      </c>
      <c r="OD24" s="109">
        <v>0</v>
      </c>
      <c r="OE24" s="109">
        <v>0</v>
      </c>
      <c r="OF24" s="109">
        <v>0</v>
      </c>
      <c r="OG24" s="110">
        <v>0</v>
      </c>
      <c r="OH24" s="111">
        <v>0</v>
      </c>
      <c r="OI24" s="129">
        <v>399296</v>
      </c>
      <c r="OJ24" s="109">
        <v>369138</v>
      </c>
      <c r="OK24" s="128">
        <v>768434</v>
      </c>
      <c r="OL24" s="108">
        <v>0</v>
      </c>
      <c r="OM24" s="109">
        <v>5563254</v>
      </c>
      <c r="ON24" s="109">
        <v>5133390</v>
      </c>
      <c r="OO24" s="109">
        <v>5695737</v>
      </c>
      <c r="OP24" s="109">
        <v>4144788</v>
      </c>
      <c r="OQ24" s="109">
        <v>4720123</v>
      </c>
      <c r="OR24" s="110">
        <v>25257292</v>
      </c>
      <c r="OS24" s="130">
        <v>26025726</v>
      </c>
    </row>
    <row r="25" spans="2:409" ht="21" customHeight="1" x14ac:dyDescent="0.2">
      <c r="B25" s="472" t="s">
        <v>20</v>
      </c>
      <c r="C25" s="100">
        <v>299212</v>
      </c>
      <c r="D25" s="104">
        <v>771390</v>
      </c>
      <c r="E25" s="103">
        <v>1070602</v>
      </c>
      <c r="F25" s="100">
        <v>0</v>
      </c>
      <c r="G25" s="104">
        <v>5367279</v>
      </c>
      <c r="H25" s="104">
        <v>4284081</v>
      </c>
      <c r="I25" s="104">
        <v>5064635</v>
      </c>
      <c r="J25" s="104">
        <v>3959357</v>
      </c>
      <c r="K25" s="104">
        <v>3463786</v>
      </c>
      <c r="L25" s="160">
        <v>22139138</v>
      </c>
      <c r="M25" s="106">
        <v>23209740</v>
      </c>
      <c r="N25" s="100">
        <v>124457</v>
      </c>
      <c r="O25" s="104">
        <v>194041</v>
      </c>
      <c r="P25" s="103">
        <v>318498</v>
      </c>
      <c r="Q25" s="100">
        <v>0</v>
      </c>
      <c r="R25" s="104">
        <v>2184096</v>
      </c>
      <c r="S25" s="104">
        <v>1764740</v>
      </c>
      <c r="T25" s="104">
        <v>1546112</v>
      </c>
      <c r="U25" s="104">
        <v>1498907</v>
      </c>
      <c r="V25" s="104">
        <v>2112952</v>
      </c>
      <c r="W25" s="103">
        <v>9106807</v>
      </c>
      <c r="X25" s="106">
        <v>9425305</v>
      </c>
      <c r="Y25" s="100">
        <v>0</v>
      </c>
      <c r="Z25" s="104">
        <v>0</v>
      </c>
      <c r="AA25" s="103">
        <v>0</v>
      </c>
      <c r="AB25" s="100">
        <v>0</v>
      </c>
      <c r="AC25" s="104">
        <v>1033095</v>
      </c>
      <c r="AD25" s="104">
        <v>705854</v>
      </c>
      <c r="AE25" s="104">
        <v>486880</v>
      </c>
      <c r="AF25" s="104">
        <v>881438</v>
      </c>
      <c r="AG25" s="104">
        <v>1203810</v>
      </c>
      <c r="AH25" s="103">
        <v>4311077</v>
      </c>
      <c r="AI25" s="106">
        <v>4311077</v>
      </c>
      <c r="AJ25" s="100">
        <v>0</v>
      </c>
      <c r="AK25" s="104">
        <v>0</v>
      </c>
      <c r="AL25" s="103">
        <v>0</v>
      </c>
      <c r="AM25" s="100">
        <v>0</v>
      </c>
      <c r="AN25" s="104">
        <v>0</v>
      </c>
      <c r="AO25" s="104">
        <v>0</v>
      </c>
      <c r="AP25" s="104">
        <v>106604</v>
      </c>
      <c r="AQ25" s="104">
        <v>0</v>
      </c>
      <c r="AR25" s="104">
        <v>177660</v>
      </c>
      <c r="AS25" s="103">
        <v>284264</v>
      </c>
      <c r="AT25" s="106">
        <v>284264</v>
      </c>
      <c r="AU25" s="100">
        <v>70594</v>
      </c>
      <c r="AV25" s="104">
        <v>19036</v>
      </c>
      <c r="AW25" s="103">
        <v>89630</v>
      </c>
      <c r="AX25" s="100">
        <v>0</v>
      </c>
      <c r="AY25" s="104">
        <v>846497</v>
      </c>
      <c r="AZ25" s="104">
        <v>518256</v>
      </c>
      <c r="BA25" s="104">
        <v>534682</v>
      </c>
      <c r="BB25" s="104">
        <v>210647</v>
      </c>
      <c r="BC25" s="104">
        <v>444869</v>
      </c>
      <c r="BD25" s="103">
        <v>2554951</v>
      </c>
      <c r="BE25" s="106">
        <v>2644581</v>
      </c>
      <c r="BF25" s="100">
        <v>38391</v>
      </c>
      <c r="BG25" s="104">
        <v>114749</v>
      </c>
      <c r="BH25" s="102">
        <v>153140</v>
      </c>
      <c r="BI25" s="101">
        <v>0</v>
      </c>
      <c r="BJ25" s="104">
        <v>56984</v>
      </c>
      <c r="BK25" s="104">
        <v>290398</v>
      </c>
      <c r="BL25" s="104">
        <v>142370</v>
      </c>
      <c r="BM25" s="104">
        <v>91606</v>
      </c>
      <c r="BN25" s="104">
        <v>84989</v>
      </c>
      <c r="BO25" s="103">
        <v>666347</v>
      </c>
      <c r="BP25" s="106">
        <v>819487</v>
      </c>
      <c r="BQ25" s="100">
        <v>15472</v>
      </c>
      <c r="BR25" s="104">
        <v>60256</v>
      </c>
      <c r="BS25" s="103">
        <v>75728</v>
      </c>
      <c r="BT25" s="100">
        <v>0</v>
      </c>
      <c r="BU25" s="104">
        <v>247520</v>
      </c>
      <c r="BV25" s="104">
        <v>250232</v>
      </c>
      <c r="BW25" s="104">
        <v>275576</v>
      </c>
      <c r="BX25" s="104">
        <v>315216</v>
      </c>
      <c r="BY25" s="104">
        <v>201624</v>
      </c>
      <c r="BZ25" s="103">
        <v>1290168</v>
      </c>
      <c r="CA25" s="106">
        <v>1365896</v>
      </c>
      <c r="CB25" s="100">
        <v>62243</v>
      </c>
      <c r="CC25" s="104">
        <v>40413</v>
      </c>
      <c r="CD25" s="103">
        <v>102656</v>
      </c>
      <c r="CE25" s="100">
        <v>0</v>
      </c>
      <c r="CF25" s="104">
        <v>2031403</v>
      </c>
      <c r="CG25" s="104">
        <v>1751795</v>
      </c>
      <c r="CH25" s="104">
        <v>1370117</v>
      </c>
      <c r="CI25" s="104">
        <v>531214</v>
      </c>
      <c r="CJ25" s="104">
        <v>404380</v>
      </c>
      <c r="CK25" s="103">
        <v>6088909</v>
      </c>
      <c r="CL25" s="106">
        <v>6191565</v>
      </c>
      <c r="CM25" s="100">
        <v>0</v>
      </c>
      <c r="CN25" s="104">
        <v>0</v>
      </c>
      <c r="CO25" s="103">
        <v>0</v>
      </c>
      <c r="CP25" s="101">
        <v>0</v>
      </c>
      <c r="CQ25" s="104">
        <v>1518462</v>
      </c>
      <c r="CR25" s="104">
        <v>1156575</v>
      </c>
      <c r="CS25" s="104">
        <v>1080526</v>
      </c>
      <c r="CT25" s="104">
        <v>440836</v>
      </c>
      <c r="CU25" s="104">
        <v>295862</v>
      </c>
      <c r="CV25" s="103">
        <v>4492261</v>
      </c>
      <c r="CW25" s="106">
        <v>4492261</v>
      </c>
      <c r="CX25" s="100">
        <v>62243</v>
      </c>
      <c r="CY25" s="104">
        <v>40413</v>
      </c>
      <c r="CZ25" s="103">
        <v>102656</v>
      </c>
      <c r="DA25" s="100">
        <v>0</v>
      </c>
      <c r="DB25" s="104">
        <v>512941</v>
      </c>
      <c r="DC25" s="104">
        <v>595220</v>
      </c>
      <c r="DD25" s="104">
        <v>289591</v>
      </c>
      <c r="DE25" s="104">
        <v>90378</v>
      </c>
      <c r="DF25" s="104">
        <v>108518</v>
      </c>
      <c r="DG25" s="103">
        <v>1596648</v>
      </c>
      <c r="DH25" s="106">
        <v>1699304</v>
      </c>
      <c r="DI25" s="100">
        <v>0</v>
      </c>
      <c r="DJ25" s="104">
        <v>0</v>
      </c>
      <c r="DK25" s="102">
        <v>0</v>
      </c>
      <c r="DL25" s="101">
        <v>0</v>
      </c>
      <c r="DM25" s="104">
        <v>59379</v>
      </c>
      <c r="DN25" s="104">
        <v>0</v>
      </c>
      <c r="DO25" s="104">
        <v>251030</v>
      </c>
      <c r="DP25" s="104">
        <v>446268</v>
      </c>
      <c r="DQ25" s="104">
        <v>52984</v>
      </c>
      <c r="DR25" s="103">
        <v>809661</v>
      </c>
      <c r="DS25" s="106">
        <v>809661</v>
      </c>
      <c r="DT25" s="100">
        <v>0</v>
      </c>
      <c r="DU25" s="104">
        <v>0</v>
      </c>
      <c r="DV25" s="103">
        <v>0</v>
      </c>
      <c r="DW25" s="100">
        <v>0</v>
      </c>
      <c r="DX25" s="104">
        <v>59379</v>
      </c>
      <c r="DY25" s="104">
        <v>0</v>
      </c>
      <c r="DZ25" s="104">
        <v>192816</v>
      </c>
      <c r="EA25" s="104">
        <v>393223</v>
      </c>
      <c r="EB25" s="104">
        <v>52984</v>
      </c>
      <c r="EC25" s="103">
        <v>698402</v>
      </c>
      <c r="ED25" s="106">
        <v>698402</v>
      </c>
      <c r="EE25" s="100">
        <v>0</v>
      </c>
      <c r="EF25" s="102">
        <v>0</v>
      </c>
      <c r="EG25" s="103">
        <v>0</v>
      </c>
      <c r="EH25" s="100">
        <v>0</v>
      </c>
      <c r="EI25" s="104">
        <v>0</v>
      </c>
      <c r="EJ25" s="104">
        <v>0</v>
      </c>
      <c r="EK25" s="104">
        <v>58214</v>
      </c>
      <c r="EL25" s="104">
        <v>53045</v>
      </c>
      <c r="EM25" s="104">
        <v>0</v>
      </c>
      <c r="EN25" s="102">
        <v>111259</v>
      </c>
      <c r="EO25" s="106">
        <v>111259</v>
      </c>
      <c r="EP25" s="100">
        <v>0</v>
      </c>
      <c r="EQ25" s="104">
        <v>0</v>
      </c>
      <c r="ER25" s="102">
        <v>0</v>
      </c>
      <c r="ES25" s="101">
        <v>0</v>
      </c>
      <c r="ET25" s="104">
        <v>0</v>
      </c>
      <c r="EU25" s="104">
        <v>0</v>
      </c>
      <c r="EV25" s="104">
        <v>0</v>
      </c>
      <c r="EW25" s="104">
        <v>0</v>
      </c>
      <c r="EX25" s="104">
        <v>0</v>
      </c>
      <c r="EY25" s="103">
        <v>0</v>
      </c>
      <c r="EZ25" s="106">
        <v>0</v>
      </c>
      <c r="FA25" s="100">
        <v>0</v>
      </c>
      <c r="FB25" s="104">
        <v>0</v>
      </c>
      <c r="FC25" s="102">
        <v>0</v>
      </c>
      <c r="FD25" s="324"/>
      <c r="FE25" s="104">
        <v>0</v>
      </c>
      <c r="FF25" s="104">
        <v>0</v>
      </c>
      <c r="FG25" s="104">
        <v>0</v>
      </c>
      <c r="FH25" s="104">
        <v>0</v>
      </c>
      <c r="FI25" s="104">
        <v>0</v>
      </c>
      <c r="FJ25" s="103">
        <v>0</v>
      </c>
      <c r="FK25" s="106">
        <v>0</v>
      </c>
      <c r="FL25" s="100">
        <v>58624</v>
      </c>
      <c r="FM25" s="104">
        <v>350336</v>
      </c>
      <c r="FN25" s="103">
        <v>408960</v>
      </c>
      <c r="FO25" s="100">
        <v>0</v>
      </c>
      <c r="FP25" s="104">
        <v>463576</v>
      </c>
      <c r="FQ25" s="104">
        <v>399536</v>
      </c>
      <c r="FR25" s="104">
        <v>495992</v>
      </c>
      <c r="FS25" s="104">
        <v>378872</v>
      </c>
      <c r="FT25" s="104">
        <v>359304</v>
      </c>
      <c r="FU25" s="103">
        <v>2097280</v>
      </c>
      <c r="FV25" s="106">
        <v>2506240</v>
      </c>
      <c r="FW25" s="105">
        <v>58624</v>
      </c>
      <c r="FX25" s="104">
        <v>158336</v>
      </c>
      <c r="FY25" s="102">
        <v>216960</v>
      </c>
      <c r="FZ25" s="101">
        <v>0</v>
      </c>
      <c r="GA25" s="104">
        <v>275416</v>
      </c>
      <c r="GB25" s="104">
        <v>354656</v>
      </c>
      <c r="GC25" s="104">
        <v>495992</v>
      </c>
      <c r="GD25" s="104">
        <v>378872</v>
      </c>
      <c r="GE25" s="104">
        <v>359304</v>
      </c>
      <c r="GF25" s="103">
        <v>1864240</v>
      </c>
      <c r="GG25" s="296">
        <v>2081200</v>
      </c>
      <c r="GH25" s="105">
        <v>0</v>
      </c>
      <c r="GI25" s="104">
        <v>0</v>
      </c>
      <c r="GJ25" s="102">
        <v>0</v>
      </c>
      <c r="GK25" s="101">
        <v>0</v>
      </c>
      <c r="GL25" s="104">
        <v>28160</v>
      </c>
      <c r="GM25" s="104">
        <v>44880</v>
      </c>
      <c r="GN25" s="104">
        <v>0</v>
      </c>
      <c r="GO25" s="104">
        <v>0</v>
      </c>
      <c r="GP25" s="104">
        <v>0</v>
      </c>
      <c r="GQ25" s="103">
        <v>73040</v>
      </c>
      <c r="GR25" s="106">
        <v>73040</v>
      </c>
      <c r="GS25" s="100">
        <v>0</v>
      </c>
      <c r="GT25" s="104">
        <v>192000</v>
      </c>
      <c r="GU25" s="103">
        <v>192000</v>
      </c>
      <c r="GV25" s="100">
        <v>0</v>
      </c>
      <c r="GW25" s="104">
        <v>160000</v>
      </c>
      <c r="GX25" s="104">
        <v>0</v>
      </c>
      <c r="GY25" s="104">
        <v>0</v>
      </c>
      <c r="GZ25" s="104">
        <v>0</v>
      </c>
      <c r="HA25" s="104">
        <v>0</v>
      </c>
      <c r="HB25" s="102">
        <v>160000</v>
      </c>
      <c r="HC25" s="106">
        <v>352000</v>
      </c>
      <c r="HD25" s="100">
        <v>53888</v>
      </c>
      <c r="HE25" s="104">
        <v>186600</v>
      </c>
      <c r="HF25" s="102">
        <v>240488</v>
      </c>
      <c r="HG25" s="101">
        <v>0</v>
      </c>
      <c r="HH25" s="104">
        <v>628825</v>
      </c>
      <c r="HI25" s="104">
        <v>368010</v>
      </c>
      <c r="HJ25" s="104">
        <v>1401384</v>
      </c>
      <c r="HK25" s="104">
        <v>1104096</v>
      </c>
      <c r="HL25" s="104">
        <v>534166</v>
      </c>
      <c r="HM25" s="103">
        <v>4036481</v>
      </c>
      <c r="HN25" s="99">
        <v>4276969</v>
      </c>
      <c r="HO25" s="306"/>
      <c r="HP25" s="307"/>
      <c r="HQ25" s="308"/>
      <c r="HR25" s="309"/>
      <c r="HS25" s="307"/>
      <c r="HT25" s="307"/>
      <c r="HU25" s="307"/>
      <c r="HV25" s="307"/>
      <c r="HW25" s="307"/>
      <c r="HX25" s="310"/>
      <c r="HY25" s="311"/>
      <c r="HZ25" s="118">
        <v>0</v>
      </c>
      <c r="IA25" s="119">
        <v>0</v>
      </c>
      <c r="IB25" s="120">
        <v>0</v>
      </c>
      <c r="IC25" s="133">
        <v>0</v>
      </c>
      <c r="ID25" s="119">
        <v>780653</v>
      </c>
      <c r="IE25" s="134">
        <v>1011864</v>
      </c>
      <c r="IF25" s="120">
        <v>1154146</v>
      </c>
      <c r="IG25" s="119">
        <v>71308</v>
      </c>
      <c r="IH25" s="120">
        <v>425486</v>
      </c>
      <c r="II25" s="135">
        <v>3443457</v>
      </c>
      <c r="IJ25" s="126">
        <v>3443457</v>
      </c>
      <c r="IK25" s="219">
        <v>0</v>
      </c>
      <c r="IL25" s="223">
        <v>0</v>
      </c>
      <c r="IM25" s="224">
        <v>0</v>
      </c>
      <c r="IN25" s="127"/>
      <c r="IO25" s="109">
        <v>0</v>
      </c>
      <c r="IP25" s="109">
        <v>0</v>
      </c>
      <c r="IQ25" s="109">
        <v>0</v>
      </c>
      <c r="IR25" s="109">
        <v>0</v>
      </c>
      <c r="IS25" s="109">
        <v>0</v>
      </c>
      <c r="IT25" s="128">
        <v>0</v>
      </c>
      <c r="IU25" s="298">
        <v>0</v>
      </c>
      <c r="IV25" s="129">
        <v>0</v>
      </c>
      <c r="IW25" s="109">
        <v>0</v>
      </c>
      <c r="IX25" s="110">
        <v>0</v>
      </c>
      <c r="IY25" s="131"/>
      <c r="IZ25" s="109">
        <v>0</v>
      </c>
      <c r="JA25" s="109">
        <v>0</v>
      </c>
      <c r="JB25" s="109">
        <v>0</v>
      </c>
      <c r="JC25" s="109">
        <v>0</v>
      </c>
      <c r="JD25" s="109">
        <v>0</v>
      </c>
      <c r="JE25" s="110">
        <v>0</v>
      </c>
      <c r="JF25" s="111">
        <v>0</v>
      </c>
      <c r="JG25" s="129">
        <v>0</v>
      </c>
      <c r="JH25" s="109">
        <v>0</v>
      </c>
      <c r="JI25" s="128">
        <v>0</v>
      </c>
      <c r="JJ25" s="108">
        <v>0</v>
      </c>
      <c r="JK25" s="109">
        <v>536657</v>
      </c>
      <c r="JL25" s="109">
        <v>503955</v>
      </c>
      <c r="JM25" s="109">
        <v>393620</v>
      </c>
      <c r="JN25" s="109">
        <v>71308</v>
      </c>
      <c r="JO25" s="109">
        <v>157762</v>
      </c>
      <c r="JP25" s="110">
        <v>1663302</v>
      </c>
      <c r="JQ25" s="298">
        <v>1663302</v>
      </c>
      <c r="JR25" s="129">
        <v>0</v>
      </c>
      <c r="JS25" s="109">
        <v>0</v>
      </c>
      <c r="JT25" s="128">
        <v>0</v>
      </c>
      <c r="JU25" s="108">
        <v>0</v>
      </c>
      <c r="JV25" s="109">
        <v>0</v>
      </c>
      <c r="JW25" s="109">
        <v>0</v>
      </c>
      <c r="JX25" s="109">
        <v>0</v>
      </c>
      <c r="JY25" s="109">
        <v>0</v>
      </c>
      <c r="JZ25" s="109">
        <v>0</v>
      </c>
      <c r="KA25" s="110">
        <v>0</v>
      </c>
      <c r="KB25" s="298">
        <v>0</v>
      </c>
      <c r="KC25" s="221">
        <v>0</v>
      </c>
      <c r="KD25" s="217">
        <v>0</v>
      </c>
      <c r="KE25" s="110">
        <v>0</v>
      </c>
      <c r="KF25" s="108">
        <v>0</v>
      </c>
      <c r="KG25" s="109">
        <v>0</v>
      </c>
      <c r="KH25" s="109">
        <v>0</v>
      </c>
      <c r="KI25" s="109">
        <v>229590</v>
      </c>
      <c r="KJ25" s="109">
        <v>0</v>
      </c>
      <c r="KK25" s="109">
        <v>0</v>
      </c>
      <c r="KL25" s="110">
        <v>229590</v>
      </c>
      <c r="KM25" s="130">
        <v>229590</v>
      </c>
      <c r="KN25" s="219">
        <v>0</v>
      </c>
      <c r="KO25" s="223">
        <v>0</v>
      </c>
      <c r="KP25" s="224">
        <v>0</v>
      </c>
      <c r="KQ25" s="127"/>
      <c r="KR25" s="109">
        <v>243996</v>
      </c>
      <c r="KS25" s="109">
        <v>507909</v>
      </c>
      <c r="KT25" s="109">
        <v>530936</v>
      </c>
      <c r="KU25" s="109">
        <v>0</v>
      </c>
      <c r="KV25" s="109">
        <v>267724</v>
      </c>
      <c r="KW25" s="110">
        <v>1550565</v>
      </c>
      <c r="KX25" s="298">
        <v>1550565</v>
      </c>
      <c r="KY25" s="129">
        <v>0</v>
      </c>
      <c r="KZ25" s="109">
        <v>0</v>
      </c>
      <c r="LA25" s="110">
        <v>0</v>
      </c>
      <c r="LB25" s="132"/>
      <c r="LC25" s="109">
        <v>0</v>
      </c>
      <c r="LD25" s="109">
        <v>0</v>
      </c>
      <c r="LE25" s="109">
        <v>0</v>
      </c>
      <c r="LF25" s="109">
        <v>0</v>
      </c>
      <c r="LG25" s="109">
        <v>0</v>
      </c>
      <c r="LH25" s="110">
        <v>0</v>
      </c>
      <c r="LI25" s="111">
        <v>0</v>
      </c>
      <c r="LJ25" s="129">
        <v>0</v>
      </c>
      <c r="LK25" s="109">
        <v>0</v>
      </c>
      <c r="LL25" s="110">
        <v>0</v>
      </c>
      <c r="LM25" s="132"/>
      <c r="LN25" s="109">
        <v>0</v>
      </c>
      <c r="LO25" s="109">
        <v>0</v>
      </c>
      <c r="LP25" s="109">
        <v>0</v>
      </c>
      <c r="LQ25" s="109">
        <v>0</v>
      </c>
      <c r="LR25" s="109">
        <v>0</v>
      </c>
      <c r="LS25" s="110">
        <v>0</v>
      </c>
      <c r="LT25" s="298">
        <v>0</v>
      </c>
      <c r="LU25" s="129">
        <v>0</v>
      </c>
      <c r="LV25" s="109">
        <v>0</v>
      </c>
      <c r="LW25" s="110">
        <v>0</v>
      </c>
      <c r="LX25" s="132"/>
      <c r="LY25" s="109">
        <v>0</v>
      </c>
      <c r="LZ25" s="109">
        <v>0</v>
      </c>
      <c r="MA25" s="109">
        <v>0</v>
      </c>
      <c r="MB25" s="109">
        <v>0</v>
      </c>
      <c r="MC25" s="109">
        <v>0</v>
      </c>
      <c r="MD25" s="110">
        <v>0</v>
      </c>
      <c r="ME25" s="111">
        <v>0</v>
      </c>
      <c r="MF25" s="129">
        <v>0</v>
      </c>
      <c r="MG25" s="109">
        <v>0</v>
      </c>
      <c r="MH25" s="110">
        <v>0</v>
      </c>
      <c r="MI25" s="132"/>
      <c r="MJ25" s="109">
        <v>342132</v>
      </c>
      <c r="MK25" s="109">
        <v>480479</v>
      </c>
      <c r="ML25" s="109">
        <v>2055416</v>
      </c>
      <c r="MM25" s="109">
        <v>3278757</v>
      </c>
      <c r="MN25" s="109">
        <v>864051</v>
      </c>
      <c r="MO25" s="110">
        <v>7020835</v>
      </c>
      <c r="MP25" s="130">
        <v>7020835</v>
      </c>
      <c r="MQ25" s="129">
        <v>0</v>
      </c>
      <c r="MR25" s="109">
        <v>0</v>
      </c>
      <c r="MS25" s="110">
        <v>0</v>
      </c>
      <c r="MT25" s="132"/>
      <c r="MU25" s="109">
        <v>0</v>
      </c>
      <c r="MV25" s="109">
        <v>251315</v>
      </c>
      <c r="MW25" s="109">
        <v>1999049</v>
      </c>
      <c r="MX25" s="109">
        <v>3262804</v>
      </c>
      <c r="MY25" s="109">
        <v>864051</v>
      </c>
      <c r="MZ25" s="110">
        <v>6377219</v>
      </c>
      <c r="NA25" s="130">
        <v>6377219</v>
      </c>
      <c r="NB25" s="129">
        <v>0</v>
      </c>
      <c r="NC25" s="109">
        <v>0</v>
      </c>
      <c r="ND25" s="110">
        <v>0</v>
      </c>
      <c r="NE25" s="132"/>
      <c r="NF25" s="109">
        <v>342132</v>
      </c>
      <c r="NG25" s="109">
        <v>229164</v>
      </c>
      <c r="NH25" s="109">
        <v>56367</v>
      </c>
      <c r="NI25" s="109">
        <v>15953</v>
      </c>
      <c r="NJ25" s="109">
        <v>0</v>
      </c>
      <c r="NK25" s="110">
        <v>643616</v>
      </c>
      <c r="NL25" s="298">
        <v>643616</v>
      </c>
      <c r="NM25" s="129">
        <v>0</v>
      </c>
      <c r="NN25" s="109">
        <v>0</v>
      </c>
      <c r="NO25" s="110">
        <v>0</v>
      </c>
      <c r="NP25" s="132"/>
      <c r="NQ25" s="109">
        <v>0</v>
      </c>
      <c r="NR25" s="109">
        <v>0</v>
      </c>
      <c r="NS25" s="109">
        <v>0</v>
      </c>
      <c r="NT25" s="109">
        <v>0</v>
      </c>
      <c r="NU25" s="109">
        <v>0</v>
      </c>
      <c r="NV25" s="110">
        <v>0</v>
      </c>
      <c r="NW25" s="111">
        <v>0</v>
      </c>
      <c r="NX25" s="129">
        <v>0</v>
      </c>
      <c r="NY25" s="109">
        <v>0</v>
      </c>
      <c r="NZ25" s="110">
        <v>0</v>
      </c>
      <c r="OA25" s="132"/>
      <c r="OB25" s="109">
        <v>0</v>
      </c>
      <c r="OC25" s="109">
        <v>0</v>
      </c>
      <c r="OD25" s="109">
        <v>0</v>
      </c>
      <c r="OE25" s="109">
        <v>0</v>
      </c>
      <c r="OF25" s="109">
        <v>0</v>
      </c>
      <c r="OG25" s="110">
        <v>0</v>
      </c>
      <c r="OH25" s="111">
        <v>0</v>
      </c>
      <c r="OI25" s="129">
        <v>299212</v>
      </c>
      <c r="OJ25" s="109">
        <v>771390</v>
      </c>
      <c r="OK25" s="128">
        <v>1070602</v>
      </c>
      <c r="OL25" s="108">
        <v>0</v>
      </c>
      <c r="OM25" s="109">
        <v>6490064</v>
      </c>
      <c r="ON25" s="109">
        <v>5776424</v>
      </c>
      <c r="OO25" s="109">
        <v>8274197</v>
      </c>
      <c r="OP25" s="109">
        <v>7309422</v>
      </c>
      <c r="OQ25" s="109">
        <v>4753323</v>
      </c>
      <c r="OR25" s="110">
        <v>32603430</v>
      </c>
      <c r="OS25" s="130">
        <v>33674032</v>
      </c>
    </row>
    <row r="26" spans="2:409" ht="21" customHeight="1" x14ac:dyDescent="0.2">
      <c r="B26" s="472" t="s">
        <v>21</v>
      </c>
      <c r="C26" s="100">
        <v>363591</v>
      </c>
      <c r="D26" s="104">
        <v>634049</v>
      </c>
      <c r="E26" s="103">
        <v>997640</v>
      </c>
      <c r="F26" s="99">
        <v>0</v>
      </c>
      <c r="G26" s="104">
        <v>3167487</v>
      </c>
      <c r="H26" s="104">
        <v>4651499</v>
      </c>
      <c r="I26" s="104">
        <v>2736445</v>
      </c>
      <c r="J26" s="104">
        <v>2802756</v>
      </c>
      <c r="K26" s="104">
        <v>3784131</v>
      </c>
      <c r="L26" s="160">
        <v>17142318</v>
      </c>
      <c r="M26" s="106">
        <v>18139958</v>
      </c>
      <c r="N26" s="100">
        <v>203545</v>
      </c>
      <c r="O26" s="104">
        <v>160246</v>
      </c>
      <c r="P26" s="103">
        <v>363791</v>
      </c>
      <c r="Q26" s="100">
        <v>0</v>
      </c>
      <c r="R26" s="104">
        <v>1125549</v>
      </c>
      <c r="S26" s="104">
        <v>1961397</v>
      </c>
      <c r="T26" s="104">
        <v>681083</v>
      </c>
      <c r="U26" s="104">
        <v>1489144</v>
      </c>
      <c r="V26" s="104">
        <v>1662754</v>
      </c>
      <c r="W26" s="103">
        <v>6919927</v>
      </c>
      <c r="X26" s="106">
        <v>7283718</v>
      </c>
      <c r="Y26" s="100">
        <v>0</v>
      </c>
      <c r="Z26" s="104">
        <v>0</v>
      </c>
      <c r="AA26" s="103">
        <v>0</v>
      </c>
      <c r="AB26" s="100">
        <v>0</v>
      </c>
      <c r="AC26" s="104">
        <v>341085</v>
      </c>
      <c r="AD26" s="104">
        <v>664812</v>
      </c>
      <c r="AE26" s="104">
        <v>254186</v>
      </c>
      <c r="AF26" s="104">
        <v>811618</v>
      </c>
      <c r="AG26" s="104">
        <v>1171915</v>
      </c>
      <c r="AH26" s="103">
        <v>3243616</v>
      </c>
      <c r="AI26" s="106">
        <v>3243616</v>
      </c>
      <c r="AJ26" s="100">
        <v>0</v>
      </c>
      <c r="AK26" s="104">
        <v>0</v>
      </c>
      <c r="AL26" s="103">
        <v>0</v>
      </c>
      <c r="AM26" s="100">
        <v>0</v>
      </c>
      <c r="AN26" s="104">
        <v>0</v>
      </c>
      <c r="AO26" s="104">
        <v>0</v>
      </c>
      <c r="AP26" s="104">
        <v>0</v>
      </c>
      <c r="AQ26" s="104">
        <v>0</v>
      </c>
      <c r="AR26" s="104">
        <v>153366</v>
      </c>
      <c r="AS26" s="103">
        <v>153366</v>
      </c>
      <c r="AT26" s="106">
        <v>153366</v>
      </c>
      <c r="AU26" s="100">
        <v>119741</v>
      </c>
      <c r="AV26" s="104">
        <v>96710</v>
      </c>
      <c r="AW26" s="103">
        <v>216451</v>
      </c>
      <c r="AX26" s="100">
        <v>0</v>
      </c>
      <c r="AY26" s="104">
        <v>532987</v>
      </c>
      <c r="AZ26" s="104">
        <v>1020643</v>
      </c>
      <c r="BA26" s="104">
        <v>275321</v>
      </c>
      <c r="BB26" s="104">
        <v>525830</v>
      </c>
      <c r="BC26" s="104">
        <v>127062</v>
      </c>
      <c r="BD26" s="103">
        <v>2481843</v>
      </c>
      <c r="BE26" s="106">
        <v>2698294</v>
      </c>
      <c r="BF26" s="100">
        <v>42604</v>
      </c>
      <c r="BG26" s="104">
        <v>0</v>
      </c>
      <c r="BH26" s="102">
        <v>42604</v>
      </c>
      <c r="BI26" s="101">
        <v>0</v>
      </c>
      <c r="BJ26" s="104">
        <v>96053</v>
      </c>
      <c r="BK26" s="104">
        <v>46638</v>
      </c>
      <c r="BL26" s="104">
        <v>0</v>
      </c>
      <c r="BM26" s="104">
        <v>0</v>
      </c>
      <c r="BN26" s="104">
        <v>35515</v>
      </c>
      <c r="BO26" s="103">
        <v>178206</v>
      </c>
      <c r="BP26" s="106">
        <v>220810</v>
      </c>
      <c r="BQ26" s="100">
        <v>41200</v>
      </c>
      <c r="BR26" s="104">
        <v>63536</v>
      </c>
      <c r="BS26" s="103">
        <v>104736</v>
      </c>
      <c r="BT26" s="100">
        <v>0</v>
      </c>
      <c r="BU26" s="104">
        <v>155424</v>
      </c>
      <c r="BV26" s="104">
        <v>229304</v>
      </c>
      <c r="BW26" s="104">
        <v>151576</v>
      </c>
      <c r="BX26" s="104">
        <v>151696</v>
      </c>
      <c r="BY26" s="104">
        <v>174896</v>
      </c>
      <c r="BZ26" s="103">
        <v>862896</v>
      </c>
      <c r="CA26" s="106">
        <v>967632</v>
      </c>
      <c r="CB26" s="100">
        <v>81350</v>
      </c>
      <c r="CC26" s="104">
        <v>37583</v>
      </c>
      <c r="CD26" s="103">
        <v>118933</v>
      </c>
      <c r="CE26" s="100">
        <v>0</v>
      </c>
      <c r="CF26" s="104">
        <v>1007393</v>
      </c>
      <c r="CG26" s="104">
        <v>1181278</v>
      </c>
      <c r="CH26" s="104">
        <v>943848</v>
      </c>
      <c r="CI26" s="104">
        <v>140103</v>
      </c>
      <c r="CJ26" s="104">
        <v>201458</v>
      </c>
      <c r="CK26" s="103">
        <v>3474080</v>
      </c>
      <c r="CL26" s="106">
        <v>3593013</v>
      </c>
      <c r="CM26" s="100">
        <v>0</v>
      </c>
      <c r="CN26" s="104">
        <v>0</v>
      </c>
      <c r="CO26" s="103">
        <v>0</v>
      </c>
      <c r="CP26" s="101">
        <v>0</v>
      </c>
      <c r="CQ26" s="104">
        <v>715323</v>
      </c>
      <c r="CR26" s="104">
        <v>859771</v>
      </c>
      <c r="CS26" s="104">
        <v>839117</v>
      </c>
      <c r="CT26" s="104">
        <v>140103</v>
      </c>
      <c r="CU26" s="104">
        <v>136058</v>
      </c>
      <c r="CV26" s="103">
        <v>2690372</v>
      </c>
      <c r="CW26" s="106">
        <v>2690372</v>
      </c>
      <c r="CX26" s="100">
        <v>81350</v>
      </c>
      <c r="CY26" s="104">
        <v>37583</v>
      </c>
      <c r="CZ26" s="103">
        <v>118933</v>
      </c>
      <c r="DA26" s="100">
        <v>0</v>
      </c>
      <c r="DB26" s="104">
        <v>292070</v>
      </c>
      <c r="DC26" s="104">
        <v>321507</v>
      </c>
      <c r="DD26" s="104">
        <v>104731</v>
      </c>
      <c r="DE26" s="104">
        <v>0</v>
      </c>
      <c r="DF26" s="104">
        <v>65400</v>
      </c>
      <c r="DG26" s="103">
        <v>783708</v>
      </c>
      <c r="DH26" s="106">
        <v>902641</v>
      </c>
      <c r="DI26" s="100">
        <v>0</v>
      </c>
      <c r="DJ26" s="104">
        <v>0</v>
      </c>
      <c r="DK26" s="102">
        <v>0</v>
      </c>
      <c r="DL26" s="101">
        <v>0</v>
      </c>
      <c r="DM26" s="104">
        <v>382058</v>
      </c>
      <c r="DN26" s="104">
        <v>146879</v>
      </c>
      <c r="DO26" s="104">
        <v>370799</v>
      </c>
      <c r="DP26" s="104">
        <v>263327</v>
      </c>
      <c r="DQ26" s="104">
        <v>407598</v>
      </c>
      <c r="DR26" s="103">
        <v>1570661</v>
      </c>
      <c r="DS26" s="106">
        <v>1570661</v>
      </c>
      <c r="DT26" s="100">
        <v>0</v>
      </c>
      <c r="DU26" s="104">
        <v>0</v>
      </c>
      <c r="DV26" s="103">
        <v>0</v>
      </c>
      <c r="DW26" s="100">
        <v>0</v>
      </c>
      <c r="DX26" s="104">
        <v>382058</v>
      </c>
      <c r="DY26" s="104">
        <v>146879</v>
      </c>
      <c r="DZ26" s="104">
        <v>370799</v>
      </c>
      <c r="EA26" s="104">
        <v>263327</v>
      </c>
      <c r="EB26" s="104">
        <v>407598</v>
      </c>
      <c r="EC26" s="103">
        <v>1570661</v>
      </c>
      <c r="ED26" s="106">
        <v>1570661</v>
      </c>
      <c r="EE26" s="100">
        <v>0</v>
      </c>
      <c r="EF26" s="102">
        <v>0</v>
      </c>
      <c r="EG26" s="103">
        <v>0</v>
      </c>
      <c r="EH26" s="100">
        <v>0</v>
      </c>
      <c r="EI26" s="104">
        <v>0</v>
      </c>
      <c r="EJ26" s="104">
        <v>0</v>
      </c>
      <c r="EK26" s="104">
        <v>0</v>
      </c>
      <c r="EL26" s="104">
        <v>0</v>
      </c>
      <c r="EM26" s="104">
        <v>0</v>
      </c>
      <c r="EN26" s="102">
        <v>0</v>
      </c>
      <c r="EO26" s="106">
        <v>0</v>
      </c>
      <c r="EP26" s="100">
        <v>0</v>
      </c>
      <c r="EQ26" s="104">
        <v>0</v>
      </c>
      <c r="ER26" s="102">
        <v>0</v>
      </c>
      <c r="ES26" s="101">
        <v>0</v>
      </c>
      <c r="ET26" s="104">
        <v>0</v>
      </c>
      <c r="EU26" s="104">
        <v>0</v>
      </c>
      <c r="EV26" s="104">
        <v>0</v>
      </c>
      <c r="EW26" s="104">
        <v>0</v>
      </c>
      <c r="EX26" s="104">
        <v>0</v>
      </c>
      <c r="EY26" s="103">
        <v>0</v>
      </c>
      <c r="EZ26" s="106">
        <v>0</v>
      </c>
      <c r="FA26" s="100">
        <v>0</v>
      </c>
      <c r="FB26" s="104">
        <v>0</v>
      </c>
      <c r="FC26" s="102">
        <v>0</v>
      </c>
      <c r="FD26" s="324"/>
      <c r="FE26" s="104">
        <v>0</v>
      </c>
      <c r="FF26" s="104">
        <v>0</v>
      </c>
      <c r="FG26" s="104">
        <v>0</v>
      </c>
      <c r="FH26" s="104">
        <v>0</v>
      </c>
      <c r="FI26" s="104">
        <v>0</v>
      </c>
      <c r="FJ26" s="103">
        <v>0</v>
      </c>
      <c r="FK26" s="106">
        <v>0</v>
      </c>
      <c r="FL26" s="100">
        <v>78696</v>
      </c>
      <c r="FM26" s="104">
        <v>71632</v>
      </c>
      <c r="FN26" s="103">
        <v>150328</v>
      </c>
      <c r="FO26" s="100">
        <v>0</v>
      </c>
      <c r="FP26" s="104">
        <v>179760</v>
      </c>
      <c r="FQ26" s="104">
        <v>439288</v>
      </c>
      <c r="FR26" s="104">
        <v>274824</v>
      </c>
      <c r="FS26" s="104">
        <v>248192</v>
      </c>
      <c r="FT26" s="104">
        <v>205688</v>
      </c>
      <c r="FU26" s="103">
        <v>1347752</v>
      </c>
      <c r="FV26" s="106">
        <v>1498080</v>
      </c>
      <c r="FW26" s="105">
        <v>78696</v>
      </c>
      <c r="FX26" s="104">
        <v>71632</v>
      </c>
      <c r="FY26" s="102">
        <v>150328</v>
      </c>
      <c r="FZ26" s="101">
        <v>0</v>
      </c>
      <c r="GA26" s="104">
        <v>111760</v>
      </c>
      <c r="GB26" s="104">
        <v>439288</v>
      </c>
      <c r="GC26" s="104">
        <v>274824</v>
      </c>
      <c r="GD26" s="104">
        <v>248192</v>
      </c>
      <c r="GE26" s="104">
        <v>205688</v>
      </c>
      <c r="GF26" s="103">
        <v>1279752</v>
      </c>
      <c r="GG26" s="296">
        <v>1430080</v>
      </c>
      <c r="GH26" s="105">
        <v>0</v>
      </c>
      <c r="GI26" s="104">
        <v>0</v>
      </c>
      <c r="GJ26" s="102">
        <v>0</v>
      </c>
      <c r="GK26" s="101">
        <v>0</v>
      </c>
      <c r="GL26" s="104">
        <v>68000</v>
      </c>
      <c r="GM26" s="104">
        <v>0</v>
      </c>
      <c r="GN26" s="104">
        <v>0</v>
      </c>
      <c r="GO26" s="104">
        <v>0</v>
      </c>
      <c r="GP26" s="104">
        <v>0</v>
      </c>
      <c r="GQ26" s="103">
        <v>68000</v>
      </c>
      <c r="GR26" s="106">
        <v>68000</v>
      </c>
      <c r="GS26" s="100">
        <v>0</v>
      </c>
      <c r="GT26" s="104">
        <v>0</v>
      </c>
      <c r="GU26" s="103">
        <v>0</v>
      </c>
      <c r="GV26" s="100">
        <v>0</v>
      </c>
      <c r="GW26" s="104">
        <v>0</v>
      </c>
      <c r="GX26" s="104">
        <v>0</v>
      </c>
      <c r="GY26" s="104">
        <v>0</v>
      </c>
      <c r="GZ26" s="104">
        <v>0</v>
      </c>
      <c r="HA26" s="104">
        <v>0</v>
      </c>
      <c r="HB26" s="102">
        <v>0</v>
      </c>
      <c r="HC26" s="106">
        <v>0</v>
      </c>
      <c r="HD26" s="100">
        <v>0</v>
      </c>
      <c r="HE26" s="104">
        <v>364588</v>
      </c>
      <c r="HF26" s="102">
        <v>364588</v>
      </c>
      <c r="HG26" s="101">
        <v>0</v>
      </c>
      <c r="HH26" s="104">
        <v>472727</v>
      </c>
      <c r="HI26" s="104">
        <v>922657</v>
      </c>
      <c r="HJ26" s="104">
        <v>465891</v>
      </c>
      <c r="HK26" s="104">
        <v>661990</v>
      </c>
      <c r="HL26" s="104">
        <v>1306633</v>
      </c>
      <c r="HM26" s="103">
        <v>3829898</v>
      </c>
      <c r="HN26" s="99">
        <v>4194486</v>
      </c>
      <c r="HO26" s="306"/>
      <c r="HP26" s="307"/>
      <c r="HQ26" s="308"/>
      <c r="HR26" s="309"/>
      <c r="HS26" s="307"/>
      <c r="HT26" s="307"/>
      <c r="HU26" s="307"/>
      <c r="HV26" s="307"/>
      <c r="HW26" s="307"/>
      <c r="HX26" s="310"/>
      <c r="HY26" s="311"/>
      <c r="HZ26" s="137">
        <v>0</v>
      </c>
      <c r="IA26" s="122">
        <v>0</v>
      </c>
      <c r="IB26" s="137">
        <v>0</v>
      </c>
      <c r="IC26" s="121">
        <v>0</v>
      </c>
      <c r="ID26" s="122">
        <v>990575</v>
      </c>
      <c r="IE26" s="123">
        <v>836964</v>
      </c>
      <c r="IF26" s="124">
        <v>843489</v>
      </c>
      <c r="IG26" s="122">
        <v>151222</v>
      </c>
      <c r="IH26" s="124">
        <v>0</v>
      </c>
      <c r="II26" s="125">
        <v>2822250</v>
      </c>
      <c r="IJ26" s="137">
        <v>2822250</v>
      </c>
      <c r="IK26" s="219">
        <v>0</v>
      </c>
      <c r="IL26" s="223">
        <v>0</v>
      </c>
      <c r="IM26" s="224">
        <v>0</v>
      </c>
      <c r="IN26" s="127"/>
      <c r="IO26" s="109">
        <v>0</v>
      </c>
      <c r="IP26" s="109">
        <v>0</v>
      </c>
      <c r="IQ26" s="109">
        <v>0</v>
      </c>
      <c r="IR26" s="109">
        <v>0</v>
      </c>
      <c r="IS26" s="109">
        <v>0</v>
      </c>
      <c r="IT26" s="128">
        <v>0</v>
      </c>
      <c r="IU26" s="298">
        <v>0</v>
      </c>
      <c r="IV26" s="129">
        <v>0</v>
      </c>
      <c r="IW26" s="109">
        <v>0</v>
      </c>
      <c r="IX26" s="110">
        <v>0</v>
      </c>
      <c r="IY26" s="131"/>
      <c r="IZ26" s="109">
        <v>0</v>
      </c>
      <c r="JA26" s="109">
        <v>0</v>
      </c>
      <c r="JB26" s="109">
        <v>0</v>
      </c>
      <c r="JC26" s="109">
        <v>0</v>
      </c>
      <c r="JD26" s="109">
        <v>0</v>
      </c>
      <c r="JE26" s="110">
        <v>0</v>
      </c>
      <c r="JF26" s="111">
        <v>0</v>
      </c>
      <c r="JG26" s="129">
        <v>0</v>
      </c>
      <c r="JH26" s="109">
        <v>0</v>
      </c>
      <c r="JI26" s="128">
        <v>0</v>
      </c>
      <c r="JJ26" s="108">
        <v>0</v>
      </c>
      <c r="JK26" s="109">
        <v>513053</v>
      </c>
      <c r="JL26" s="109">
        <v>329062</v>
      </c>
      <c r="JM26" s="109">
        <v>106438</v>
      </c>
      <c r="JN26" s="109">
        <v>151222</v>
      </c>
      <c r="JO26" s="109">
        <v>0</v>
      </c>
      <c r="JP26" s="110">
        <v>1099775</v>
      </c>
      <c r="JQ26" s="298">
        <v>1099775</v>
      </c>
      <c r="JR26" s="129">
        <v>0</v>
      </c>
      <c r="JS26" s="109">
        <v>0</v>
      </c>
      <c r="JT26" s="128">
        <v>0</v>
      </c>
      <c r="JU26" s="108">
        <v>0</v>
      </c>
      <c r="JV26" s="109">
        <v>0</v>
      </c>
      <c r="JW26" s="109">
        <v>0</v>
      </c>
      <c r="JX26" s="109">
        <v>0</v>
      </c>
      <c r="JY26" s="109">
        <v>0</v>
      </c>
      <c r="JZ26" s="109">
        <v>0</v>
      </c>
      <c r="KA26" s="110">
        <v>0</v>
      </c>
      <c r="KB26" s="298">
        <v>0</v>
      </c>
      <c r="KC26" s="221">
        <v>0</v>
      </c>
      <c r="KD26" s="217">
        <v>0</v>
      </c>
      <c r="KE26" s="110">
        <v>0</v>
      </c>
      <c r="KF26" s="108">
        <v>0</v>
      </c>
      <c r="KG26" s="109">
        <v>0</v>
      </c>
      <c r="KH26" s="109">
        <v>0</v>
      </c>
      <c r="KI26" s="109">
        <v>226056</v>
      </c>
      <c r="KJ26" s="109">
        <v>0</v>
      </c>
      <c r="KK26" s="109">
        <v>0</v>
      </c>
      <c r="KL26" s="110">
        <v>226056</v>
      </c>
      <c r="KM26" s="130">
        <v>226056</v>
      </c>
      <c r="KN26" s="219">
        <v>0</v>
      </c>
      <c r="KO26" s="223">
        <v>0</v>
      </c>
      <c r="KP26" s="224">
        <v>0</v>
      </c>
      <c r="KQ26" s="127"/>
      <c r="KR26" s="109">
        <v>477522</v>
      </c>
      <c r="KS26" s="109">
        <v>507902</v>
      </c>
      <c r="KT26" s="109">
        <v>510995</v>
      </c>
      <c r="KU26" s="109">
        <v>0</v>
      </c>
      <c r="KV26" s="109">
        <v>0</v>
      </c>
      <c r="KW26" s="110">
        <v>1496419</v>
      </c>
      <c r="KX26" s="298">
        <v>1496419</v>
      </c>
      <c r="KY26" s="129">
        <v>0</v>
      </c>
      <c r="KZ26" s="109">
        <v>0</v>
      </c>
      <c r="LA26" s="110">
        <v>0</v>
      </c>
      <c r="LB26" s="132"/>
      <c r="LC26" s="109">
        <v>0</v>
      </c>
      <c r="LD26" s="109">
        <v>0</v>
      </c>
      <c r="LE26" s="109">
        <v>0</v>
      </c>
      <c r="LF26" s="109">
        <v>0</v>
      </c>
      <c r="LG26" s="109">
        <v>0</v>
      </c>
      <c r="LH26" s="110">
        <v>0</v>
      </c>
      <c r="LI26" s="111">
        <v>0</v>
      </c>
      <c r="LJ26" s="129">
        <v>0</v>
      </c>
      <c r="LK26" s="109">
        <v>0</v>
      </c>
      <c r="LL26" s="110">
        <v>0</v>
      </c>
      <c r="LM26" s="132"/>
      <c r="LN26" s="109">
        <v>0</v>
      </c>
      <c r="LO26" s="109">
        <v>0</v>
      </c>
      <c r="LP26" s="109">
        <v>0</v>
      </c>
      <c r="LQ26" s="109">
        <v>0</v>
      </c>
      <c r="LR26" s="109">
        <v>0</v>
      </c>
      <c r="LS26" s="110">
        <v>0</v>
      </c>
      <c r="LT26" s="298">
        <v>0</v>
      </c>
      <c r="LU26" s="129">
        <v>0</v>
      </c>
      <c r="LV26" s="109">
        <v>0</v>
      </c>
      <c r="LW26" s="110">
        <v>0</v>
      </c>
      <c r="LX26" s="132"/>
      <c r="LY26" s="109">
        <v>0</v>
      </c>
      <c r="LZ26" s="109">
        <v>0</v>
      </c>
      <c r="MA26" s="109">
        <v>0</v>
      </c>
      <c r="MB26" s="109">
        <v>0</v>
      </c>
      <c r="MC26" s="109">
        <v>0</v>
      </c>
      <c r="MD26" s="110">
        <v>0</v>
      </c>
      <c r="ME26" s="111">
        <v>0</v>
      </c>
      <c r="MF26" s="129">
        <v>0</v>
      </c>
      <c r="MG26" s="109">
        <v>0</v>
      </c>
      <c r="MH26" s="110">
        <v>0</v>
      </c>
      <c r="MI26" s="132"/>
      <c r="MJ26" s="109">
        <v>0</v>
      </c>
      <c r="MK26" s="109">
        <v>325011</v>
      </c>
      <c r="ML26" s="109">
        <v>1555400</v>
      </c>
      <c r="MM26" s="109">
        <v>2423582</v>
      </c>
      <c r="MN26" s="109">
        <v>2309503</v>
      </c>
      <c r="MO26" s="110">
        <v>6613496</v>
      </c>
      <c r="MP26" s="130">
        <v>6613496</v>
      </c>
      <c r="MQ26" s="129">
        <v>0</v>
      </c>
      <c r="MR26" s="109">
        <v>0</v>
      </c>
      <c r="MS26" s="110">
        <v>0</v>
      </c>
      <c r="MT26" s="132"/>
      <c r="MU26" s="109">
        <v>0</v>
      </c>
      <c r="MV26" s="109">
        <v>0</v>
      </c>
      <c r="MW26" s="109">
        <v>489134</v>
      </c>
      <c r="MX26" s="109">
        <v>2423582</v>
      </c>
      <c r="MY26" s="109">
        <v>1955056</v>
      </c>
      <c r="MZ26" s="110">
        <v>4867772</v>
      </c>
      <c r="NA26" s="130">
        <v>4867772</v>
      </c>
      <c r="NB26" s="129">
        <v>0</v>
      </c>
      <c r="NC26" s="109">
        <v>0</v>
      </c>
      <c r="ND26" s="110">
        <v>0</v>
      </c>
      <c r="NE26" s="132"/>
      <c r="NF26" s="109">
        <v>0</v>
      </c>
      <c r="NG26" s="109">
        <v>325011</v>
      </c>
      <c r="NH26" s="109">
        <v>1066266</v>
      </c>
      <c r="NI26" s="109">
        <v>0</v>
      </c>
      <c r="NJ26" s="109">
        <v>0</v>
      </c>
      <c r="NK26" s="110">
        <v>1391277</v>
      </c>
      <c r="NL26" s="298">
        <v>1391277</v>
      </c>
      <c r="NM26" s="129">
        <v>0</v>
      </c>
      <c r="NN26" s="109">
        <v>0</v>
      </c>
      <c r="NO26" s="110">
        <v>0</v>
      </c>
      <c r="NP26" s="132"/>
      <c r="NQ26" s="109">
        <v>0</v>
      </c>
      <c r="NR26" s="109">
        <v>0</v>
      </c>
      <c r="NS26" s="109">
        <v>0</v>
      </c>
      <c r="NT26" s="109">
        <v>0</v>
      </c>
      <c r="NU26" s="109">
        <v>0</v>
      </c>
      <c r="NV26" s="110">
        <v>0</v>
      </c>
      <c r="NW26" s="111">
        <v>0</v>
      </c>
      <c r="NX26" s="129">
        <v>0</v>
      </c>
      <c r="NY26" s="109">
        <v>0</v>
      </c>
      <c r="NZ26" s="110">
        <v>0</v>
      </c>
      <c r="OA26" s="132"/>
      <c r="OB26" s="109">
        <v>0</v>
      </c>
      <c r="OC26" s="109">
        <v>0</v>
      </c>
      <c r="OD26" s="109">
        <v>0</v>
      </c>
      <c r="OE26" s="109">
        <v>0</v>
      </c>
      <c r="OF26" s="109">
        <v>354447</v>
      </c>
      <c r="OG26" s="110">
        <v>354447</v>
      </c>
      <c r="OH26" s="111">
        <v>354447</v>
      </c>
      <c r="OI26" s="129">
        <v>363591</v>
      </c>
      <c r="OJ26" s="109">
        <v>634049</v>
      </c>
      <c r="OK26" s="128">
        <v>997640</v>
      </c>
      <c r="OL26" s="108">
        <v>0</v>
      </c>
      <c r="OM26" s="109">
        <v>4158062</v>
      </c>
      <c r="ON26" s="109">
        <v>5813474</v>
      </c>
      <c r="OO26" s="109">
        <v>5135334</v>
      </c>
      <c r="OP26" s="109">
        <v>5377560</v>
      </c>
      <c r="OQ26" s="109">
        <v>6093634</v>
      </c>
      <c r="OR26" s="110">
        <v>26578064</v>
      </c>
      <c r="OS26" s="130">
        <v>27575704</v>
      </c>
    </row>
    <row r="27" spans="2:409" ht="21" customHeight="1" x14ac:dyDescent="0.2">
      <c r="B27" s="472" t="s">
        <v>22</v>
      </c>
      <c r="C27" s="100">
        <v>32816</v>
      </c>
      <c r="D27" s="104">
        <v>304692</v>
      </c>
      <c r="E27" s="103">
        <v>337508</v>
      </c>
      <c r="F27" s="99">
        <v>0</v>
      </c>
      <c r="G27" s="104">
        <v>2336540</v>
      </c>
      <c r="H27" s="104">
        <v>2136667</v>
      </c>
      <c r="I27" s="104">
        <v>1243664</v>
      </c>
      <c r="J27" s="104">
        <v>1573375</v>
      </c>
      <c r="K27" s="104">
        <v>2083413</v>
      </c>
      <c r="L27" s="160">
        <v>9373659</v>
      </c>
      <c r="M27" s="106">
        <v>9711167</v>
      </c>
      <c r="N27" s="100">
        <v>8272</v>
      </c>
      <c r="O27" s="104">
        <v>29456</v>
      </c>
      <c r="P27" s="103">
        <v>37728</v>
      </c>
      <c r="Q27" s="100">
        <v>0</v>
      </c>
      <c r="R27" s="104">
        <v>457501</v>
      </c>
      <c r="S27" s="104">
        <v>525784</v>
      </c>
      <c r="T27" s="104">
        <v>230756</v>
      </c>
      <c r="U27" s="104">
        <v>348016</v>
      </c>
      <c r="V27" s="104">
        <v>382595</v>
      </c>
      <c r="W27" s="103">
        <v>1944652</v>
      </c>
      <c r="X27" s="106">
        <v>1982380</v>
      </c>
      <c r="Y27" s="100">
        <v>0</v>
      </c>
      <c r="Z27" s="104">
        <v>0</v>
      </c>
      <c r="AA27" s="103">
        <v>0</v>
      </c>
      <c r="AB27" s="100">
        <v>0</v>
      </c>
      <c r="AC27" s="104">
        <v>148987</v>
      </c>
      <c r="AD27" s="104">
        <v>220704</v>
      </c>
      <c r="AE27" s="104">
        <v>45408</v>
      </c>
      <c r="AF27" s="104">
        <v>284816</v>
      </c>
      <c r="AG27" s="104">
        <v>155072</v>
      </c>
      <c r="AH27" s="103">
        <v>854987</v>
      </c>
      <c r="AI27" s="106">
        <v>854987</v>
      </c>
      <c r="AJ27" s="100">
        <v>0</v>
      </c>
      <c r="AK27" s="104">
        <v>0</v>
      </c>
      <c r="AL27" s="103">
        <v>0</v>
      </c>
      <c r="AM27" s="100">
        <v>0</v>
      </c>
      <c r="AN27" s="104">
        <v>80712</v>
      </c>
      <c r="AO27" s="104">
        <v>0</v>
      </c>
      <c r="AP27" s="104">
        <v>0</v>
      </c>
      <c r="AQ27" s="104">
        <v>0</v>
      </c>
      <c r="AR27" s="104">
        <v>0</v>
      </c>
      <c r="AS27" s="103">
        <v>80712</v>
      </c>
      <c r="AT27" s="106">
        <v>80712</v>
      </c>
      <c r="AU27" s="100">
        <v>0</v>
      </c>
      <c r="AV27" s="104">
        <v>29456</v>
      </c>
      <c r="AW27" s="103">
        <v>29456</v>
      </c>
      <c r="AX27" s="100">
        <v>0</v>
      </c>
      <c r="AY27" s="104">
        <v>133714</v>
      </c>
      <c r="AZ27" s="104">
        <v>163646</v>
      </c>
      <c r="BA27" s="104">
        <v>124996</v>
      </c>
      <c r="BB27" s="104">
        <v>0</v>
      </c>
      <c r="BC27" s="104">
        <v>188659</v>
      </c>
      <c r="BD27" s="103">
        <v>611015</v>
      </c>
      <c r="BE27" s="106">
        <v>640471</v>
      </c>
      <c r="BF27" s="100">
        <v>0</v>
      </c>
      <c r="BG27" s="104">
        <v>0</v>
      </c>
      <c r="BH27" s="102">
        <v>0</v>
      </c>
      <c r="BI27" s="101">
        <v>0</v>
      </c>
      <c r="BJ27" s="104">
        <v>0</v>
      </c>
      <c r="BK27" s="104">
        <v>70642</v>
      </c>
      <c r="BL27" s="104">
        <v>46240</v>
      </c>
      <c r="BM27" s="104">
        <v>0</v>
      </c>
      <c r="BN27" s="104">
        <v>0</v>
      </c>
      <c r="BO27" s="103">
        <v>116882</v>
      </c>
      <c r="BP27" s="106">
        <v>116882</v>
      </c>
      <c r="BQ27" s="100">
        <v>8272</v>
      </c>
      <c r="BR27" s="104">
        <v>0</v>
      </c>
      <c r="BS27" s="103">
        <v>8272</v>
      </c>
      <c r="BT27" s="100">
        <v>0</v>
      </c>
      <c r="BU27" s="104">
        <v>94088</v>
      </c>
      <c r="BV27" s="104">
        <v>70792</v>
      </c>
      <c r="BW27" s="104">
        <v>14112</v>
      </c>
      <c r="BX27" s="104">
        <v>63200</v>
      </c>
      <c r="BY27" s="104">
        <v>38864</v>
      </c>
      <c r="BZ27" s="103">
        <v>281056</v>
      </c>
      <c r="CA27" s="106">
        <v>289328</v>
      </c>
      <c r="CB27" s="100">
        <v>18544</v>
      </c>
      <c r="CC27" s="104">
        <v>34112</v>
      </c>
      <c r="CD27" s="103">
        <v>52656</v>
      </c>
      <c r="CE27" s="100">
        <v>0</v>
      </c>
      <c r="CF27" s="104">
        <v>867127</v>
      </c>
      <c r="CG27" s="104">
        <v>511435</v>
      </c>
      <c r="CH27" s="104">
        <v>697644</v>
      </c>
      <c r="CI27" s="104">
        <v>311736</v>
      </c>
      <c r="CJ27" s="104">
        <v>485752</v>
      </c>
      <c r="CK27" s="103">
        <v>2873694</v>
      </c>
      <c r="CL27" s="106">
        <v>2926350</v>
      </c>
      <c r="CM27" s="100">
        <v>0</v>
      </c>
      <c r="CN27" s="104">
        <v>0</v>
      </c>
      <c r="CO27" s="103">
        <v>0</v>
      </c>
      <c r="CP27" s="101">
        <v>0</v>
      </c>
      <c r="CQ27" s="104">
        <v>633193</v>
      </c>
      <c r="CR27" s="104">
        <v>312059</v>
      </c>
      <c r="CS27" s="104">
        <v>430133</v>
      </c>
      <c r="CT27" s="104">
        <v>207472</v>
      </c>
      <c r="CU27" s="104">
        <v>188008</v>
      </c>
      <c r="CV27" s="103">
        <v>1770865</v>
      </c>
      <c r="CW27" s="106">
        <v>1770865</v>
      </c>
      <c r="CX27" s="100">
        <v>18544</v>
      </c>
      <c r="CY27" s="104">
        <v>34112</v>
      </c>
      <c r="CZ27" s="103">
        <v>52656</v>
      </c>
      <c r="DA27" s="100">
        <v>0</v>
      </c>
      <c r="DB27" s="104">
        <v>233934</v>
      </c>
      <c r="DC27" s="104">
        <v>199376</v>
      </c>
      <c r="DD27" s="104">
        <v>267511</v>
      </c>
      <c r="DE27" s="104">
        <v>104264</v>
      </c>
      <c r="DF27" s="104">
        <v>297744</v>
      </c>
      <c r="DG27" s="103">
        <v>1102829</v>
      </c>
      <c r="DH27" s="106">
        <v>1155485</v>
      </c>
      <c r="DI27" s="100">
        <v>0</v>
      </c>
      <c r="DJ27" s="104">
        <v>0</v>
      </c>
      <c r="DK27" s="102">
        <v>0</v>
      </c>
      <c r="DL27" s="101">
        <v>0</v>
      </c>
      <c r="DM27" s="104">
        <v>87157</v>
      </c>
      <c r="DN27" s="104">
        <v>57997</v>
      </c>
      <c r="DO27" s="104">
        <v>173055</v>
      </c>
      <c r="DP27" s="104">
        <v>398711</v>
      </c>
      <c r="DQ27" s="104">
        <v>446044</v>
      </c>
      <c r="DR27" s="103">
        <v>1162964</v>
      </c>
      <c r="DS27" s="106">
        <v>1162964</v>
      </c>
      <c r="DT27" s="100">
        <v>0</v>
      </c>
      <c r="DU27" s="104">
        <v>0</v>
      </c>
      <c r="DV27" s="103">
        <v>0</v>
      </c>
      <c r="DW27" s="100">
        <v>0</v>
      </c>
      <c r="DX27" s="104">
        <v>21868</v>
      </c>
      <c r="DY27" s="104">
        <v>57997</v>
      </c>
      <c r="DZ27" s="104">
        <v>19167</v>
      </c>
      <c r="EA27" s="104">
        <v>398711</v>
      </c>
      <c r="EB27" s="104">
        <v>134719</v>
      </c>
      <c r="EC27" s="103">
        <v>632462</v>
      </c>
      <c r="ED27" s="106">
        <v>632462</v>
      </c>
      <c r="EE27" s="100">
        <v>0</v>
      </c>
      <c r="EF27" s="102">
        <v>0</v>
      </c>
      <c r="EG27" s="103">
        <v>0</v>
      </c>
      <c r="EH27" s="100">
        <v>0</v>
      </c>
      <c r="EI27" s="104">
        <v>65289</v>
      </c>
      <c r="EJ27" s="104">
        <v>0</v>
      </c>
      <c r="EK27" s="104">
        <v>153888</v>
      </c>
      <c r="EL27" s="104">
        <v>0</v>
      </c>
      <c r="EM27" s="104">
        <v>311325</v>
      </c>
      <c r="EN27" s="102">
        <v>530502</v>
      </c>
      <c r="EO27" s="106">
        <v>530502</v>
      </c>
      <c r="EP27" s="100">
        <v>0</v>
      </c>
      <c r="EQ27" s="104">
        <v>0</v>
      </c>
      <c r="ER27" s="102">
        <v>0</v>
      </c>
      <c r="ES27" s="101">
        <v>0</v>
      </c>
      <c r="ET27" s="104">
        <v>0</v>
      </c>
      <c r="EU27" s="104">
        <v>0</v>
      </c>
      <c r="EV27" s="104">
        <v>0</v>
      </c>
      <c r="EW27" s="104">
        <v>0</v>
      </c>
      <c r="EX27" s="104">
        <v>0</v>
      </c>
      <c r="EY27" s="103">
        <v>0</v>
      </c>
      <c r="EZ27" s="106">
        <v>0</v>
      </c>
      <c r="FA27" s="100">
        <v>0</v>
      </c>
      <c r="FB27" s="104">
        <v>0</v>
      </c>
      <c r="FC27" s="102">
        <v>0</v>
      </c>
      <c r="FD27" s="324"/>
      <c r="FE27" s="104">
        <v>0</v>
      </c>
      <c r="FF27" s="104">
        <v>0</v>
      </c>
      <c r="FG27" s="104">
        <v>0</v>
      </c>
      <c r="FH27" s="104">
        <v>0</v>
      </c>
      <c r="FI27" s="104">
        <v>0</v>
      </c>
      <c r="FJ27" s="103">
        <v>0</v>
      </c>
      <c r="FK27" s="106">
        <v>0</v>
      </c>
      <c r="FL27" s="100">
        <v>6000</v>
      </c>
      <c r="FM27" s="104">
        <v>52624</v>
      </c>
      <c r="FN27" s="103">
        <v>58624</v>
      </c>
      <c r="FO27" s="100">
        <v>0</v>
      </c>
      <c r="FP27" s="104">
        <v>133320</v>
      </c>
      <c r="FQ27" s="104">
        <v>189536</v>
      </c>
      <c r="FR27" s="104">
        <v>122464</v>
      </c>
      <c r="FS27" s="104">
        <v>97136</v>
      </c>
      <c r="FT27" s="104">
        <v>130824</v>
      </c>
      <c r="FU27" s="103">
        <v>673280</v>
      </c>
      <c r="FV27" s="106">
        <v>731904</v>
      </c>
      <c r="FW27" s="105">
        <v>6000</v>
      </c>
      <c r="FX27" s="104">
        <v>52624</v>
      </c>
      <c r="FY27" s="102">
        <v>58624</v>
      </c>
      <c r="FZ27" s="101">
        <v>0</v>
      </c>
      <c r="GA27" s="104">
        <v>95480</v>
      </c>
      <c r="GB27" s="104">
        <v>189536</v>
      </c>
      <c r="GC27" s="104">
        <v>122464</v>
      </c>
      <c r="GD27" s="104">
        <v>97136</v>
      </c>
      <c r="GE27" s="104">
        <v>130824</v>
      </c>
      <c r="GF27" s="103">
        <v>635440</v>
      </c>
      <c r="GG27" s="296">
        <v>694064</v>
      </c>
      <c r="GH27" s="105">
        <v>0</v>
      </c>
      <c r="GI27" s="104">
        <v>0</v>
      </c>
      <c r="GJ27" s="102">
        <v>0</v>
      </c>
      <c r="GK27" s="101">
        <v>0</v>
      </c>
      <c r="GL27" s="104">
        <v>0</v>
      </c>
      <c r="GM27" s="104">
        <v>0</v>
      </c>
      <c r="GN27" s="104">
        <v>0</v>
      </c>
      <c r="GO27" s="104">
        <v>0</v>
      </c>
      <c r="GP27" s="104">
        <v>0</v>
      </c>
      <c r="GQ27" s="103">
        <v>0</v>
      </c>
      <c r="GR27" s="106">
        <v>0</v>
      </c>
      <c r="GS27" s="100">
        <v>0</v>
      </c>
      <c r="GT27" s="104">
        <v>0</v>
      </c>
      <c r="GU27" s="103">
        <v>0</v>
      </c>
      <c r="GV27" s="100">
        <v>0</v>
      </c>
      <c r="GW27" s="104">
        <v>37840</v>
      </c>
      <c r="GX27" s="104">
        <v>0</v>
      </c>
      <c r="GY27" s="104">
        <v>0</v>
      </c>
      <c r="GZ27" s="104">
        <v>0</v>
      </c>
      <c r="HA27" s="104">
        <v>0</v>
      </c>
      <c r="HB27" s="102">
        <v>37840</v>
      </c>
      <c r="HC27" s="106">
        <v>37840</v>
      </c>
      <c r="HD27" s="100">
        <v>0</v>
      </c>
      <c r="HE27" s="104">
        <v>188500</v>
      </c>
      <c r="HF27" s="102">
        <v>188500</v>
      </c>
      <c r="HG27" s="101">
        <v>0</v>
      </c>
      <c r="HH27" s="104">
        <v>791435</v>
      </c>
      <c r="HI27" s="104">
        <v>851915</v>
      </c>
      <c r="HJ27" s="104">
        <v>19745</v>
      </c>
      <c r="HK27" s="104">
        <v>417776</v>
      </c>
      <c r="HL27" s="104">
        <v>638198</v>
      </c>
      <c r="HM27" s="103">
        <v>2719069</v>
      </c>
      <c r="HN27" s="99">
        <v>2907569</v>
      </c>
      <c r="HO27" s="306"/>
      <c r="HP27" s="307"/>
      <c r="HQ27" s="308"/>
      <c r="HR27" s="309"/>
      <c r="HS27" s="307"/>
      <c r="HT27" s="307"/>
      <c r="HU27" s="307"/>
      <c r="HV27" s="307"/>
      <c r="HW27" s="307"/>
      <c r="HX27" s="310"/>
      <c r="HY27" s="311"/>
      <c r="HZ27" s="118">
        <v>0</v>
      </c>
      <c r="IA27" s="119">
        <v>0</v>
      </c>
      <c r="IB27" s="120">
        <v>0</v>
      </c>
      <c r="IC27" s="133">
        <v>0</v>
      </c>
      <c r="ID27" s="119">
        <v>628670</v>
      </c>
      <c r="IE27" s="134">
        <v>943400</v>
      </c>
      <c r="IF27" s="120">
        <v>615835</v>
      </c>
      <c r="IG27" s="119">
        <v>624672</v>
      </c>
      <c r="IH27" s="120">
        <v>0</v>
      </c>
      <c r="II27" s="135">
        <v>2812577</v>
      </c>
      <c r="IJ27" s="126">
        <v>2812577</v>
      </c>
      <c r="IK27" s="219">
        <v>0</v>
      </c>
      <c r="IL27" s="223">
        <v>0</v>
      </c>
      <c r="IM27" s="224">
        <v>0</v>
      </c>
      <c r="IN27" s="127"/>
      <c r="IO27" s="109">
        <v>0</v>
      </c>
      <c r="IP27" s="109">
        <v>208616</v>
      </c>
      <c r="IQ27" s="109">
        <v>0</v>
      </c>
      <c r="IR27" s="109">
        <v>0</v>
      </c>
      <c r="IS27" s="109">
        <v>0</v>
      </c>
      <c r="IT27" s="128">
        <v>208616</v>
      </c>
      <c r="IU27" s="298">
        <v>208616</v>
      </c>
      <c r="IV27" s="129">
        <v>0</v>
      </c>
      <c r="IW27" s="109">
        <v>0</v>
      </c>
      <c r="IX27" s="110">
        <v>0</v>
      </c>
      <c r="IY27" s="131"/>
      <c r="IZ27" s="109">
        <v>0</v>
      </c>
      <c r="JA27" s="109">
        <v>0</v>
      </c>
      <c r="JB27" s="109">
        <v>0</v>
      </c>
      <c r="JC27" s="109">
        <v>0</v>
      </c>
      <c r="JD27" s="109">
        <v>0</v>
      </c>
      <c r="JE27" s="110">
        <v>0</v>
      </c>
      <c r="JF27" s="111">
        <v>0</v>
      </c>
      <c r="JG27" s="129">
        <v>0</v>
      </c>
      <c r="JH27" s="109">
        <v>0</v>
      </c>
      <c r="JI27" s="128">
        <v>0</v>
      </c>
      <c r="JJ27" s="108">
        <v>0</v>
      </c>
      <c r="JK27" s="109">
        <v>180272</v>
      </c>
      <c r="JL27" s="109">
        <v>161984</v>
      </c>
      <c r="JM27" s="109">
        <v>33320</v>
      </c>
      <c r="JN27" s="109">
        <v>118128</v>
      </c>
      <c r="JO27" s="109">
        <v>0</v>
      </c>
      <c r="JP27" s="110">
        <v>493704</v>
      </c>
      <c r="JQ27" s="298">
        <v>493704</v>
      </c>
      <c r="JR27" s="129">
        <v>0</v>
      </c>
      <c r="JS27" s="109">
        <v>0</v>
      </c>
      <c r="JT27" s="128">
        <v>0</v>
      </c>
      <c r="JU27" s="108">
        <v>0</v>
      </c>
      <c r="JV27" s="109">
        <v>0</v>
      </c>
      <c r="JW27" s="109">
        <v>0</v>
      </c>
      <c r="JX27" s="109">
        <v>90760</v>
      </c>
      <c r="JY27" s="109">
        <v>0</v>
      </c>
      <c r="JZ27" s="109">
        <v>0</v>
      </c>
      <c r="KA27" s="110">
        <v>90760</v>
      </c>
      <c r="KB27" s="298">
        <v>90760</v>
      </c>
      <c r="KC27" s="221">
        <v>0</v>
      </c>
      <c r="KD27" s="217">
        <v>0</v>
      </c>
      <c r="KE27" s="110">
        <v>0</v>
      </c>
      <c r="KF27" s="108">
        <v>0</v>
      </c>
      <c r="KG27" s="109">
        <v>217880</v>
      </c>
      <c r="KH27" s="109">
        <v>325936</v>
      </c>
      <c r="KI27" s="109">
        <v>0</v>
      </c>
      <c r="KJ27" s="109">
        <v>0</v>
      </c>
      <c r="KK27" s="109">
        <v>0</v>
      </c>
      <c r="KL27" s="110">
        <v>543816</v>
      </c>
      <c r="KM27" s="130">
        <v>543816</v>
      </c>
      <c r="KN27" s="219">
        <v>0</v>
      </c>
      <c r="KO27" s="223">
        <v>0</v>
      </c>
      <c r="KP27" s="224">
        <v>0</v>
      </c>
      <c r="KQ27" s="127"/>
      <c r="KR27" s="109">
        <v>230518</v>
      </c>
      <c r="KS27" s="109">
        <v>246864</v>
      </c>
      <c r="KT27" s="109">
        <v>247683</v>
      </c>
      <c r="KU27" s="109">
        <v>0</v>
      </c>
      <c r="KV27" s="109">
        <v>0</v>
      </c>
      <c r="KW27" s="110">
        <v>725065</v>
      </c>
      <c r="KX27" s="298">
        <v>725065</v>
      </c>
      <c r="KY27" s="129">
        <v>0</v>
      </c>
      <c r="KZ27" s="109">
        <v>0</v>
      </c>
      <c r="LA27" s="110">
        <v>0</v>
      </c>
      <c r="LB27" s="132"/>
      <c r="LC27" s="109">
        <v>0</v>
      </c>
      <c r="LD27" s="109">
        <v>0</v>
      </c>
      <c r="LE27" s="109">
        <v>0</v>
      </c>
      <c r="LF27" s="109">
        <v>0</v>
      </c>
      <c r="LG27" s="109">
        <v>0</v>
      </c>
      <c r="LH27" s="110">
        <v>0</v>
      </c>
      <c r="LI27" s="111">
        <v>0</v>
      </c>
      <c r="LJ27" s="129">
        <v>0</v>
      </c>
      <c r="LK27" s="109">
        <v>0</v>
      </c>
      <c r="LL27" s="110">
        <v>0</v>
      </c>
      <c r="LM27" s="132"/>
      <c r="LN27" s="109">
        <v>0</v>
      </c>
      <c r="LO27" s="109">
        <v>0</v>
      </c>
      <c r="LP27" s="109">
        <v>244072</v>
      </c>
      <c r="LQ27" s="109">
        <v>506544</v>
      </c>
      <c r="LR27" s="109">
        <v>0</v>
      </c>
      <c r="LS27" s="110">
        <v>750616</v>
      </c>
      <c r="LT27" s="298">
        <v>750616</v>
      </c>
      <c r="LU27" s="129">
        <v>0</v>
      </c>
      <c r="LV27" s="109">
        <v>0</v>
      </c>
      <c r="LW27" s="110">
        <v>0</v>
      </c>
      <c r="LX27" s="132"/>
      <c r="LY27" s="109">
        <v>0</v>
      </c>
      <c r="LZ27" s="109">
        <v>0</v>
      </c>
      <c r="MA27" s="109">
        <v>0</v>
      </c>
      <c r="MB27" s="109">
        <v>0</v>
      </c>
      <c r="MC27" s="109">
        <v>0</v>
      </c>
      <c r="MD27" s="110">
        <v>0</v>
      </c>
      <c r="ME27" s="111">
        <v>0</v>
      </c>
      <c r="MF27" s="129">
        <v>0</v>
      </c>
      <c r="MG27" s="109">
        <v>0</v>
      </c>
      <c r="MH27" s="110">
        <v>0</v>
      </c>
      <c r="MI27" s="132"/>
      <c r="MJ27" s="109">
        <v>249368</v>
      </c>
      <c r="MK27" s="109">
        <v>1224229</v>
      </c>
      <c r="ML27" s="109">
        <v>1694093</v>
      </c>
      <c r="MM27" s="109">
        <v>1907219</v>
      </c>
      <c r="MN27" s="109">
        <v>301294</v>
      </c>
      <c r="MO27" s="110">
        <v>5376203</v>
      </c>
      <c r="MP27" s="130">
        <v>5376203</v>
      </c>
      <c r="MQ27" s="129">
        <v>0</v>
      </c>
      <c r="MR27" s="109">
        <v>0</v>
      </c>
      <c r="MS27" s="110">
        <v>0</v>
      </c>
      <c r="MT27" s="132"/>
      <c r="MU27" s="109">
        <v>0</v>
      </c>
      <c r="MV27" s="109">
        <v>0</v>
      </c>
      <c r="MW27" s="109">
        <v>1401720</v>
      </c>
      <c r="MX27" s="109">
        <v>1219267</v>
      </c>
      <c r="MY27" s="109">
        <v>0</v>
      </c>
      <c r="MZ27" s="110">
        <v>2620987</v>
      </c>
      <c r="NA27" s="130">
        <v>2620987</v>
      </c>
      <c r="NB27" s="129">
        <v>0</v>
      </c>
      <c r="NC27" s="109">
        <v>0</v>
      </c>
      <c r="ND27" s="110">
        <v>0</v>
      </c>
      <c r="NE27" s="132"/>
      <c r="NF27" s="109">
        <v>249368</v>
      </c>
      <c r="NG27" s="109">
        <v>1224229</v>
      </c>
      <c r="NH27" s="109">
        <v>292373</v>
      </c>
      <c r="NI27" s="109">
        <v>286728</v>
      </c>
      <c r="NJ27" s="109">
        <v>301294</v>
      </c>
      <c r="NK27" s="110">
        <v>2353992</v>
      </c>
      <c r="NL27" s="298">
        <v>2353992</v>
      </c>
      <c r="NM27" s="129">
        <v>0</v>
      </c>
      <c r="NN27" s="109">
        <v>0</v>
      </c>
      <c r="NO27" s="110">
        <v>0</v>
      </c>
      <c r="NP27" s="132"/>
      <c r="NQ27" s="109">
        <v>0</v>
      </c>
      <c r="NR27" s="109">
        <v>0</v>
      </c>
      <c r="NS27" s="109">
        <v>0</v>
      </c>
      <c r="NT27" s="109">
        <v>0</v>
      </c>
      <c r="NU27" s="109">
        <v>0</v>
      </c>
      <c r="NV27" s="110">
        <v>0</v>
      </c>
      <c r="NW27" s="111">
        <v>0</v>
      </c>
      <c r="NX27" s="129">
        <v>0</v>
      </c>
      <c r="NY27" s="109">
        <v>0</v>
      </c>
      <c r="NZ27" s="110">
        <v>0</v>
      </c>
      <c r="OA27" s="132"/>
      <c r="OB27" s="109">
        <v>0</v>
      </c>
      <c r="OC27" s="109">
        <v>0</v>
      </c>
      <c r="OD27" s="109">
        <v>0</v>
      </c>
      <c r="OE27" s="109">
        <v>401224</v>
      </c>
      <c r="OF27" s="109">
        <v>0</v>
      </c>
      <c r="OG27" s="110">
        <v>401224</v>
      </c>
      <c r="OH27" s="111">
        <v>401224</v>
      </c>
      <c r="OI27" s="129">
        <v>32816</v>
      </c>
      <c r="OJ27" s="109">
        <v>304692</v>
      </c>
      <c r="OK27" s="128">
        <v>337508</v>
      </c>
      <c r="OL27" s="108">
        <v>0</v>
      </c>
      <c r="OM27" s="109">
        <v>3214578</v>
      </c>
      <c r="ON27" s="109">
        <v>4304296</v>
      </c>
      <c r="OO27" s="109">
        <v>3553592</v>
      </c>
      <c r="OP27" s="109">
        <v>4105266</v>
      </c>
      <c r="OQ27" s="109">
        <v>2384707</v>
      </c>
      <c r="OR27" s="110">
        <v>17562439</v>
      </c>
      <c r="OS27" s="130">
        <v>17899947</v>
      </c>
    </row>
    <row r="28" spans="2:409" ht="21" customHeight="1" x14ac:dyDescent="0.2">
      <c r="B28" s="472" t="s">
        <v>23</v>
      </c>
      <c r="C28" s="100">
        <v>266506</v>
      </c>
      <c r="D28" s="104">
        <v>173072</v>
      </c>
      <c r="E28" s="103">
        <v>439578</v>
      </c>
      <c r="F28" s="99">
        <v>0</v>
      </c>
      <c r="G28" s="104">
        <v>3027938</v>
      </c>
      <c r="H28" s="104">
        <v>2499918</v>
      </c>
      <c r="I28" s="104">
        <v>2398621</v>
      </c>
      <c r="J28" s="104">
        <v>2473268</v>
      </c>
      <c r="K28" s="104">
        <v>1383938</v>
      </c>
      <c r="L28" s="160">
        <v>11783683</v>
      </c>
      <c r="M28" s="106">
        <v>12223261</v>
      </c>
      <c r="N28" s="100">
        <v>91737</v>
      </c>
      <c r="O28" s="104">
        <v>95000</v>
      </c>
      <c r="P28" s="103">
        <v>186737</v>
      </c>
      <c r="Q28" s="100">
        <v>0</v>
      </c>
      <c r="R28" s="104">
        <v>720819</v>
      </c>
      <c r="S28" s="104">
        <v>1201838</v>
      </c>
      <c r="T28" s="104">
        <v>600767</v>
      </c>
      <c r="U28" s="104">
        <v>624647</v>
      </c>
      <c r="V28" s="104">
        <v>121684</v>
      </c>
      <c r="W28" s="103">
        <v>3269755</v>
      </c>
      <c r="X28" s="106">
        <v>3456492</v>
      </c>
      <c r="Y28" s="100">
        <v>0</v>
      </c>
      <c r="Z28" s="104">
        <v>0</v>
      </c>
      <c r="AA28" s="103">
        <v>0</v>
      </c>
      <c r="AB28" s="100">
        <v>0</v>
      </c>
      <c r="AC28" s="104">
        <v>243667</v>
      </c>
      <c r="AD28" s="104">
        <v>607645</v>
      </c>
      <c r="AE28" s="104">
        <v>380942</v>
      </c>
      <c r="AF28" s="104">
        <v>136881</v>
      </c>
      <c r="AG28" s="104">
        <v>0</v>
      </c>
      <c r="AH28" s="103">
        <v>1369135</v>
      </c>
      <c r="AI28" s="106">
        <v>1369135</v>
      </c>
      <c r="AJ28" s="100">
        <v>0</v>
      </c>
      <c r="AK28" s="104">
        <v>0</v>
      </c>
      <c r="AL28" s="103">
        <v>0</v>
      </c>
      <c r="AM28" s="100">
        <v>0</v>
      </c>
      <c r="AN28" s="104">
        <v>0</v>
      </c>
      <c r="AO28" s="104">
        <v>0</v>
      </c>
      <c r="AP28" s="104">
        <v>0</v>
      </c>
      <c r="AQ28" s="104">
        <v>106593</v>
      </c>
      <c r="AR28" s="104">
        <v>0</v>
      </c>
      <c r="AS28" s="103">
        <v>106593</v>
      </c>
      <c r="AT28" s="106">
        <v>106593</v>
      </c>
      <c r="AU28" s="100">
        <v>46153</v>
      </c>
      <c r="AV28" s="104">
        <v>73867</v>
      </c>
      <c r="AW28" s="103">
        <v>120020</v>
      </c>
      <c r="AX28" s="100">
        <v>0</v>
      </c>
      <c r="AY28" s="104">
        <v>216512</v>
      </c>
      <c r="AZ28" s="104">
        <v>457667</v>
      </c>
      <c r="BA28" s="104">
        <v>108521</v>
      </c>
      <c r="BB28" s="104">
        <v>182237</v>
      </c>
      <c r="BC28" s="104">
        <v>50764</v>
      </c>
      <c r="BD28" s="103">
        <v>1015701</v>
      </c>
      <c r="BE28" s="106">
        <v>1135721</v>
      </c>
      <c r="BF28" s="100">
        <v>0</v>
      </c>
      <c r="BG28" s="104">
        <v>21133</v>
      </c>
      <c r="BH28" s="102">
        <v>21133</v>
      </c>
      <c r="BI28" s="101">
        <v>0</v>
      </c>
      <c r="BJ28" s="104">
        <v>0</v>
      </c>
      <c r="BK28" s="104">
        <v>36350</v>
      </c>
      <c r="BL28" s="104">
        <v>0</v>
      </c>
      <c r="BM28" s="104">
        <v>0</v>
      </c>
      <c r="BN28" s="104">
        <v>0</v>
      </c>
      <c r="BO28" s="103">
        <v>36350</v>
      </c>
      <c r="BP28" s="106">
        <v>57483</v>
      </c>
      <c r="BQ28" s="100">
        <v>45584</v>
      </c>
      <c r="BR28" s="104">
        <v>0</v>
      </c>
      <c r="BS28" s="103">
        <v>45584</v>
      </c>
      <c r="BT28" s="100">
        <v>0</v>
      </c>
      <c r="BU28" s="104">
        <v>260640</v>
      </c>
      <c r="BV28" s="104">
        <v>100176</v>
      </c>
      <c r="BW28" s="104">
        <v>111304</v>
      </c>
      <c r="BX28" s="104">
        <v>198936</v>
      </c>
      <c r="BY28" s="104">
        <v>70920</v>
      </c>
      <c r="BZ28" s="103">
        <v>741976</v>
      </c>
      <c r="CA28" s="106">
        <v>787560</v>
      </c>
      <c r="CB28" s="100">
        <v>0</v>
      </c>
      <c r="CC28" s="104">
        <v>0</v>
      </c>
      <c r="CD28" s="103">
        <v>0</v>
      </c>
      <c r="CE28" s="100">
        <v>0</v>
      </c>
      <c r="CF28" s="104">
        <v>843001</v>
      </c>
      <c r="CG28" s="104">
        <v>826850</v>
      </c>
      <c r="CH28" s="104">
        <v>1110587</v>
      </c>
      <c r="CI28" s="104">
        <v>645992</v>
      </c>
      <c r="CJ28" s="104">
        <v>107189</v>
      </c>
      <c r="CK28" s="103">
        <v>3533619</v>
      </c>
      <c r="CL28" s="106">
        <v>3533619</v>
      </c>
      <c r="CM28" s="100">
        <v>0</v>
      </c>
      <c r="CN28" s="104">
        <v>0</v>
      </c>
      <c r="CO28" s="103">
        <v>0</v>
      </c>
      <c r="CP28" s="101">
        <v>0</v>
      </c>
      <c r="CQ28" s="104">
        <v>620915</v>
      </c>
      <c r="CR28" s="104">
        <v>756896</v>
      </c>
      <c r="CS28" s="104">
        <v>899714</v>
      </c>
      <c r="CT28" s="104">
        <v>231135</v>
      </c>
      <c r="CU28" s="104">
        <v>41923</v>
      </c>
      <c r="CV28" s="103">
        <v>2550583</v>
      </c>
      <c r="CW28" s="106">
        <v>2550583</v>
      </c>
      <c r="CX28" s="100">
        <v>0</v>
      </c>
      <c r="CY28" s="104">
        <v>0</v>
      </c>
      <c r="CZ28" s="103">
        <v>0</v>
      </c>
      <c r="DA28" s="100">
        <v>0</v>
      </c>
      <c r="DB28" s="104">
        <v>222086</v>
      </c>
      <c r="DC28" s="104">
        <v>69954</v>
      </c>
      <c r="DD28" s="104">
        <v>210873</v>
      </c>
      <c r="DE28" s="104">
        <v>414857</v>
      </c>
      <c r="DF28" s="104">
        <v>65266</v>
      </c>
      <c r="DG28" s="103">
        <v>983036</v>
      </c>
      <c r="DH28" s="106">
        <v>983036</v>
      </c>
      <c r="DI28" s="100">
        <v>0</v>
      </c>
      <c r="DJ28" s="104">
        <v>0</v>
      </c>
      <c r="DK28" s="102">
        <v>0</v>
      </c>
      <c r="DL28" s="101">
        <v>0</v>
      </c>
      <c r="DM28" s="104">
        <v>31608</v>
      </c>
      <c r="DN28" s="104">
        <v>18618</v>
      </c>
      <c r="DO28" s="104">
        <v>499515</v>
      </c>
      <c r="DP28" s="104">
        <v>209208</v>
      </c>
      <c r="DQ28" s="104">
        <v>371412</v>
      </c>
      <c r="DR28" s="103">
        <v>1130361</v>
      </c>
      <c r="DS28" s="106">
        <v>1130361</v>
      </c>
      <c r="DT28" s="100">
        <v>0</v>
      </c>
      <c r="DU28" s="104">
        <v>0</v>
      </c>
      <c r="DV28" s="103">
        <v>0</v>
      </c>
      <c r="DW28" s="100">
        <v>0</v>
      </c>
      <c r="DX28" s="104">
        <v>0</v>
      </c>
      <c r="DY28" s="104">
        <v>18618</v>
      </c>
      <c r="DZ28" s="104">
        <v>499515</v>
      </c>
      <c r="EA28" s="104">
        <v>209208</v>
      </c>
      <c r="EB28" s="104">
        <v>274771</v>
      </c>
      <c r="EC28" s="103">
        <v>1002112</v>
      </c>
      <c r="ED28" s="106">
        <v>1002112</v>
      </c>
      <c r="EE28" s="100">
        <v>0</v>
      </c>
      <c r="EF28" s="102">
        <v>0</v>
      </c>
      <c r="EG28" s="103">
        <v>0</v>
      </c>
      <c r="EH28" s="100">
        <v>0</v>
      </c>
      <c r="EI28" s="104">
        <v>31608</v>
      </c>
      <c r="EJ28" s="104">
        <v>0</v>
      </c>
      <c r="EK28" s="104">
        <v>0</v>
      </c>
      <c r="EL28" s="104">
        <v>0</v>
      </c>
      <c r="EM28" s="104">
        <v>96641</v>
      </c>
      <c r="EN28" s="102">
        <v>128249</v>
      </c>
      <c r="EO28" s="106">
        <v>128249</v>
      </c>
      <c r="EP28" s="100">
        <v>0</v>
      </c>
      <c r="EQ28" s="104">
        <v>0</v>
      </c>
      <c r="ER28" s="102">
        <v>0</v>
      </c>
      <c r="ES28" s="101">
        <v>0</v>
      </c>
      <c r="ET28" s="104">
        <v>0</v>
      </c>
      <c r="EU28" s="104">
        <v>0</v>
      </c>
      <c r="EV28" s="104">
        <v>0</v>
      </c>
      <c r="EW28" s="104">
        <v>0</v>
      </c>
      <c r="EX28" s="104">
        <v>0</v>
      </c>
      <c r="EY28" s="103">
        <v>0</v>
      </c>
      <c r="EZ28" s="106">
        <v>0</v>
      </c>
      <c r="FA28" s="100">
        <v>0</v>
      </c>
      <c r="FB28" s="104">
        <v>0</v>
      </c>
      <c r="FC28" s="102">
        <v>0</v>
      </c>
      <c r="FD28" s="324"/>
      <c r="FE28" s="104">
        <v>0</v>
      </c>
      <c r="FF28" s="104">
        <v>0</v>
      </c>
      <c r="FG28" s="104">
        <v>0</v>
      </c>
      <c r="FH28" s="104">
        <v>0</v>
      </c>
      <c r="FI28" s="104">
        <v>0</v>
      </c>
      <c r="FJ28" s="103">
        <v>0</v>
      </c>
      <c r="FK28" s="106">
        <v>0</v>
      </c>
      <c r="FL28" s="100">
        <v>6320</v>
      </c>
      <c r="FM28" s="104">
        <v>78072</v>
      </c>
      <c r="FN28" s="103">
        <v>84392</v>
      </c>
      <c r="FO28" s="100">
        <v>0</v>
      </c>
      <c r="FP28" s="104">
        <v>130944</v>
      </c>
      <c r="FQ28" s="104">
        <v>276952</v>
      </c>
      <c r="FR28" s="104">
        <v>187752</v>
      </c>
      <c r="FS28" s="104">
        <v>336192</v>
      </c>
      <c r="FT28" s="104">
        <v>60992</v>
      </c>
      <c r="FU28" s="103">
        <v>992832</v>
      </c>
      <c r="FV28" s="106">
        <v>1077224</v>
      </c>
      <c r="FW28" s="105">
        <v>6320</v>
      </c>
      <c r="FX28" s="104">
        <v>78072</v>
      </c>
      <c r="FY28" s="102">
        <v>84392</v>
      </c>
      <c r="FZ28" s="101">
        <v>0</v>
      </c>
      <c r="GA28" s="104">
        <v>103664</v>
      </c>
      <c r="GB28" s="104">
        <v>276952</v>
      </c>
      <c r="GC28" s="104">
        <v>107752</v>
      </c>
      <c r="GD28" s="104">
        <v>183392</v>
      </c>
      <c r="GE28" s="104">
        <v>46592</v>
      </c>
      <c r="GF28" s="103">
        <v>718352</v>
      </c>
      <c r="GG28" s="296">
        <v>802744</v>
      </c>
      <c r="GH28" s="105">
        <v>0</v>
      </c>
      <c r="GI28" s="104">
        <v>0</v>
      </c>
      <c r="GJ28" s="102">
        <v>0</v>
      </c>
      <c r="GK28" s="101">
        <v>0</v>
      </c>
      <c r="GL28" s="104">
        <v>0</v>
      </c>
      <c r="GM28" s="104">
        <v>0</v>
      </c>
      <c r="GN28" s="104">
        <v>80000</v>
      </c>
      <c r="GO28" s="104">
        <v>38400</v>
      </c>
      <c r="GP28" s="104">
        <v>14400</v>
      </c>
      <c r="GQ28" s="103">
        <v>132800</v>
      </c>
      <c r="GR28" s="106">
        <v>132800</v>
      </c>
      <c r="GS28" s="100">
        <v>0</v>
      </c>
      <c r="GT28" s="104">
        <v>0</v>
      </c>
      <c r="GU28" s="103">
        <v>0</v>
      </c>
      <c r="GV28" s="100">
        <v>0</v>
      </c>
      <c r="GW28" s="104">
        <v>27280</v>
      </c>
      <c r="GX28" s="104">
        <v>0</v>
      </c>
      <c r="GY28" s="104">
        <v>0</v>
      </c>
      <c r="GZ28" s="104">
        <v>114400</v>
      </c>
      <c r="HA28" s="104">
        <v>0</v>
      </c>
      <c r="HB28" s="102">
        <v>141680</v>
      </c>
      <c r="HC28" s="106">
        <v>141680</v>
      </c>
      <c r="HD28" s="100">
        <v>168449</v>
      </c>
      <c r="HE28" s="104">
        <v>0</v>
      </c>
      <c r="HF28" s="102">
        <v>168449</v>
      </c>
      <c r="HG28" s="101">
        <v>0</v>
      </c>
      <c r="HH28" s="104">
        <v>1301566</v>
      </c>
      <c r="HI28" s="104">
        <v>175660</v>
      </c>
      <c r="HJ28" s="104">
        <v>0</v>
      </c>
      <c r="HK28" s="104">
        <v>657229</v>
      </c>
      <c r="HL28" s="104">
        <v>722661</v>
      </c>
      <c r="HM28" s="103">
        <v>2857116</v>
      </c>
      <c r="HN28" s="99">
        <v>3025565</v>
      </c>
      <c r="HO28" s="306"/>
      <c r="HP28" s="307"/>
      <c r="HQ28" s="308"/>
      <c r="HR28" s="309"/>
      <c r="HS28" s="307"/>
      <c r="HT28" s="307"/>
      <c r="HU28" s="307"/>
      <c r="HV28" s="307"/>
      <c r="HW28" s="307"/>
      <c r="HX28" s="310"/>
      <c r="HY28" s="311"/>
      <c r="HZ28" s="137">
        <v>0</v>
      </c>
      <c r="IA28" s="122">
        <v>0</v>
      </c>
      <c r="IB28" s="137">
        <v>0</v>
      </c>
      <c r="IC28" s="121">
        <v>0</v>
      </c>
      <c r="ID28" s="122">
        <v>608989</v>
      </c>
      <c r="IE28" s="123">
        <v>512329</v>
      </c>
      <c r="IF28" s="124">
        <v>1066632</v>
      </c>
      <c r="IG28" s="122">
        <v>524890</v>
      </c>
      <c r="IH28" s="124">
        <v>0</v>
      </c>
      <c r="II28" s="125">
        <v>2712840</v>
      </c>
      <c r="IJ28" s="137">
        <v>2712840</v>
      </c>
      <c r="IK28" s="219">
        <v>0</v>
      </c>
      <c r="IL28" s="223">
        <v>0</v>
      </c>
      <c r="IM28" s="224">
        <v>0</v>
      </c>
      <c r="IN28" s="127"/>
      <c r="IO28" s="109">
        <v>0</v>
      </c>
      <c r="IP28" s="109">
        <v>0</v>
      </c>
      <c r="IQ28" s="109">
        <v>0</v>
      </c>
      <c r="IR28" s="109">
        <v>0</v>
      </c>
      <c r="IS28" s="109">
        <v>0</v>
      </c>
      <c r="IT28" s="128">
        <v>0</v>
      </c>
      <c r="IU28" s="298">
        <v>0</v>
      </c>
      <c r="IV28" s="129">
        <v>0</v>
      </c>
      <c r="IW28" s="109">
        <v>0</v>
      </c>
      <c r="IX28" s="110">
        <v>0</v>
      </c>
      <c r="IY28" s="131"/>
      <c r="IZ28" s="109">
        <v>0</v>
      </c>
      <c r="JA28" s="109">
        <v>0</v>
      </c>
      <c r="JB28" s="109">
        <v>0</v>
      </c>
      <c r="JC28" s="109">
        <v>0</v>
      </c>
      <c r="JD28" s="109">
        <v>0</v>
      </c>
      <c r="JE28" s="110">
        <v>0</v>
      </c>
      <c r="JF28" s="111">
        <v>0</v>
      </c>
      <c r="JG28" s="129">
        <v>0</v>
      </c>
      <c r="JH28" s="109">
        <v>0</v>
      </c>
      <c r="JI28" s="128">
        <v>0</v>
      </c>
      <c r="JJ28" s="108">
        <v>0</v>
      </c>
      <c r="JK28" s="109">
        <v>128968</v>
      </c>
      <c r="JL28" s="109">
        <v>85212</v>
      </c>
      <c r="JM28" s="109">
        <v>293686</v>
      </c>
      <c r="JN28" s="109">
        <v>0</v>
      </c>
      <c r="JO28" s="109">
        <v>0</v>
      </c>
      <c r="JP28" s="110">
        <v>507866</v>
      </c>
      <c r="JQ28" s="298">
        <v>507866</v>
      </c>
      <c r="JR28" s="129">
        <v>0</v>
      </c>
      <c r="JS28" s="109">
        <v>0</v>
      </c>
      <c r="JT28" s="128">
        <v>0</v>
      </c>
      <c r="JU28" s="108">
        <v>0</v>
      </c>
      <c r="JV28" s="109">
        <v>0</v>
      </c>
      <c r="JW28" s="109">
        <v>0</v>
      </c>
      <c r="JX28" s="109">
        <v>0</v>
      </c>
      <c r="JY28" s="109">
        <v>0</v>
      </c>
      <c r="JZ28" s="109">
        <v>0</v>
      </c>
      <c r="KA28" s="110">
        <v>0</v>
      </c>
      <c r="KB28" s="298">
        <v>0</v>
      </c>
      <c r="KC28" s="221">
        <v>0</v>
      </c>
      <c r="KD28" s="217">
        <v>0</v>
      </c>
      <c r="KE28" s="110">
        <v>0</v>
      </c>
      <c r="KF28" s="108">
        <v>0</v>
      </c>
      <c r="KG28" s="109">
        <v>0</v>
      </c>
      <c r="KH28" s="109">
        <v>169956</v>
      </c>
      <c r="KI28" s="109">
        <v>0</v>
      </c>
      <c r="KJ28" s="109">
        <v>0</v>
      </c>
      <c r="KK28" s="109">
        <v>0</v>
      </c>
      <c r="KL28" s="110">
        <v>169956</v>
      </c>
      <c r="KM28" s="130">
        <v>169956</v>
      </c>
      <c r="KN28" s="219">
        <v>0</v>
      </c>
      <c r="KO28" s="223">
        <v>0</v>
      </c>
      <c r="KP28" s="224">
        <v>0</v>
      </c>
      <c r="KQ28" s="127"/>
      <c r="KR28" s="109">
        <v>480021</v>
      </c>
      <c r="KS28" s="109">
        <v>257161</v>
      </c>
      <c r="KT28" s="109">
        <v>772946</v>
      </c>
      <c r="KU28" s="109">
        <v>524890</v>
      </c>
      <c r="KV28" s="109">
        <v>0</v>
      </c>
      <c r="KW28" s="110">
        <v>2035018</v>
      </c>
      <c r="KX28" s="298">
        <v>2035018</v>
      </c>
      <c r="KY28" s="129">
        <v>0</v>
      </c>
      <c r="KZ28" s="109">
        <v>0</v>
      </c>
      <c r="LA28" s="110">
        <v>0</v>
      </c>
      <c r="LB28" s="132"/>
      <c r="LC28" s="109">
        <v>0</v>
      </c>
      <c r="LD28" s="109">
        <v>0</v>
      </c>
      <c r="LE28" s="109">
        <v>0</v>
      </c>
      <c r="LF28" s="109">
        <v>0</v>
      </c>
      <c r="LG28" s="109">
        <v>0</v>
      </c>
      <c r="LH28" s="110">
        <v>0</v>
      </c>
      <c r="LI28" s="111">
        <v>0</v>
      </c>
      <c r="LJ28" s="129">
        <v>0</v>
      </c>
      <c r="LK28" s="109">
        <v>0</v>
      </c>
      <c r="LL28" s="110">
        <v>0</v>
      </c>
      <c r="LM28" s="132"/>
      <c r="LN28" s="109">
        <v>0</v>
      </c>
      <c r="LO28" s="109">
        <v>0</v>
      </c>
      <c r="LP28" s="109">
        <v>0</v>
      </c>
      <c r="LQ28" s="109">
        <v>0</v>
      </c>
      <c r="LR28" s="109">
        <v>0</v>
      </c>
      <c r="LS28" s="110">
        <v>0</v>
      </c>
      <c r="LT28" s="298">
        <v>0</v>
      </c>
      <c r="LU28" s="129">
        <v>0</v>
      </c>
      <c r="LV28" s="109">
        <v>0</v>
      </c>
      <c r="LW28" s="110">
        <v>0</v>
      </c>
      <c r="LX28" s="132"/>
      <c r="LY28" s="109">
        <v>0</v>
      </c>
      <c r="LZ28" s="109">
        <v>0</v>
      </c>
      <c r="MA28" s="109">
        <v>0</v>
      </c>
      <c r="MB28" s="109">
        <v>0</v>
      </c>
      <c r="MC28" s="109">
        <v>0</v>
      </c>
      <c r="MD28" s="110">
        <v>0</v>
      </c>
      <c r="ME28" s="111">
        <v>0</v>
      </c>
      <c r="MF28" s="129">
        <v>0</v>
      </c>
      <c r="MG28" s="109">
        <v>0</v>
      </c>
      <c r="MH28" s="110">
        <v>0</v>
      </c>
      <c r="MI28" s="132"/>
      <c r="MJ28" s="109">
        <v>0</v>
      </c>
      <c r="MK28" s="109">
        <v>590048</v>
      </c>
      <c r="ML28" s="109">
        <v>1714349</v>
      </c>
      <c r="MM28" s="109">
        <v>1958333</v>
      </c>
      <c r="MN28" s="109">
        <v>312088</v>
      </c>
      <c r="MO28" s="110">
        <v>4574818</v>
      </c>
      <c r="MP28" s="130">
        <v>4574818</v>
      </c>
      <c r="MQ28" s="129">
        <v>0</v>
      </c>
      <c r="MR28" s="109">
        <v>0</v>
      </c>
      <c r="MS28" s="110">
        <v>0</v>
      </c>
      <c r="MT28" s="132"/>
      <c r="MU28" s="109">
        <v>0</v>
      </c>
      <c r="MV28" s="109">
        <v>0</v>
      </c>
      <c r="MW28" s="109">
        <v>1103665</v>
      </c>
      <c r="MX28" s="109">
        <v>1318329</v>
      </c>
      <c r="MY28" s="109">
        <v>0</v>
      </c>
      <c r="MZ28" s="110">
        <v>2421994</v>
      </c>
      <c r="NA28" s="130">
        <v>2421994</v>
      </c>
      <c r="NB28" s="129">
        <v>0</v>
      </c>
      <c r="NC28" s="109">
        <v>0</v>
      </c>
      <c r="ND28" s="110">
        <v>0</v>
      </c>
      <c r="NE28" s="132"/>
      <c r="NF28" s="109">
        <v>0</v>
      </c>
      <c r="NG28" s="109">
        <v>590048</v>
      </c>
      <c r="NH28" s="109">
        <v>610684</v>
      </c>
      <c r="NI28" s="109">
        <v>640004</v>
      </c>
      <c r="NJ28" s="109">
        <v>312088</v>
      </c>
      <c r="NK28" s="110">
        <v>2152824</v>
      </c>
      <c r="NL28" s="298">
        <v>2152824</v>
      </c>
      <c r="NM28" s="129">
        <v>0</v>
      </c>
      <c r="NN28" s="109">
        <v>0</v>
      </c>
      <c r="NO28" s="110">
        <v>0</v>
      </c>
      <c r="NP28" s="132"/>
      <c r="NQ28" s="109">
        <v>0</v>
      </c>
      <c r="NR28" s="109">
        <v>0</v>
      </c>
      <c r="NS28" s="109">
        <v>0</v>
      </c>
      <c r="NT28" s="109">
        <v>0</v>
      </c>
      <c r="NU28" s="109">
        <v>0</v>
      </c>
      <c r="NV28" s="110">
        <v>0</v>
      </c>
      <c r="NW28" s="111">
        <v>0</v>
      </c>
      <c r="NX28" s="129">
        <v>0</v>
      </c>
      <c r="NY28" s="109">
        <v>0</v>
      </c>
      <c r="NZ28" s="110">
        <v>0</v>
      </c>
      <c r="OA28" s="132"/>
      <c r="OB28" s="109">
        <v>0</v>
      </c>
      <c r="OC28" s="109">
        <v>0</v>
      </c>
      <c r="OD28" s="109">
        <v>0</v>
      </c>
      <c r="OE28" s="109">
        <v>0</v>
      </c>
      <c r="OF28" s="109">
        <v>0</v>
      </c>
      <c r="OG28" s="110">
        <v>0</v>
      </c>
      <c r="OH28" s="111">
        <v>0</v>
      </c>
      <c r="OI28" s="129">
        <v>266506</v>
      </c>
      <c r="OJ28" s="109">
        <v>173072</v>
      </c>
      <c r="OK28" s="128">
        <v>439578</v>
      </c>
      <c r="OL28" s="108">
        <v>0</v>
      </c>
      <c r="OM28" s="109">
        <v>3636927</v>
      </c>
      <c r="ON28" s="109">
        <v>3602295</v>
      </c>
      <c r="OO28" s="109">
        <v>5179602</v>
      </c>
      <c r="OP28" s="109">
        <v>4956491</v>
      </c>
      <c r="OQ28" s="109">
        <v>1696026</v>
      </c>
      <c r="OR28" s="110">
        <v>19071341</v>
      </c>
      <c r="OS28" s="130">
        <v>19510919</v>
      </c>
    </row>
    <row r="29" spans="2:409" ht="21" customHeight="1" x14ac:dyDescent="0.2">
      <c r="B29" s="472" t="s">
        <v>24</v>
      </c>
      <c r="C29" s="100">
        <v>413084</v>
      </c>
      <c r="D29" s="104">
        <v>290107</v>
      </c>
      <c r="E29" s="103">
        <v>703191</v>
      </c>
      <c r="F29" s="99">
        <v>0</v>
      </c>
      <c r="G29" s="104">
        <v>2396660</v>
      </c>
      <c r="H29" s="104">
        <v>2684462</v>
      </c>
      <c r="I29" s="104">
        <v>2102107</v>
      </c>
      <c r="J29" s="104">
        <v>2097659</v>
      </c>
      <c r="K29" s="104">
        <v>1190483</v>
      </c>
      <c r="L29" s="160">
        <v>10471371</v>
      </c>
      <c r="M29" s="106">
        <v>11174562</v>
      </c>
      <c r="N29" s="100">
        <v>70212</v>
      </c>
      <c r="O29" s="104">
        <v>132257</v>
      </c>
      <c r="P29" s="103">
        <v>202469</v>
      </c>
      <c r="Q29" s="100">
        <v>0</v>
      </c>
      <c r="R29" s="104">
        <v>1024769</v>
      </c>
      <c r="S29" s="104">
        <v>584759</v>
      </c>
      <c r="T29" s="104">
        <v>700234</v>
      </c>
      <c r="U29" s="104">
        <v>764708</v>
      </c>
      <c r="V29" s="104">
        <v>958322</v>
      </c>
      <c r="W29" s="103">
        <v>4032792</v>
      </c>
      <c r="X29" s="106">
        <v>4235261</v>
      </c>
      <c r="Y29" s="100">
        <v>0</v>
      </c>
      <c r="Z29" s="104">
        <v>0</v>
      </c>
      <c r="AA29" s="103">
        <v>0</v>
      </c>
      <c r="AB29" s="100">
        <v>0</v>
      </c>
      <c r="AC29" s="104">
        <v>567137</v>
      </c>
      <c r="AD29" s="104">
        <v>230322</v>
      </c>
      <c r="AE29" s="104">
        <v>369013</v>
      </c>
      <c r="AF29" s="104">
        <v>287794</v>
      </c>
      <c r="AG29" s="104">
        <v>606583</v>
      </c>
      <c r="AH29" s="103">
        <v>2060849</v>
      </c>
      <c r="AI29" s="106">
        <v>2060849</v>
      </c>
      <c r="AJ29" s="100">
        <v>0</v>
      </c>
      <c r="AK29" s="104">
        <v>0</v>
      </c>
      <c r="AL29" s="103">
        <v>0</v>
      </c>
      <c r="AM29" s="100">
        <v>0</v>
      </c>
      <c r="AN29" s="104">
        <v>0</v>
      </c>
      <c r="AO29" s="104">
        <v>0</v>
      </c>
      <c r="AP29" s="104">
        <v>0</v>
      </c>
      <c r="AQ29" s="104">
        <v>163156</v>
      </c>
      <c r="AR29" s="104">
        <v>153520</v>
      </c>
      <c r="AS29" s="103">
        <v>316676</v>
      </c>
      <c r="AT29" s="106">
        <v>316676</v>
      </c>
      <c r="AU29" s="100">
        <v>13220</v>
      </c>
      <c r="AV29" s="104">
        <v>127489</v>
      </c>
      <c r="AW29" s="103">
        <v>140709</v>
      </c>
      <c r="AX29" s="100">
        <v>0</v>
      </c>
      <c r="AY29" s="104">
        <v>289180</v>
      </c>
      <c r="AZ29" s="104">
        <v>200156</v>
      </c>
      <c r="BA29" s="104">
        <v>133546</v>
      </c>
      <c r="BB29" s="104">
        <v>104182</v>
      </c>
      <c r="BC29" s="104">
        <v>103539</v>
      </c>
      <c r="BD29" s="103">
        <v>830603</v>
      </c>
      <c r="BE29" s="106">
        <v>971312</v>
      </c>
      <c r="BF29" s="100">
        <v>0</v>
      </c>
      <c r="BG29" s="104">
        <v>0</v>
      </c>
      <c r="BH29" s="102">
        <v>0</v>
      </c>
      <c r="BI29" s="101">
        <v>0</v>
      </c>
      <c r="BJ29" s="104">
        <v>35868</v>
      </c>
      <c r="BK29" s="104">
        <v>48841</v>
      </c>
      <c r="BL29" s="104">
        <v>42267</v>
      </c>
      <c r="BM29" s="104">
        <v>0</v>
      </c>
      <c r="BN29" s="104">
        <v>0</v>
      </c>
      <c r="BO29" s="103">
        <v>126976</v>
      </c>
      <c r="BP29" s="106">
        <v>126976</v>
      </c>
      <c r="BQ29" s="100">
        <v>56992</v>
      </c>
      <c r="BR29" s="104">
        <v>4768</v>
      </c>
      <c r="BS29" s="103">
        <v>61760</v>
      </c>
      <c r="BT29" s="100">
        <v>0</v>
      </c>
      <c r="BU29" s="104">
        <v>132584</v>
      </c>
      <c r="BV29" s="104">
        <v>105440</v>
      </c>
      <c r="BW29" s="104">
        <v>155408</v>
      </c>
      <c r="BX29" s="104">
        <v>209576</v>
      </c>
      <c r="BY29" s="104">
        <v>94680</v>
      </c>
      <c r="BZ29" s="103">
        <v>697688</v>
      </c>
      <c r="CA29" s="106">
        <v>759448</v>
      </c>
      <c r="CB29" s="100">
        <v>39854</v>
      </c>
      <c r="CC29" s="104">
        <v>35650</v>
      </c>
      <c r="CD29" s="103">
        <v>75504</v>
      </c>
      <c r="CE29" s="100">
        <v>0</v>
      </c>
      <c r="CF29" s="104">
        <v>679473</v>
      </c>
      <c r="CG29" s="104">
        <v>1344628</v>
      </c>
      <c r="CH29" s="104">
        <v>715122</v>
      </c>
      <c r="CI29" s="104">
        <v>125773</v>
      </c>
      <c r="CJ29" s="104">
        <v>64749</v>
      </c>
      <c r="CK29" s="103">
        <v>2929745</v>
      </c>
      <c r="CL29" s="106">
        <v>3005249</v>
      </c>
      <c r="CM29" s="100">
        <v>0</v>
      </c>
      <c r="CN29" s="104">
        <v>0</v>
      </c>
      <c r="CO29" s="103">
        <v>0</v>
      </c>
      <c r="CP29" s="101">
        <v>0</v>
      </c>
      <c r="CQ29" s="104">
        <v>574547</v>
      </c>
      <c r="CR29" s="104">
        <v>1141049</v>
      </c>
      <c r="CS29" s="104">
        <v>219510</v>
      </c>
      <c r="CT29" s="104">
        <v>30374</v>
      </c>
      <c r="CU29" s="104">
        <v>64749</v>
      </c>
      <c r="CV29" s="103">
        <v>2030229</v>
      </c>
      <c r="CW29" s="106">
        <v>2030229</v>
      </c>
      <c r="CX29" s="100">
        <v>39854</v>
      </c>
      <c r="CY29" s="104">
        <v>35650</v>
      </c>
      <c r="CZ29" s="103">
        <v>75504</v>
      </c>
      <c r="DA29" s="100">
        <v>0</v>
      </c>
      <c r="DB29" s="104">
        <v>104926</v>
      </c>
      <c r="DC29" s="104">
        <v>203579</v>
      </c>
      <c r="DD29" s="104">
        <v>495612</v>
      </c>
      <c r="DE29" s="104">
        <v>95399</v>
      </c>
      <c r="DF29" s="104">
        <v>0</v>
      </c>
      <c r="DG29" s="103">
        <v>899516</v>
      </c>
      <c r="DH29" s="106">
        <v>975020</v>
      </c>
      <c r="DI29" s="100">
        <v>0</v>
      </c>
      <c r="DJ29" s="104">
        <v>0</v>
      </c>
      <c r="DK29" s="102">
        <v>0</v>
      </c>
      <c r="DL29" s="101">
        <v>0</v>
      </c>
      <c r="DM29" s="104">
        <v>35363</v>
      </c>
      <c r="DN29" s="104">
        <v>193021</v>
      </c>
      <c r="DO29" s="104">
        <v>0</v>
      </c>
      <c r="DP29" s="104">
        <v>0</v>
      </c>
      <c r="DQ29" s="104">
        <v>114191</v>
      </c>
      <c r="DR29" s="103">
        <v>342575</v>
      </c>
      <c r="DS29" s="106">
        <v>342575</v>
      </c>
      <c r="DT29" s="100">
        <v>0</v>
      </c>
      <c r="DU29" s="104">
        <v>0</v>
      </c>
      <c r="DV29" s="103">
        <v>0</v>
      </c>
      <c r="DW29" s="100">
        <v>0</v>
      </c>
      <c r="DX29" s="104">
        <v>0</v>
      </c>
      <c r="DY29" s="104">
        <v>193021</v>
      </c>
      <c r="DZ29" s="104">
        <v>0</v>
      </c>
      <c r="EA29" s="104">
        <v>0</v>
      </c>
      <c r="EB29" s="104">
        <v>114191</v>
      </c>
      <c r="EC29" s="103">
        <v>307212</v>
      </c>
      <c r="ED29" s="106">
        <v>307212</v>
      </c>
      <c r="EE29" s="100">
        <v>0</v>
      </c>
      <c r="EF29" s="102">
        <v>0</v>
      </c>
      <c r="EG29" s="103">
        <v>0</v>
      </c>
      <c r="EH29" s="100">
        <v>0</v>
      </c>
      <c r="EI29" s="104">
        <v>35363</v>
      </c>
      <c r="EJ29" s="104">
        <v>0</v>
      </c>
      <c r="EK29" s="104">
        <v>0</v>
      </c>
      <c r="EL29" s="104">
        <v>0</v>
      </c>
      <c r="EM29" s="104">
        <v>0</v>
      </c>
      <c r="EN29" s="102">
        <v>35363</v>
      </c>
      <c r="EO29" s="106">
        <v>35363</v>
      </c>
      <c r="EP29" s="100">
        <v>0</v>
      </c>
      <c r="EQ29" s="104">
        <v>0</v>
      </c>
      <c r="ER29" s="102">
        <v>0</v>
      </c>
      <c r="ES29" s="101">
        <v>0</v>
      </c>
      <c r="ET29" s="104">
        <v>0</v>
      </c>
      <c r="EU29" s="104">
        <v>0</v>
      </c>
      <c r="EV29" s="104">
        <v>0</v>
      </c>
      <c r="EW29" s="104">
        <v>0</v>
      </c>
      <c r="EX29" s="104">
        <v>0</v>
      </c>
      <c r="EY29" s="103">
        <v>0</v>
      </c>
      <c r="EZ29" s="106">
        <v>0</v>
      </c>
      <c r="FA29" s="100">
        <v>0</v>
      </c>
      <c r="FB29" s="104">
        <v>0</v>
      </c>
      <c r="FC29" s="102">
        <v>0</v>
      </c>
      <c r="FD29" s="324"/>
      <c r="FE29" s="104">
        <v>0</v>
      </c>
      <c r="FF29" s="104">
        <v>0</v>
      </c>
      <c r="FG29" s="104">
        <v>0</v>
      </c>
      <c r="FH29" s="104">
        <v>0</v>
      </c>
      <c r="FI29" s="104">
        <v>0</v>
      </c>
      <c r="FJ29" s="103">
        <v>0</v>
      </c>
      <c r="FK29" s="106">
        <v>0</v>
      </c>
      <c r="FL29" s="100">
        <v>140746</v>
      </c>
      <c r="FM29" s="104">
        <v>21760</v>
      </c>
      <c r="FN29" s="103">
        <v>162506</v>
      </c>
      <c r="FO29" s="100">
        <v>0</v>
      </c>
      <c r="FP29" s="104">
        <v>97584</v>
      </c>
      <c r="FQ29" s="104">
        <v>196520</v>
      </c>
      <c r="FR29" s="104">
        <v>77864</v>
      </c>
      <c r="FS29" s="104">
        <v>122872</v>
      </c>
      <c r="FT29" s="104">
        <v>36856</v>
      </c>
      <c r="FU29" s="103">
        <v>531696</v>
      </c>
      <c r="FV29" s="106">
        <v>694202</v>
      </c>
      <c r="FW29" s="105">
        <v>36520</v>
      </c>
      <c r="FX29" s="104">
        <v>21760</v>
      </c>
      <c r="FY29" s="102">
        <v>58280</v>
      </c>
      <c r="FZ29" s="101">
        <v>0</v>
      </c>
      <c r="GA29" s="104">
        <v>65904</v>
      </c>
      <c r="GB29" s="104">
        <v>174920</v>
      </c>
      <c r="GC29" s="104">
        <v>77864</v>
      </c>
      <c r="GD29" s="104">
        <v>122872</v>
      </c>
      <c r="GE29" s="104">
        <v>36856</v>
      </c>
      <c r="GF29" s="103">
        <v>478416</v>
      </c>
      <c r="GG29" s="296">
        <v>536696</v>
      </c>
      <c r="GH29" s="105">
        <v>10626</v>
      </c>
      <c r="GI29" s="104">
        <v>0</v>
      </c>
      <c r="GJ29" s="102">
        <v>10626</v>
      </c>
      <c r="GK29" s="101">
        <v>0</v>
      </c>
      <c r="GL29" s="104">
        <v>31680</v>
      </c>
      <c r="GM29" s="104">
        <v>0</v>
      </c>
      <c r="GN29" s="104">
        <v>0</v>
      </c>
      <c r="GO29" s="104">
        <v>0</v>
      </c>
      <c r="GP29" s="104">
        <v>0</v>
      </c>
      <c r="GQ29" s="103">
        <v>31680</v>
      </c>
      <c r="GR29" s="106">
        <v>42306</v>
      </c>
      <c r="GS29" s="100">
        <v>93600</v>
      </c>
      <c r="GT29" s="104">
        <v>0</v>
      </c>
      <c r="GU29" s="103">
        <v>93600</v>
      </c>
      <c r="GV29" s="100">
        <v>0</v>
      </c>
      <c r="GW29" s="104">
        <v>0</v>
      </c>
      <c r="GX29" s="104">
        <v>21600</v>
      </c>
      <c r="GY29" s="104">
        <v>0</v>
      </c>
      <c r="GZ29" s="104">
        <v>0</v>
      </c>
      <c r="HA29" s="104">
        <v>0</v>
      </c>
      <c r="HB29" s="102">
        <v>21600</v>
      </c>
      <c r="HC29" s="106">
        <v>115200</v>
      </c>
      <c r="HD29" s="100">
        <v>162272</v>
      </c>
      <c r="HE29" s="104">
        <v>100440</v>
      </c>
      <c r="HF29" s="102">
        <v>262712</v>
      </c>
      <c r="HG29" s="101">
        <v>0</v>
      </c>
      <c r="HH29" s="104">
        <v>559471</v>
      </c>
      <c r="HI29" s="104">
        <v>365534</v>
      </c>
      <c r="HJ29" s="104">
        <v>608887</v>
      </c>
      <c r="HK29" s="104">
        <v>1084306</v>
      </c>
      <c r="HL29" s="104">
        <v>16365</v>
      </c>
      <c r="HM29" s="103">
        <v>2634563</v>
      </c>
      <c r="HN29" s="99">
        <v>2897275</v>
      </c>
      <c r="HO29" s="306"/>
      <c r="HP29" s="307"/>
      <c r="HQ29" s="308"/>
      <c r="HR29" s="309"/>
      <c r="HS29" s="307"/>
      <c r="HT29" s="307"/>
      <c r="HU29" s="307"/>
      <c r="HV29" s="307"/>
      <c r="HW29" s="307"/>
      <c r="HX29" s="310"/>
      <c r="HY29" s="311"/>
      <c r="HZ29" s="118">
        <v>0</v>
      </c>
      <c r="IA29" s="119">
        <v>0</v>
      </c>
      <c r="IB29" s="120">
        <v>0</v>
      </c>
      <c r="IC29" s="133">
        <v>0</v>
      </c>
      <c r="ID29" s="119">
        <v>27309</v>
      </c>
      <c r="IE29" s="134">
        <v>405931</v>
      </c>
      <c r="IF29" s="120">
        <v>803319</v>
      </c>
      <c r="IG29" s="119">
        <v>196079</v>
      </c>
      <c r="IH29" s="120">
        <v>251656</v>
      </c>
      <c r="II29" s="135">
        <v>1684294</v>
      </c>
      <c r="IJ29" s="126">
        <v>1684294</v>
      </c>
      <c r="IK29" s="219">
        <v>0</v>
      </c>
      <c r="IL29" s="223">
        <v>0</v>
      </c>
      <c r="IM29" s="224">
        <v>0</v>
      </c>
      <c r="IN29" s="127"/>
      <c r="IO29" s="109">
        <v>0</v>
      </c>
      <c r="IP29" s="109">
        <v>0</v>
      </c>
      <c r="IQ29" s="109">
        <v>97464</v>
      </c>
      <c r="IR29" s="109">
        <v>196079</v>
      </c>
      <c r="IS29" s="109">
        <v>0</v>
      </c>
      <c r="IT29" s="128">
        <v>293543</v>
      </c>
      <c r="IU29" s="298">
        <v>293543</v>
      </c>
      <c r="IV29" s="129">
        <v>0</v>
      </c>
      <c r="IW29" s="109">
        <v>0</v>
      </c>
      <c r="IX29" s="110">
        <v>0</v>
      </c>
      <c r="IY29" s="131"/>
      <c r="IZ29" s="109">
        <v>0</v>
      </c>
      <c r="JA29" s="109">
        <v>0</v>
      </c>
      <c r="JB29" s="109">
        <v>0</v>
      </c>
      <c r="JC29" s="109">
        <v>0</v>
      </c>
      <c r="JD29" s="109">
        <v>0</v>
      </c>
      <c r="JE29" s="110">
        <v>0</v>
      </c>
      <c r="JF29" s="111">
        <v>0</v>
      </c>
      <c r="JG29" s="129">
        <v>0</v>
      </c>
      <c r="JH29" s="109">
        <v>0</v>
      </c>
      <c r="JI29" s="128">
        <v>0</v>
      </c>
      <c r="JJ29" s="108">
        <v>0</v>
      </c>
      <c r="JK29" s="109">
        <v>27309</v>
      </c>
      <c r="JL29" s="109">
        <v>171965</v>
      </c>
      <c r="JM29" s="109">
        <v>61157</v>
      </c>
      <c r="JN29" s="109">
        <v>0</v>
      </c>
      <c r="JO29" s="109">
        <v>0</v>
      </c>
      <c r="JP29" s="110">
        <v>260431</v>
      </c>
      <c r="JQ29" s="298">
        <v>260431</v>
      </c>
      <c r="JR29" s="129">
        <v>0</v>
      </c>
      <c r="JS29" s="109">
        <v>0</v>
      </c>
      <c r="JT29" s="128">
        <v>0</v>
      </c>
      <c r="JU29" s="108">
        <v>0</v>
      </c>
      <c r="JV29" s="109">
        <v>0</v>
      </c>
      <c r="JW29" s="109">
        <v>0</v>
      </c>
      <c r="JX29" s="109">
        <v>160858</v>
      </c>
      <c r="JY29" s="109">
        <v>0</v>
      </c>
      <c r="JZ29" s="109">
        <v>0</v>
      </c>
      <c r="KA29" s="110">
        <v>160858</v>
      </c>
      <c r="KB29" s="298">
        <v>160858</v>
      </c>
      <c r="KC29" s="221">
        <v>0</v>
      </c>
      <c r="KD29" s="217">
        <v>0</v>
      </c>
      <c r="KE29" s="110">
        <v>0</v>
      </c>
      <c r="KF29" s="108">
        <v>0</v>
      </c>
      <c r="KG29" s="109">
        <v>0</v>
      </c>
      <c r="KH29" s="109">
        <v>0</v>
      </c>
      <c r="KI29" s="109">
        <v>0</v>
      </c>
      <c r="KJ29" s="109">
        <v>0</v>
      </c>
      <c r="KK29" s="109">
        <v>0</v>
      </c>
      <c r="KL29" s="110">
        <v>0</v>
      </c>
      <c r="KM29" s="130">
        <v>0</v>
      </c>
      <c r="KN29" s="219">
        <v>0</v>
      </c>
      <c r="KO29" s="223">
        <v>0</v>
      </c>
      <c r="KP29" s="224">
        <v>0</v>
      </c>
      <c r="KQ29" s="127"/>
      <c r="KR29" s="109">
        <v>0</v>
      </c>
      <c r="KS29" s="109">
        <v>233966</v>
      </c>
      <c r="KT29" s="109">
        <v>483840</v>
      </c>
      <c r="KU29" s="109">
        <v>0</v>
      </c>
      <c r="KV29" s="109">
        <v>251656</v>
      </c>
      <c r="KW29" s="110">
        <v>969462</v>
      </c>
      <c r="KX29" s="298">
        <v>969462</v>
      </c>
      <c r="KY29" s="129">
        <v>0</v>
      </c>
      <c r="KZ29" s="109">
        <v>0</v>
      </c>
      <c r="LA29" s="110">
        <v>0</v>
      </c>
      <c r="LB29" s="132"/>
      <c r="LC29" s="109">
        <v>0</v>
      </c>
      <c r="LD29" s="109">
        <v>0</v>
      </c>
      <c r="LE29" s="109">
        <v>0</v>
      </c>
      <c r="LF29" s="109">
        <v>0</v>
      </c>
      <c r="LG29" s="109">
        <v>0</v>
      </c>
      <c r="LH29" s="110">
        <v>0</v>
      </c>
      <c r="LI29" s="111">
        <v>0</v>
      </c>
      <c r="LJ29" s="129">
        <v>0</v>
      </c>
      <c r="LK29" s="109">
        <v>0</v>
      </c>
      <c r="LL29" s="110">
        <v>0</v>
      </c>
      <c r="LM29" s="132"/>
      <c r="LN29" s="109">
        <v>0</v>
      </c>
      <c r="LO29" s="109">
        <v>0</v>
      </c>
      <c r="LP29" s="109">
        <v>0</v>
      </c>
      <c r="LQ29" s="109">
        <v>0</v>
      </c>
      <c r="LR29" s="109">
        <v>0</v>
      </c>
      <c r="LS29" s="110">
        <v>0</v>
      </c>
      <c r="LT29" s="298">
        <v>0</v>
      </c>
      <c r="LU29" s="129">
        <v>0</v>
      </c>
      <c r="LV29" s="109">
        <v>0</v>
      </c>
      <c r="LW29" s="110">
        <v>0</v>
      </c>
      <c r="LX29" s="132"/>
      <c r="LY29" s="109">
        <v>0</v>
      </c>
      <c r="LZ29" s="109">
        <v>0</v>
      </c>
      <c r="MA29" s="109">
        <v>0</v>
      </c>
      <c r="MB29" s="109">
        <v>0</v>
      </c>
      <c r="MC29" s="109">
        <v>0</v>
      </c>
      <c r="MD29" s="110">
        <v>0</v>
      </c>
      <c r="ME29" s="111">
        <v>0</v>
      </c>
      <c r="MF29" s="129">
        <v>0</v>
      </c>
      <c r="MG29" s="109">
        <v>0</v>
      </c>
      <c r="MH29" s="110">
        <v>0</v>
      </c>
      <c r="MI29" s="132"/>
      <c r="MJ29" s="109">
        <v>0</v>
      </c>
      <c r="MK29" s="109">
        <v>243760</v>
      </c>
      <c r="ML29" s="109">
        <v>599240</v>
      </c>
      <c r="MM29" s="109">
        <v>1923818</v>
      </c>
      <c r="MN29" s="109">
        <v>865009</v>
      </c>
      <c r="MO29" s="110">
        <v>3631827</v>
      </c>
      <c r="MP29" s="130">
        <v>3631827</v>
      </c>
      <c r="MQ29" s="129">
        <v>0</v>
      </c>
      <c r="MR29" s="109">
        <v>0</v>
      </c>
      <c r="MS29" s="110">
        <v>0</v>
      </c>
      <c r="MT29" s="132"/>
      <c r="MU29" s="109">
        <v>0</v>
      </c>
      <c r="MV29" s="109">
        <v>0</v>
      </c>
      <c r="MW29" s="109">
        <v>248360</v>
      </c>
      <c r="MX29" s="109">
        <v>1066671</v>
      </c>
      <c r="MY29" s="109">
        <v>865009</v>
      </c>
      <c r="MZ29" s="110">
        <v>2180040</v>
      </c>
      <c r="NA29" s="130">
        <v>2180040</v>
      </c>
      <c r="NB29" s="129">
        <v>0</v>
      </c>
      <c r="NC29" s="109">
        <v>0</v>
      </c>
      <c r="ND29" s="110">
        <v>0</v>
      </c>
      <c r="NE29" s="132"/>
      <c r="NF29" s="109">
        <v>0</v>
      </c>
      <c r="NG29" s="109">
        <v>243760</v>
      </c>
      <c r="NH29" s="109">
        <v>350880</v>
      </c>
      <c r="NI29" s="109">
        <v>857147</v>
      </c>
      <c r="NJ29" s="109">
        <v>0</v>
      </c>
      <c r="NK29" s="110">
        <v>1451787</v>
      </c>
      <c r="NL29" s="298">
        <v>1451787</v>
      </c>
      <c r="NM29" s="129">
        <v>0</v>
      </c>
      <c r="NN29" s="109">
        <v>0</v>
      </c>
      <c r="NO29" s="110">
        <v>0</v>
      </c>
      <c r="NP29" s="132"/>
      <c r="NQ29" s="109">
        <v>0</v>
      </c>
      <c r="NR29" s="109">
        <v>0</v>
      </c>
      <c r="NS29" s="109">
        <v>0</v>
      </c>
      <c r="NT29" s="109">
        <v>0</v>
      </c>
      <c r="NU29" s="109">
        <v>0</v>
      </c>
      <c r="NV29" s="110">
        <v>0</v>
      </c>
      <c r="NW29" s="111">
        <v>0</v>
      </c>
      <c r="NX29" s="129">
        <v>0</v>
      </c>
      <c r="NY29" s="109">
        <v>0</v>
      </c>
      <c r="NZ29" s="110">
        <v>0</v>
      </c>
      <c r="OA29" s="132"/>
      <c r="OB29" s="109">
        <v>0</v>
      </c>
      <c r="OC29" s="109">
        <v>0</v>
      </c>
      <c r="OD29" s="109">
        <v>0</v>
      </c>
      <c r="OE29" s="109">
        <v>0</v>
      </c>
      <c r="OF29" s="109">
        <v>0</v>
      </c>
      <c r="OG29" s="110">
        <v>0</v>
      </c>
      <c r="OH29" s="111">
        <v>0</v>
      </c>
      <c r="OI29" s="129">
        <v>413084</v>
      </c>
      <c r="OJ29" s="109">
        <v>290107</v>
      </c>
      <c r="OK29" s="128">
        <v>703191</v>
      </c>
      <c r="OL29" s="108">
        <v>0</v>
      </c>
      <c r="OM29" s="109">
        <v>2423969</v>
      </c>
      <c r="ON29" s="109">
        <v>3334153</v>
      </c>
      <c r="OO29" s="109">
        <v>3504666</v>
      </c>
      <c r="OP29" s="109">
        <v>4217556</v>
      </c>
      <c r="OQ29" s="109">
        <v>2307148</v>
      </c>
      <c r="OR29" s="110">
        <v>15787492</v>
      </c>
      <c r="OS29" s="130">
        <v>16490683</v>
      </c>
    </row>
    <row r="30" spans="2:409" ht="21" customHeight="1" x14ac:dyDescent="0.2">
      <c r="B30" s="472" t="s">
        <v>25</v>
      </c>
      <c r="C30" s="100">
        <v>110769</v>
      </c>
      <c r="D30" s="104">
        <v>323789</v>
      </c>
      <c r="E30" s="103">
        <v>434558</v>
      </c>
      <c r="F30" s="99">
        <v>0</v>
      </c>
      <c r="G30" s="104">
        <v>1323436</v>
      </c>
      <c r="H30" s="104">
        <v>1068358</v>
      </c>
      <c r="I30" s="104">
        <v>1556208</v>
      </c>
      <c r="J30" s="104">
        <v>1442106</v>
      </c>
      <c r="K30" s="104">
        <v>662974</v>
      </c>
      <c r="L30" s="160">
        <v>6053082</v>
      </c>
      <c r="M30" s="106">
        <v>6487640</v>
      </c>
      <c r="N30" s="100">
        <v>47987</v>
      </c>
      <c r="O30" s="104">
        <v>131688</v>
      </c>
      <c r="P30" s="103">
        <v>179675</v>
      </c>
      <c r="Q30" s="100">
        <v>0</v>
      </c>
      <c r="R30" s="104">
        <v>232066</v>
      </c>
      <c r="S30" s="104">
        <v>383779</v>
      </c>
      <c r="T30" s="104">
        <v>603023</v>
      </c>
      <c r="U30" s="104">
        <v>320725</v>
      </c>
      <c r="V30" s="104">
        <v>113704</v>
      </c>
      <c r="W30" s="103">
        <v>1653297</v>
      </c>
      <c r="X30" s="106">
        <v>1832972</v>
      </c>
      <c r="Y30" s="100">
        <v>0</v>
      </c>
      <c r="Z30" s="104">
        <v>0</v>
      </c>
      <c r="AA30" s="103">
        <v>0</v>
      </c>
      <c r="AB30" s="100">
        <v>0</v>
      </c>
      <c r="AC30" s="104">
        <v>160531</v>
      </c>
      <c r="AD30" s="104">
        <v>132010</v>
      </c>
      <c r="AE30" s="104">
        <v>332638</v>
      </c>
      <c r="AF30" s="104">
        <v>25747</v>
      </c>
      <c r="AG30" s="104">
        <v>49440</v>
      </c>
      <c r="AH30" s="103">
        <v>700366</v>
      </c>
      <c r="AI30" s="106">
        <v>700366</v>
      </c>
      <c r="AJ30" s="100">
        <v>0</v>
      </c>
      <c r="AK30" s="104">
        <v>0</v>
      </c>
      <c r="AL30" s="103">
        <v>0</v>
      </c>
      <c r="AM30" s="100">
        <v>0</v>
      </c>
      <c r="AN30" s="104">
        <v>0</v>
      </c>
      <c r="AO30" s="104">
        <v>0</v>
      </c>
      <c r="AP30" s="104">
        <v>47241</v>
      </c>
      <c r="AQ30" s="104">
        <v>157699</v>
      </c>
      <c r="AR30" s="104">
        <v>0</v>
      </c>
      <c r="AS30" s="103">
        <v>204940</v>
      </c>
      <c r="AT30" s="106">
        <v>204940</v>
      </c>
      <c r="AU30" s="100">
        <v>47987</v>
      </c>
      <c r="AV30" s="104">
        <v>46137</v>
      </c>
      <c r="AW30" s="103">
        <v>94124</v>
      </c>
      <c r="AX30" s="100">
        <v>0</v>
      </c>
      <c r="AY30" s="104">
        <v>14055</v>
      </c>
      <c r="AZ30" s="104">
        <v>242369</v>
      </c>
      <c r="BA30" s="104">
        <v>130228</v>
      </c>
      <c r="BB30" s="104">
        <v>101991</v>
      </c>
      <c r="BC30" s="104">
        <v>47080</v>
      </c>
      <c r="BD30" s="103">
        <v>535723</v>
      </c>
      <c r="BE30" s="106">
        <v>629847</v>
      </c>
      <c r="BF30" s="100">
        <v>0</v>
      </c>
      <c r="BG30" s="104">
        <v>67519</v>
      </c>
      <c r="BH30" s="102">
        <v>67519</v>
      </c>
      <c r="BI30" s="101">
        <v>0</v>
      </c>
      <c r="BJ30" s="104">
        <v>0</v>
      </c>
      <c r="BK30" s="104">
        <v>0</v>
      </c>
      <c r="BL30" s="104">
        <v>37988</v>
      </c>
      <c r="BM30" s="104">
        <v>0</v>
      </c>
      <c r="BN30" s="104">
        <v>0</v>
      </c>
      <c r="BO30" s="103">
        <v>37988</v>
      </c>
      <c r="BP30" s="106">
        <v>105507</v>
      </c>
      <c r="BQ30" s="100">
        <v>0</v>
      </c>
      <c r="BR30" s="104">
        <v>18032</v>
      </c>
      <c r="BS30" s="103">
        <v>18032</v>
      </c>
      <c r="BT30" s="100">
        <v>0</v>
      </c>
      <c r="BU30" s="104">
        <v>57480</v>
      </c>
      <c r="BV30" s="104">
        <v>9400</v>
      </c>
      <c r="BW30" s="104">
        <v>54928</v>
      </c>
      <c r="BX30" s="104">
        <v>35288</v>
      </c>
      <c r="BY30" s="104">
        <v>17184</v>
      </c>
      <c r="BZ30" s="103">
        <v>174280</v>
      </c>
      <c r="CA30" s="106">
        <v>192312</v>
      </c>
      <c r="CB30" s="100">
        <v>39262</v>
      </c>
      <c r="CC30" s="104">
        <v>36090</v>
      </c>
      <c r="CD30" s="103">
        <v>75352</v>
      </c>
      <c r="CE30" s="100">
        <v>0</v>
      </c>
      <c r="CF30" s="104">
        <v>447667</v>
      </c>
      <c r="CG30" s="104">
        <v>456762</v>
      </c>
      <c r="CH30" s="104">
        <v>414108</v>
      </c>
      <c r="CI30" s="104">
        <v>456325</v>
      </c>
      <c r="CJ30" s="104">
        <v>116049</v>
      </c>
      <c r="CK30" s="103">
        <v>1890911</v>
      </c>
      <c r="CL30" s="106">
        <v>1966263</v>
      </c>
      <c r="CM30" s="100">
        <v>0</v>
      </c>
      <c r="CN30" s="104">
        <v>0</v>
      </c>
      <c r="CO30" s="103">
        <v>0</v>
      </c>
      <c r="CP30" s="101">
        <v>0</v>
      </c>
      <c r="CQ30" s="104">
        <v>360719</v>
      </c>
      <c r="CR30" s="104">
        <v>139334</v>
      </c>
      <c r="CS30" s="104">
        <v>95678</v>
      </c>
      <c r="CT30" s="104">
        <v>204392</v>
      </c>
      <c r="CU30" s="104">
        <v>0</v>
      </c>
      <c r="CV30" s="103">
        <v>800123</v>
      </c>
      <c r="CW30" s="106">
        <v>800123</v>
      </c>
      <c r="CX30" s="100">
        <v>39262</v>
      </c>
      <c r="CY30" s="104">
        <v>36090</v>
      </c>
      <c r="CZ30" s="103">
        <v>75352</v>
      </c>
      <c r="DA30" s="100">
        <v>0</v>
      </c>
      <c r="DB30" s="104">
        <v>86948</v>
      </c>
      <c r="DC30" s="104">
        <v>317428</v>
      </c>
      <c r="DD30" s="104">
        <v>318430</v>
      </c>
      <c r="DE30" s="104">
        <v>251933</v>
      </c>
      <c r="DF30" s="104">
        <v>116049</v>
      </c>
      <c r="DG30" s="103">
        <v>1090788</v>
      </c>
      <c r="DH30" s="106">
        <v>1166140</v>
      </c>
      <c r="DI30" s="100">
        <v>0</v>
      </c>
      <c r="DJ30" s="104">
        <v>0</v>
      </c>
      <c r="DK30" s="102">
        <v>0</v>
      </c>
      <c r="DL30" s="101">
        <v>0</v>
      </c>
      <c r="DM30" s="104">
        <v>154841</v>
      </c>
      <c r="DN30" s="104">
        <v>58969</v>
      </c>
      <c r="DO30" s="104">
        <v>27111</v>
      </c>
      <c r="DP30" s="104">
        <v>40444</v>
      </c>
      <c r="DQ30" s="104">
        <v>134952</v>
      </c>
      <c r="DR30" s="103">
        <v>416317</v>
      </c>
      <c r="DS30" s="106">
        <v>416317</v>
      </c>
      <c r="DT30" s="100">
        <v>0</v>
      </c>
      <c r="DU30" s="104">
        <v>0</v>
      </c>
      <c r="DV30" s="103">
        <v>0</v>
      </c>
      <c r="DW30" s="100">
        <v>0</v>
      </c>
      <c r="DX30" s="104">
        <v>154841</v>
      </c>
      <c r="DY30" s="104">
        <v>58969</v>
      </c>
      <c r="DZ30" s="104">
        <v>0</v>
      </c>
      <c r="EA30" s="104">
        <v>40444</v>
      </c>
      <c r="EB30" s="104">
        <v>20981</v>
      </c>
      <c r="EC30" s="103">
        <v>275235</v>
      </c>
      <c r="ED30" s="106">
        <v>275235</v>
      </c>
      <c r="EE30" s="100">
        <v>0</v>
      </c>
      <c r="EF30" s="102">
        <v>0</v>
      </c>
      <c r="EG30" s="103">
        <v>0</v>
      </c>
      <c r="EH30" s="100">
        <v>0</v>
      </c>
      <c r="EI30" s="104">
        <v>0</v>
      </c>
      <c r="EJ30" s="104">
        <v>0</v>
      </c>
      <c r="EK30" s="104">
        <v>27111</v>
      </c>
      <c r="EL30" s="104">
        <v>0</v>
      </c>
      <c r="EM30" s="104">
        <v>113971</v>
      </c>
      <c r="EN30" s="102">
        <v>141082</v>
      </c>
      <c r="EO30" s="106">
        <v>141082</v>
      </c>
      <c r="EP30" s="100">
        <v>0</v>
      </c>
      <c r="EQ30" s="104">
        <v>0</v>
      </c>
      <c r="ER30" s="102">
        <v>0</v>
      </c>
      <c r="ES30" s="101">
        <v>0</v>
      </c>
      <c r="ET30" s="104">
        <v>0</v>
      </c>
      <c r="EU30" s="104">
        <v>0</v>
      </c>
      <c r="EV30" s="104">
        <v>0</v>
      </c>
      <c r="EW30" s="104">
        <v>0</v>
      </c>
      <c r="EX30" s="104">
        <v>0</v>
      </c>
      <c r="EY30" s="103">
        <v>0</v>
      </c>
      <c r="EZ30" s="106">
        <v>0</v>
      </c>
      <c r="FA30" s="100">
        <v>0</v>
      </c>
      <c r="FB30" s="104">
        <v>0</v>
      </c>
      <c r="FC30" s="102">
        <v>0</v>
      </c>
      <c r="FD30" s="324"/>
      <c r="FE30" s="104">
        <v>0</v>
      </c>
      <c r="FF30" s="104">
        <v>0</v>
      </c>
      <c r="FG30" s="104">
        <v>0</v>
      </c>
      <c r="FH30" s="104">
        <v>0</v>
      </c>
      <c r="FI30" s="104">
        <v>0</v>
      </c>
      <c r="FJ30" s="103">
        <v>0</v>
      </c>
      <c r="FK30" s="106">
        <v>0</v>
      </c>
      <c r="FL30" s="100">
        <v>23520</v>
      </c>
      <c r="FM30" s="104">
        <v>64160</v>
      </c>
      <c r="FN30" s="103">
        <v>87680</v>
      </c>
      <c r="FO30" s="100">
        <v>0</v>
      </c>
      <c r="FP30" s="104">
        <v>10800</v>
      </c>
      <c r="FQ30" s="104">
        <v>168848</v>
      </c>
      <c r="FR30" s="104">
        <v>108960</v>
      </c>
      <c r="FS30" s="104">
        <v>181592</v>
      </c>
      <c r="FT30" s="104">
        <v>63872</v>
      </c>
      <c r="FU30" s="103">
        <v>534072</v>
      </c>
      <c r="FV30" s="106">
        <v>621752</v>
      </c>
      <c r="FW30" s="105">
        <v>23520</v>
      </c>
      <c r="FX30" s="104">
        <v>64160</v>
      </c>
      <c r="FY30" s="102">
        <v>87680</v>
      </c>
      <c r="FZ30" s="101">
        <v>0</v>
      </c>
      <c r="GA30" s="104">
        <v>10800</v>
      </c>
      <c r="GB30" s="104">
        <v>146448</v>
      </c>
      <c r="GC30" s="104">
        <v>108960</v>
      </c>
      <c r="GD30" s="104">
        <v>181592</v>
      </c>
      <c r="GE30" s="104">
        <v>20672</v>
      </c>
      <c r="GF30" s="103">
        <v>468472</v>
      </c>
      <c r="GG30" s="296">
        <v>556152</v>
      </c>
      <c r="GH30" s="105">
        <v>0</v>
      </c>
      <c r="GI30" s="104">
        <v>0</v>
      </c>
      <c r="GJ30" s="102">
        <v>0</v>
      </c>
      <c r="GK30" s="101">
        <v>0</v>
      </c>
      <c r="GL30" s="104">
        <v>0</v>
      </c>
      <c r="GM30" s="104">
        <v>22400</v>
      </c>
      <c r="GN30" s="104">
        <v>0</v>
      </c>
      <c r="GO30" s="104">
        <v>0</v>
      </c>
      <c r="GP30" s="104">
        <v>0</v>
      </c>
      <c r="GQ30" s="103">
        <v>22400</v>
      </c>
      <c r="GR30" s="106">
        <v>22400</v>
      </c>
      <c r="GS30" s="100">
        <v>0</v>
      </c>
      <c r="GT30" s="104">
        <v>0</v>
      </c>
      <c r="GU30" s="103">
        <v>0</v>
      </c>
      <c r="GV30" s="100">
        <v>0</v>
      </c>
      <c r="GW30" s="104">
        <v>0</v>
      </c>
      <c r="GX30" s="104">
        <v>0</v>
      </c>
      <c r="GY30" s="104">
        <v>0</v>
      </c>
      <c r="GZ30" s="104">
        <v>0</v>
      </c>
      <c r="HA30" s="104">
        <v>43200</v>
      </c>
      <c r="HB30" s="102">
        <v>43200</v>
      </c>
      <c r="HC30" s="106">
        <v>43200</v>
      </c>
      <c r="HD30" s="100">
        <v>0</v>
      </c>
      <c r="HE30" s="104">
        <v>91851</v>
      </c>
      <c r="HF30" s="102">
        <v>91851</v>
      </c>
      <c r="HG30" s="101">
        <v>0</v>
      </c>
      <c r="HH30" s="104">
        <v>478062</v>
      </c>
      <c r="HI30" s="104">
        <v>0</v>
      </c>
      <c r="HJ30" s="104">
        <v>403006</v>
      </c>
      <c r="HK30" s="104">
        <v>443020</v>
      </c>
      <c r="HL30" s="104">
        <v>234397</v>
      </c>
      <c r="HM30" s="103">
        <v>1558485</v>
      </c>
      <c r="HN30" s="99">
        <v>1650336</v>
      </c>
      <c r="HO30" s="306"/>
      <c r="HP30" s="307"/>
      <c r="HQ30" s="308"/>
      <c r="HR30" s="309"/>
      <c r="HS30" s="307"/>
      <c r="HT30" s="307"/>
      <c r="HU30" s="307"/>
      <c r="HV30" s="307"/>
      <c r="HW30" s="307"/>
      <c r="HX30" s="310"/>
      <c r="HY30" s="311"/>
      <c r="HZ30" s="137">
        <v>41280</v>
      </c>
      <c r="IA30" s="122">
        <v>0</v>
      </c>
      <c r="IB30" s="137">
        <v>41280</v>
      </c>
      <c r="IC30" s="121">
        <v>0</v>
      </c>
      <c r="ID30" s="122">
        <v>219947</v>
      </c>
      <c r="IE30" s="123">
        <v>67940</v>
      </c>
      <c r="IF30" s="124">
        <v>49407</v>
      </c>
      <c r="IG30" s="122">
        <v>0</v>
      </c>
      <c r="IH30" s="124">
        <v>0</v>
      </c>
      <c r="II30" s="125">
        <v>337294</v>
      </c>
      <c r="IJ30" s="137">
        <v>378574</v>
      </c>
      <c r="IK30" s="219">
        <v>0</v>
      </c>
      <c r="IL30" s="223">
        <v>0</v>
      </c>
      <c r="IM30" s="224">
        <v>0</v>
      </c>
      <c r="IN30" s="127"/>
      <c r="IO30" s="109">
        <v>0</v>
      </c>
      <c r="IP30" s="109">
        <v>0</v>
      </c>
      <c r="IQ30" s="109">
        <v>0</v>
      </c>
      <c r="IR30" s="109">
        <v>0</v>
      </c>
      <c r="IS30" s="109">
        <v>0</v>
      </c>
      <c r="IT30" s="128">
        <v>0</v>
      </c>
      <c r="IU30" s="298">
        <v>0</v>
      </c>
      <c r="IV30" s="129">
        <v>0</v>
      </c>
      <c r="IW30" s="109">
        <v>0</v>
      </c>
      <c r="IX30" s="110">
        <v>0</v>
      </c>
      <c r="IY30" s="131"/>
      <c r="IZ30" s="109">
        <v>0</v>
      </c>
      <c r="JA30" s="109">
        <v>0</v>
      </c>
      <c r="JB30" s="109">
        <v>0</v>
      </c>
      <c r="JC30" s="109">
        <v>0</v>
      </c>
      <c r="JD30" s="109">
        <v>0</v>
      </c>
      <c r="JE30" s="110">
        <v>0</v>
      </c>
      <c r="JF30" s="111">
        <v>0</v>
      </c>
      <c r="JG30" s="129">
        <v>0</v>
      </c>
      <c r="JH30" s="109">
        <v>0</v>
      </c>
      <c r="JI30" s="128">
        <v>0</v>
      </c>
      <c r="JJ30" s="108">
        <v>0</v>
      </c>
      <c r="JK30" s="109">
        <v>219947</v>
      </c>
      <c r="JL30" s="109">
        <v>67940</v>
      </c>
      <c r="JM30" s="109">
        <v>49407</v>
      </c>
      <c r="JN30" s="109">
        <v>0</v>
      </c>
      <c r="JO30" s="109">
        <v>0</v>
      </c>
      <c r="JP30" s="110">
        <v>337294</v>
      </c>
      <c r="JQ30" s="298">
        <v>337294</v>
      </c>
      <c r="JR30" s="129">
        <v>0</v>
      </c>
      <c r="JS30" s="109">
        <v>0</v>
      </c>
      <c r="JT30" s="128">
        <v>0</v>
      </c>
      <c r="JU30" s="108">
        <v>0</v>
      </c>
      <c r="JV30" s="109">
        <v>0</v>
      </c>
      <c r="JW30" s="109">
        <v>0</v>
      </c>
      <c r="JX30" s="109">
        <v>0</v>
      </c>
      <c r="JY30" s="109">
        <v>0</v>
      </c>
      <c r="JZ30" s="109">
        <v>0</v>
      </c>
      <c r="KA30" s="110">
        <v>0</v>
      </c>
      <c r="KB30" s="298">
        <v>0</v>
      </c>
      <c r="KC30" s="221">
        <v>41280</v>
      </c>
      <c r="KD30" s="217">
        <v>0</v>
      </c>
      <c r="KE30" s="110">
        <v>41280</v>
      </c>
      <c r="KF30" s="108">
        <v>0</v>
      </c>
      <c r="KG30" s="109">
        <v>0</v>
      </c>
      <c r="KH30" s="109">
        <v>0</v>
      </c>
      <c r="KI30" s="109">
        <v>0</v>
      </c>
      <c r="KJ30" s="109">
        <v>0</v>
      </c>
      <c r="KK30" s="109">
        <v>0</v>
      </c>
      <c r="KL30" s="110">
        <v>0</v>
      </c>
      <c r="KM30" s="130">
        <v>41280</v>
      </c>
      <c r="KN30" s="219">
        <v>0</v>
      </c>
      <c r="KO30" s="223">
        <v>0</v>
      </c>
      <c r="KP30" s="224">
        <v>0</v>
      </c>
      <c r="KQ30" s="127"/>
      <c r="KR30" s="109">
        <v>0</v>
      </c>
      <c r="KS30" s="109">
        <v>0</v>
      </c>
      <c r="KT30" s="109">
        <v>0</v>
      </c>
      <c r="KU30" s="109">
        <v>0</v>
      </c>
      <c r="KV30" s="109">
        <v>0</v>
      </c>
      <c r="KW30" s="110">
        <v>0</v>
      </c>
      <c r="KX30" s="298">
        <v>0</v>
      </c>
      <c r="KY30" s="129">
        <v>0</v>
      </c>
      <c r="KZ30" s="109">
        <v>0</v>
      </c>
      <c r="LA30" s="110">
        <v>0</v>
      </c>
      <c r="LB30" s="132"/>
      <c r="LC30" s="109">
        <v>0</v>
      </c>
      <c r="LD30" s="109">
        <v>0</v>
      </c>
      <c r="LE30" s="109">
        <v>0</v>
      </c>
      <c r="LF30" s="109">
        <v>0</v>
      </c>
      <c r="LG30" s="109">
        <v>0</v>
      </c>
      <c r="LH30" s="110">
        <v>0</v>
      </c>
      <c r="LI30" s="111">
        <v>0</v>
      </c>
      <c r="LJ30" s="129">
        <v>0</v>
      </c>
      <c r="LK30" s="109">
        <v>0</v>
      </c>
      <c r="LL30" s="110">
        <v>0</v>
      </c>
      <c r="LM30" s="132"/>
      <c r="LN30" s="109">
        <v>0</v>
      </c>
      <c r="LO30" s="109">
        <v>0</v>
      </c>
      <c r="LP30" s="109">
        <v>0</v>
      </c>
      <c r="LQ30" s="109">
        <v>0</v>
      </c>
      <c r="LR30" s="109">
        <v>0</v>
      </c>
      <c r="LS30" s="110">
        <v>0</v>
      </c>
      <c r="LT30" s="298">
        <v>0</v>
      </c>
      <c r="LU30" s="129">
        <v>0</v>
      </c>
      <c r="LV30" s="109">
        <v>0</v>
      </c>
      <c r="LW30" s="110">
        <v>0</v>
      </c>
      <c r="LX30" s="132"/>
      <c r="LY30" s="109">
        <v>0</v>
      </c>
      <c r="LZ30" s="109">
        <v>0</v>
      </c>
      <c r="MA30" s="109">
        <v>0</v>
      </c>
      <c r="MB30" s="109">
        <v>0</v>
      </c>
      <c r="MC30" s="109">
        <v>0</v>
      </c>
      <c r="MD30" s="110">
        <v>0</v>
      </c>
      <c r="ME30" s="111">
        <v>0</v>
      </c>
      <c r="MF30" s="129">
        <v>0</v>
      </c>
      <c r="MG30" s="109">
        <v>0</v>
      </c>
      <c r="MH30" s="110">
        <v>0</v>
      </c>
      <c r="MI30" s="132"/>
      <c r="MJ30" s="109">
        <v>264292</v>
      </c>
      <c r="MK30" s="109">
        <v>452191</v>
      </c>
      <c r="ML30" s="109">
        <v>902519</v>
      </c>
      <c r="MM30" s="109">
        <v>836508</v>
      </c>
      <c r="MN30" s="109">
        <v>627943</v>
      </c>
      <c r="MO30" s="110">
        <v>3083453</v>
      </c>
      <c r="MP30" s="130">
        <v>3083453</v>
      </c>
      <c r="MQ30" s="129">
        <v>0</v>
      </c>
      <c r="MR30" s="109">
        <v>0</v>
      </c>
      <c r="MS30" s="110">
        <v>0</v>
      </c>
      <c r="MT30" s="132"/>
      <c r="MU30" s="109">
        <v>0</v>
      </c>
      <c r="MV30" s="109">
        <v>208531</v>
      </c>
      <c r="MW30" s="109">
        <v>721935</v>
      </c>
      <c r="MX30" s="109">
        <v>437411</v>
      </c>
      <c r="MY30" s="109">
        <v>264568</v>
      </c>
      <c r="MZ30" s="110">
        <v>1632445</v>
      </c>
      <c r="NA30" s="130">
        <v>1632445</v>
      </c>
      <c r="NB30" s="129">
        <v>0</v>
      </c>
      <c r="NC30" s="109">
        <v>0</v>
      </c>
      <c r="ND30" s="110">
        <v>0</v>
      </c>
      <c r="NE30" s="132"/>
      <c r="NF30" s="109">
        <v>264292</v>
      </c>
      <c r="NG30" s="109">
        <v>243660</v>
      </c>
      <c r="NH30" s="109">
        <v>180584</v>
      </c>
      <c r="NI30" s="109">
        <v>399097</v>
      </c>
      <c r="NJ30" s="109">
        <v>363375</v>
      </c>
      <c r="NK30" s="110">
        <v>1451008</v>
      </c>
      <c r="NL30" s="298">
        <v>1451008</v>
      </c>
      <c r="NM30" s="129">
        <v>0</v>
      </c>
      <c r="NN30" s="109">
        <v>0</v>
      </c>
      <c r="NO30" s="110">
        <v>0</v>
      </c>
      <c r="NP30" s="132"/>
      <c r="NQ30" s="109">
        <v>0</v>
      </c>
      <c r="NR30" s="109">
        <v>0</v>
      </c>
      <c r="NS30" s="109">
        <v>0</v>
      </c>
      <c r="NT30" s="109">
        <v>0</v>
      </c>
      <c r="NU30" s="109">
        <v>0</v>
      </c>
      <c r="NV30" s="110">
        <v>0</v>
      </c>
      <c r="NW30" s="111">
        <v>0</v>
      </c>
      <c r="NX30" s="129">
        <v>0</v>
      </c>
      <c r="NY30" s="109">
        <v>0</v>
      </c>
      <c r="NZ30" s="110">
        <v>0</v>
      </c>
      <c r="OA30" s="132"/>
      <c r="OB30" s="109">
        <v>0</v>
      </c>
      <c r="OC30" s="109">
        <v>0</v>
      </c>
      <c r="OD30" s="109">
        <v>0</v>
      </c>
      <c r="OE30" s="109">
        <v>0</v>
      </c>
      <c r="OF30" s="109">
        <v>0</v>
      </c>
      <c r="OG30" s="110">
        <v>0</v>
      </c>
      <c r="OH30" s="111">
        <v>0</v>
      </c>
      <c r="OI30" s="129">
        <v>152049</v>
      </c>
      <c r="OJ30" s="109">
        <v>323789</v>
      </c>
      <c r="OK30" s="128">
        <v>475838</v>
      </c>
      <c r="OL30" s="108">
        <v>0</v>
      </c>
      <c r="OM30" s="109">
        <v>1807675</v>
      </c>
      <c r="ON30" s="109">
        <v>1588489</v>
      </c>
      <c r="OO30" s="109">
        <v>2508134</v>
      </c>
      <c r="OP30" s="109">
        <v>2278614</v>
      </c>
      <c r="OQ30" s="109">
        <v>1290917</v>
      </c>
      <c r="OR30" s="110">
        <v>9473829</v>
      </c>
      <c r="OS30" s="130">
        <v>9949667</v>
      </c>
    </row>
    <row r="31" spans="2:409" ht="21" customHeight="1" x14ac:dyDescent="0.2">
      <c r="B31" s="472" t="s">
        <v>26</v>
      </c>
      <c r="C31" s="100">
        <v>109646</v>
      </c>
      <c r="D31" s="104">
        <v>49404</v>
      </c>
      <c r="E31" s="103">
        <v>159050</v>
      </c>
      <c r="F31" s="99">
        <v>0</v>
      </c>
      <c r="G31" s="104">
        <v>1253304</v>
      </c>
      <c r="H31" s="104">
        <v>1330863</v>
      </c>
      <c r="I31" s="104">
        <v>1579661</v>
      </c>
      <c r="J31" s="104">
        <v>594398</v>
      </c>
      <c r="K31" s="104">
        <v>523068</v>
      </c>
      <c r="L31" s="160">
        <v>5281294</v>
      </c>
      <c r="M31" s="106">
        <v>5440344</v>
      </c>
      <c r="N31" s="100">
        <v>8256</v>
      </c>
      <c r="O31" s="104">
        <v>14204</v>
      </c>
      <c r="P31" s="103">
        <v>22460</v>
      </c>
      <c r="Q31" s="100">
        <v>0</v>
      </c>
      <c r="R31" s="104">
        <v>408295</v>
      </c>
      <c r="S31" s="104">
        <v>551879</v>
      </c>
      <c r="T31" s="104">
        <v>496370</v>
      </c>
      <c r="U31" s="104">
        <v>249611</v>
      </c>
      <c r="V31" s="104">
        <v>459889</v>
      </c>
      <c r="W31" s="103">
        <v>2166044</v>
      </c>
      <c r="X31" s="106">
        <v>2188504</v>
      </c>
      <c r="Y31" s="100">
        <v>0</v>
      </c>
      <c r="Z31" s="104">
        <v>0</v>
      </c>
      <c r="AA31" s="103">
        <v>0</v>
      </c>
      <c r="AB31" s="100">
        <v>0</v>
      </c>
      <c r="AC31" s="104">
        <v>295026</v>
      </c>
      <c r="AD31" s="104">
        <v>262147</v>
      </c>
      <c r="AE31" s="104">
        <v>357850</v>
      </c>
      <c r="AF31" s="104">
        <v>59476</v>
      </c>
      <c r="AG31" s="104">
        <v>293389</v>
      </c>
      <c r="AH31" s="103">
        <v>1267888</v>
      </c>
      <c r="AI31" s="106">
        <v>1267888</v>
      </c>
      <c r="AJ31" s="100">
        <v>0</v>
      </c>
      <c r="AK31" s="104">
        <v>0</v>
      </c>
      <c r="AL31" s="103">
        <v>0</v>
      </c>
      <c r="AM31" s="100">
        <v>0</v>
      </c>
      <c r="AN31" s="104">
        <v>0</v>
      </c>
      <c r="AO31" s="104">
        <v>0</v>
      </c>
      <c r="AP31" s="104">
        <v>0</v>
      </c>
      <c r="AQ31" s="104">
        <v>105228</v>
      </c>
      <c r="AR31" s="104">
        <v>0</v>
      </c>
      <c r="AS31" s="103">
        <v>105228</v>
      </c>
      <c r="AT31" s="106">
        <v>105228</v>
      </c>
      <c r="AU31" s="100">
        <v>0</v>
      </c>
      <c r="AV31" s="104">
        <v>14204</v>
      </c>
      <c r="AW31" s="103">
        <v>14204</v>
      </c>
      <c r="AX31" s="100">
        <v>0</v>
      </c>
      <c r="AY31" s="104">
        <v>90685</v>
      </c>
      <c r="AZ31" s="104">
        <v>201789</v>
      </c>
      <c r="BA31" s="104">
        <v>30704</v>
      </c>
      <c r="BB31" s="104">
        <v>11803</v>
      </c>
      <c r="BC31" s="104">
        <v>151476</v>
      </c>
      <c r="BD31" s="103">
        <v>486457</v>
      </c>
      <c r="BE31" s="106">
        <v>500661</v>
      </c>
      <c r="BF31" s="100">
        <v>0</v>
      </c>
      <c r="BG31" s="104">
        <v>0</v>
      </c>
      <c r="BH31" s="102">
        <v>0</v>
      </c>
      <c r="BI31" s="101">
        <v>0</v>
      </c>
      <c r="BJ31" s="104">
        <v>0</v>
      </c>
      <c r="BK31" s="104">
        <v>71103</v>
      </c>
      <c r="BL31" s="104">
        <v>0</v>
      </c>
      <c r="BM31" s="104">
        <v>0</v>
      </c>
      <c r="BN31" s="104">
        <v>0</v>
      </c>
      <c r="BO31" s="103">
        <v>71103</v>
      </c>
      <c r="BP31" s="106">
        <v>71103</v>
      </c>
      <c r="BQ31" s="100">
        <v>8256</v>
      </c>
      <c r="BR31" s="104">
        <v>0</v>
      </c>
      <c r="BS31" s="103">
        <v>8256</v>
      </c>
      <c r="BT31" s="100">
        <v>0</v>
      </c>
      <c r="BU31" s="104">
        <v>22584</v>
      </c>
      <c r="BV31" s="104">
        <v>16840</v>
      </c>
      <c r="BW31" s="104">
        <v>107816</v>
      </c>
      <c r="BX31" s="104">
        <v>73104</v>
      </c>
      <c r="BY31" s="104">
        <v>15024</v>
      </c>
      <c r="BZ31" s="103">
        <v>235368</v>
      </c>
      <c r="CA31" s="106">
        <v>243624</v>
      </c>
      <c r="CB31" s="100">
        <v>0</v>
      </c>
      <c r="CC31" s="104">
        <v>0</v>
      </c>
      <c r="CD31" s="103">
        <v>0</v>
      </c>
      <c r="CE31" s="100">
        <v>0</v>
      </c>
      <c r="CF31" s="104">
        <v>466438</v>
      </c>
      <c r="CG31" s="104">
        <v>512061</v>
      </c>
      <c r="CH31" s="104">
        <v>288617</v>
      </c>
      <c r="CI31" s="104">
        <v>57071</v>
      </c>
      <c r="CJ31" s="104">
        <v>0</v>
      </c>
      <c r="CK31" s="103">
        <v>1324187</v>
      </c>
      <c r="CL31" s="106">
        <v>1324187</v>
      </c>
      <c r="CM31" s="100">
        <v>0</v>
      </c>
      <c r="CN31" s="104">
        <v>0</v>
      </c>
      <c r="CO31" s="103">
        <v>0</v>
      </c>
      <c r="CP31" s="101">
        <v>0</v>
      </c>
      <c r="CQ31" s="104">
        <v>307160</v>
      </c>
      <c r="CR31" s="104">
        <v>350426</v>
      </c>
      <c r="CS31" s="104">
        <v>288617</v>
      </c>
      <c r="CT31" s="104">
        <v>0</v>
      </c>
      <c r="CU31" s="104">
        <v>0</v>
      </c>
      <c r="CV31" s="103">
        <v>946203</v>
      </c>
      <c r="CW31" s="106">
        <v>946203</v>
      </c>
      <c r="CX31" s="100">
        <v>0</v>
      </c>
      <c r="CY31" s="104">
        <v>0</v>
      </c>
      <c r="CZ31" s="103">
        <v>0</v>
      </c>
      <c r="DA31" s="100">
        <v>0</v>
      </c>
      <c r="DB31" s="104">
        <v>159278</v>
      </c>
      <c r="DC31" s="104">
        <v>161635</v>
      </c>
      <c r="DD31" s="104">
        <v>0</v>
      </c>
      <c r="DE31" s="104">
        <v>57071</v>
      </c>
      <c r="DF31" s="104">
        <v>0</v>
      </c>
      <c r="DG31" s="103">
        <v>377984</v>
      </c>
      <c r="DH31" s="106">
        <v>377984</v>
      </c>
      <c r="DI31" s="100">
        <v>0</v>
      </c>
      <c r="DJ31" s="104">
        <v>0</v>
      </c>
      <c r="DK31" s="102">
        <v>0</v>
      </c>
      <c r="DL31" s="101">
        <v>0</v>
      </c>
      <c r="DM31" s="104">
        <v>109759</v>
      </c>
      <c r="DN31" s="104">
        <v>168443</v>
      </c>
      <c r="DO31" s="104">
        <v>78265</v>
      </c>
      <c r="DP31" s="104">
        <v>127372</v>
      </c>
      <c r="DQ31" s="104">
        <v>22619</v>
      </c>
      <c r="DR31" s="103">
        <v>506458</v>
      </c>
      <c r="DS31" s="106">
        <v>506458</v>
      </c>
      <c r="DT31" s="100">
        <v>0</v>
      </c>
      <c r="DU31" s="104">
        <v>0</v>
      </c>
      <c r="DV31" s="103">
        <v>0</v>
      </c>
      <c r="DW31" s="100">
        <v>0</v>
      </c>
      <c r="DX31" s="104">
        <v>109759</v>
      </c>
      <c r="DY31" s="104">
        <v>168443</v>
      </c>
      <c r="DZ31" s="104">
        <v>0</v>
      </c>
      <c r="EA31" s="104">
        <v>0</v>
      </c>
      <c r="EB31" s="104">
        <v>22619</v>
      </c>
      <c r="EC31" s="103">
        <v>300821</v>
      </c>
      <c r="ED31" s="106">
        <v>300821</v>
      </c>
      <c r="EE31" s="100">
        <v>0</v>
      </c>
      <c r="EF31" s="102">
        <v>0</v>
      </c>
      <c r="EG31" s="103">
        <v>0</v>
      </c>
      <c r="EH31" s="100">
        <v>0</v>
      </c>
      <c r="EI31" s="104">
        <v>0</v>
      </c>
      <c r="EJ31" s="104">
        <v>0</v>
      </c>
      <c r="EK31" s="104">
        <v>78265</v>
      </c>
      <c r="EL31" s="104">
        <v>127372</v>
      </c>
      <c r="EM31" s="104">
        <v>0</v>
      </c>
      <c r="EN31" s="102">
        <v>205637</v>
      </c>
      <c r="EO31" s="106">
        <v>205637</v>
      </c>
      <c r="EP31" s="100">
        <v>0</v>
      </c>
      <c r="EQ31" s="104">
        <v>0</v>
      </c>
      <c r="ER31" s="102">
        <v>0</v>
      </c>
      <c r="ES31" s="101">
        <v>0</v>
      </c>
      <c r="ET31" s="104">
        <v>0</v>
      </c>
      <c r="EU31" s="104">
        <v>0</v>
      </c>
      <c r="EV31" s="104">
        <v>0</v>
      </c>
      <c r="EW31" s="104">
        <v>0</v>
      </c>
      <c r="EX31" s="104">
        <v>0</v>
      </c>
      <c r="EY31" s="103">
        <v>0</v>
      </c>
      <c r="EZ31" s="106">
        <v>0</v>
      </c>
      <c r="FA31" s="100">
        <v>0</v>
      </c>
      <c r="FB31" s="104">
        <v>0</v>
      </c>
      <c r="FC31" s="102">
        <v>0</v>
      </c>
      <c r="FD31" s="324"/>
      <c r="FE31" s="104">
        <v>0</v>
      </c>
      <c r="FF31" s="104">
        <v>0</v>
      </c>
      <c r="FG31" s="104">
        <v>0</v>
      </c>
      <c r="FH31" s="104">
        <v>0</v>
      </c>
      <c r="FI31" s="104">
        <v>0</v>
      </c>
      <c r="FJ31" s="103">
        <v>0</v>
      </c>
      <c r="FK31" s="106">
        <v>0</v>
      </c>
      <c r="FL31" s="100">
        <v>47360</v>
      </c>
      <c r="FM31" s="104">
        <v>35200</v>
      </c>
      <c r="FN31" s="103">
        <v>82560</v>
      </c>
      <c r="FO31" s="100">
        <v>0</v>
      </c>
      <c r="FP31" s="104">
        <v>111600</v>
      </c>
      <c r="FQ31" s="104">
        <v>98480</v>
      </c>
      <c r="FR31" s="104">
        <v>161917</v>
      </c>
      <c r="FS31" s="104">
        <v>160344</v>
      </c>
      <c r="FT31" s="104">
        <v>40560</v>
      </c>
      <c r="FU31" s="103">
        <v>572901</v>
      </c>
      <c r="FV31" s="106">
        <v>655461</v>
      </c>
      <c r="FW31" s="105">
        <v>47360</v>
      </c>
      <c r="FX31" s="104">
        <v>35200</v>
      </c>
      <c r="FY31" s="102">
        <v>82560</v>
      </c>
      <c r="FZ31" s="101">
        <v>0</v>
      </c>
      <c r="GA31" s="104">
        <v>111600</v>
      </c>
      <c r="GB31" s="104">
        <v>98480</v>
      </c>
      <c r="GC31" s="104">
        <v>81200</v>
      </c>
      <c r="GD31" s="104">
        <v>160344</v>
      </c>
      <c r="GE31" s="104">
        <v>40560</v>
      </c>
      <c r="GF31" s="103">
        <v>492184</v>
      </c>
      <c r="GG31" s="296">
        <v>574744</v>
      </c>
      <c r="GH31" s="105">
        <v>0</v>
      </c>
      <c r="GI31" s="104">
        <v>0</v>
      </c>
      <c r="GJ31" s="102">
        <v>0</v>
      </c>
      <c r="GK31" s="101">
        <v>0</v>
      </c>
      <c r="GL31" s="104">
        <v>0</v>
      </c>
      <c r="GM31" s="104">
        <v>0</v>
      </c>
      <c r="GN31" s="104">
        <v>0</v>
      </c>
      <c r="GO31" s="104">
        <v>0</v>
      </c>
      <c r="GP31" s="104">
        <v>0</v>
      </c>
      <c r="GQ31" s="103">
        <v>0</v>
      </c>
      <c r="GR31" s="106">
        <v>0</v>
      </c>
      <c r="GS31" s="100">
        <v>0</v>
      </c>
      <c r="GT31" s="104">
        <v>0</v>
      </c>
      <c r="GU31" s="103">
        <v>0</v>
      </c>
      <c r="GV31" s="100">
        <v>0</v>
      </c>
      <c r="GW31" s="104">
        <v>0</v>
      </c>
      <c r="GX31" s="104">
        <v>0</v>
      </c>
      <c r="GY31" s="104">
        <v>80717</v>
      </c>
      <c r="GZ31" s="104">
        <v>0</v>
      </c>
      <c r="HA31" s="104">
        <v>0</v>
      </c>
      <c r="HB31" s="102">
        <v>80717</v>
      </c>
      <c r="HC31" s="106">
        <v>80717</v>
      </c>
      <c r="HD31" s="100">
        <v>54030</v>
      </c>
      <c r="HE31" s="104">
        <v>0</v>
      </c>
      <c r="HF31" s="102">
        <v>54030</v>
      </c>
      <c r="HG31" s="101">
        <v>0</v>
      </c>
      <c r="HH31" s="104">
        <v>157212</v>
      </c>
      <c r="HI31" s="104">
        <v>0</v>
      </c>
      <c r="HJ31" s="104">
        <v>554492</v>
      </c>
      <c r="HK31" s="104">
        <v>0</v>
      </c>
      <c r="HL31" s="104">
        <v>0</v>
      </c>
      <c r="HM31" s="103">
        <v>711704</v>
      </c>
      <c r="HN31" s="99">
        <v>765734</v>
      </c>
      <c r="HO31" s="306"/>
      <c r="HP31" s="307"/>
      <c r="HQ31" s="308"/>
      <c r="HR31" s="309"/>
      <c r="HS31" s="307"/>
      <c r="HT31" s="307"/>
      <c r="HU31" s="307"/>
      <c r="HV31" s="307"/>
      <c r="HW31" s="307"/>
      <c r="HX31" s="310"/>
      <c r="HY31" s="311"/>
      <c r="HZ31" s="118">
        <v>0</v>
      </c>
      <c r="IA31" s="119">
        <v>0</v>
      </c>
      <c r="IB31" s="120">
        <v>0</v>
      </c>
      <c r="IC31" s="133">
        <v>0</v>
      </c>
      <c r="ID31" s="119">
        <v>260978</v>
      </c>
      <c r="IE31" s="134">
        <v>330550</v>
      </c>
      <c r="IF31" s="120">
        <v>164494</v>
      </c>
      <c r="IG31" s="119">
        <v>812404</v>
      </c>
      <c r="IH31" s="120">
        <v>44300</v>
      </c>
      <c r="II31" s="135">
        <v>1612726</v>
      </c>
      <c r="IJ31" s="126">
        <v>1612726</v>
      </c>
      <c r="IK31" s="219">
        <v>0</v>
      </c>
      <c r="IL31" s="223">
        <v>0</v>
      </c>
      <c r="IM31" s="224">
        <v>0</v>
      </c>
      <c r="IN31" s="127"/>
      <c r="IO31" s="109">
        <v>0</v>
      </c>
      <c r="IP31" s="109">
        <v>0</v>
      </c>
      <c r="IQ31" s="109">
        <v>0</v>
      </c>
      <c r="IR31" s="109">
        <v>0</v>
      </c>
      <c r="IS31" s="109">
        <v>0</v>
      </c>
      <c r="IT31" s="128">
        <v>0</v>
      </c>
      <c r="IU31" s="298">
        <v>0</v>
      </c>
      <c r="IV31" s="129">
        <v>0</v>
      </c>
      <c r="IW31" s="109">
        <v>0</v>
      </c>
      <c r="IX31" s="110">
        <v>0</v>
      </c>
      <c r="IY31" s="131"/>
      <c r="IZ31" s="109">
        <v>0</v>
      </c>
      <c r="JA31" s="109">
        <v>0</v>
      </c>
      <c r="JB31" s="109">
        <v>0</v>
      </c>
      <c r="JC31" s="109">
        <v>0</v>
      </c>
      <c r="JD31" s="109">
        <v>0</v>
      </c>
      <c r="JE31" s="110">
        <v>0</v>
      </c>
      <c r="JF31" s="111">
        <v>0</v>
      </c>
      <c r="JG31" s="129">
        <v>0</v>
      </c>
      <c r="JH31" s="109">
        <v>0</v>
      </c>
      <c r="JI31" s="128">
        <v>0</v>
      </c>
      <c r="JJ31" s="108">
        <v>0</v>
      </c>
      <c r="JK31" s="109">
        <v>260978</v>
      </c>
      <c r="JL31" s="109">
        <v>50314</v>
      </c>
      <c r="JM31" s="109">
        <v>46510</v>
      </c>
      <c r="JN31" s="109">
        <v>38968</v>
      </c>
      <c r="JO31" s="109">
        <v>44300</v>
      </c>
      <c r="JP31" s="110">
        <v>441070</v>
      </c>
      <c r="JQ31" s="298">
        <v>441070</v>
      </c>
      <c r="JR31" s="129">
        <v>0</v>
      </c>
      <c r="JS31" s="109">
        <v>0</v>
      </c>
      <c r="JT31" s="128">
        <v>0</v>
      </c>
      <c r="JU31" s="108">
        <v>0</v>
      </c>
      <c r="JV31" s="109">
        <v>0</v>
      </c>
      <c r="JW31" s="109">
        <v>39072</v>
      </c>
      <c r="JX31" s="109">
        <v>117984</v>
      </c>
      <c r="JY31" s="109">
        <v>0</v>
      </c>
      <c r="JZ31" s="109">
        <v>0</v>
      </c>
      <c r="KA31" s="110">
        <v>157056</v>
      </c>
      <c r="KB31" s="298">
        <v>157056</v>
      </c>
      <c r="KC31" s="221">
        <v>0</v>
      </c>
      <c r="KD31" s="217">
        <v>0</v>
      </c>
      <c r="KE31" s="110">
        <v>0</v>
      </c>
      <c r="KF31" s="108">
        <v>0</v>
      </c>
      <c r="KG31" s="109">
        <v>0</v>
      </c>
      <c r="KH31" s="109">
        <v>0</v>
      </c>
      <c r="KI31" s="109">
        <v>0</v>
      </c>
      <c r="KJ31" s="109">
        <v>0</v>
      </c>
      <c r="KK31" s="109">
        <v>0</v>
      </c>
      <c r="KL31" s="110">
        <v>0</v>
      </c>
      <c r="KM31" s="130">
        <v>0</v>
      </c>
      <c r="KN31" s="219">
        <v>0</v>
      </c>
      <c r="KO31" s="223">
        <v>0</v>
      </c>
      <c r="KP31" s="224">
        <v>0</v>
      </c>
      <c r="KQ31" s="127"/>
      <c r="KR31" s="109">
        <v>0</v>
      </c>
      <c r="KS31" s="109">
        <v>241164</v>
      </c>
      <c r="KT31" s="109">
        <v>0</v>
      </c>
      <c r="KU31" s="109">
        <v>773436</v>
      </c>
      <c r="KV31" s="109">
        <v>0</v>
      </c>
      <c r="KW31" s="110">
        <v>1014600</v>
      </c>
      <c r="KX31" s="298">
        <v>1014600</v>
      </c>
      <c r="KY31" s="129">
        <v>0</v>
      </c>
      <c r="KZ31" s="109">
        <v>0</v>
      </c>
      <c r="LA31" s="110">
        <v>0</v>
      </c>
      <c r="LB31" s="132"/>
      <c r="LC31" s="109">
        <v>0</v>
      </c>
      <c r="LD31" s="109">
        <v>0</v>
      </c>
      <c r="LE31" s="109">
        <v>0</v>
      </c>
      <c r="LF31" s="109">
        <v>0</v>
      </c>
      <c r="LG31" s="109">
        <v>0</v>
      </c>
      <c r="LH31" s="110">
        <v>0</v>
      </c>
      <c r="LI31" s="111">
        <v>0</v>
      </c>
      <c r="LJ31" s="129">
        <v>0</v>
      </c>
      <c r="LK31" s="109">
        <v>0</v>
      </c>
      <c r="LL31" s="110">
        <v>0</v>
      </c>
      <c r="LM31" s="132"/>
      <c r="LN31" s="109">
        <v>0</v>
      </c>
      <c r="LO31" s="109">
        <v>0</v>
      </c>
      <c r="LP31" s="109">
        <v>0</v>
      </c>
      <c r="LQ31" s="109">
        <v>0</v>
      </c>
      <c r="LR31" s="109">
        <v>0</v>
      </c>
      <c r="LS31" s="110">
        <v>0</v>
      </c>
      <c r="LT31" s="298">
        <v>0</v>
      </c>
      <c r="LU31" s="129">
        <v>0</v>
      </c>
      <c r="LV31" s="109">
        <v>0</v>
      </c>
      <c r="LW31" s="110">
        <v>0</v>
      </c>
      <c r="LX31" s="132"/>
      <c r="LY31" s="109">
        <v>0</v>
      </c>
      <c r="LZ31" s="109">
        <v>0</v>
      </c>
      <c r="MA31" s="109">
        <v>0</v>
      </c>
      <c r="MB31" s="109">
        <v>0</v>
      </c>
      <c r="MC31" s="109">
        <v>0</v>
      </c>
      <c r="MD31" s="110">
        <v>0</v>
      </c>
      <c r="ME31" s="111">
        <v>0</v>
      </c>
      <c r="MF31" s="129">
        <v>0</v>
      </c>
      <c r="MG31" s="109">
        <v>0</v>
      </c>
      <c r="MH31" s="110">
        <v>0</v>
      </c>
      <c r="MI31" s="132"/>
      <c r="MJ31" s="109">
        <v>0</v>
      </c>
      <c r="MK31" s="109">
        <v>238838</v>
      </c>
      <c r="ML31" s="109">
        <v>793768</v>
      </c>
      <c r="MM31" s="109">
        <v>925502</v>
      </c>
      <c r="MN31" s="109">
        <v>275457</v>
      </c>
      <c r="MO31" s="110">
        <v>2233565</v>
      </c>
      <c r="MP31" s="130">
        <v>2233565</v>
      </c>
      <c r="MQ31" s="129">
        <v>0</v>
      </c>
      <c r="MR31" s="109">
        <v>0</v>
      </c>
      <c r="MS31" s="110">
        <v>0</v>
      </c>
      <c r="MT31" s="132"/>
      <c r="MU31" s="109">
        <v>0</v>
      </c>
      <c r="MV31" s="109">
        <v>0</v>
      </c>
      <c r="MW31" s="109">
        <v>495521</v>
      </c>
      <c r="MX31" s="109">
        <v>925502</v>
      </c>
      <c r="MY31" s="109">
        <v>275457</v>
      </c>
      <c r="MZ31" s="110">
        <v>1696480</v>
      </c>
      <c r="NA31" s="130">
        <v>1696480</v>
      </c>
      <c r="NB31" s="129">
        <v>0</v>
      </c>
      <c r="NC31" s="109">
        <v>0</v>
      </c>
      <c r="ND31" s="110">
        <v>0</v>
      </c>
      <c r="NE31" s="132"/>
      <c r="NF31" s="109">
        <v>0</v>
      </c>
      <c r="NG31" s="109">
        <v>238838</v>
      </c>
      <c r="NH31" s="109">
        <v>298247</v>
      </c>
      <c r="NI31" s="109">
        <v>0</v>
      </c>
      <c r="NJ31" s="109">
        <v>0</v>
      </c>
      <c r="NK31" s="110">
        <v>537085</v>
      </c>
      <c r="NL31" s="298">
        <v>537085</v>
      </c>
      <c r="NM31" s="129">
        <v>0</v>
      </c>
      <c r="NN31" s="109">
        <v>0</v>
      </c>
      <c r="NO31" s="110">
        <v>0</v>
      </c>
      <c r="NP31" s="132"/>
      <c r="NQ31" s="109">
        <v>0</v>
      </c>
      <c r="NR31" s="109">
        <v>0</v>
      </c>
      <c r="NS31" s="109">
        <v>0</v>
      </c>
      <c r="NT31" s="109">
        <v>0</v>
      </c>
      <c r="NU31" s="109">
        <v>0</v>
      </c>
      <c r="NV31" s="110">
        <v>0</v>
      </c>
      <c r="NW31" s="111">
        <v>0</v>
      </c>
      <c r="NX31" s="129">
        <v>0</v>
      </c>
      <c r="NY31" s="109">
        <v>0</v>
      </c>
      <c r="NZ31" s="110">
        <v>0</v>
      </c>
      <c r="OA31" s="132"/>
      <c r="OB31" s="109">
        <v>0</v>
      </c>
      <c r="OC31" s="109">
        <v>0</v>
      </c>
      <c r="OD31" s="109">
        <v>0</v>
      </c>
      <c r="OE31" s="109">
        <v>0</v>
      </c>
      <c r="OF31" s="109">
        <v>0</v>
      </c>
      <c r="OG31" s="110">
        <v>0</v>
      </c>
      <c r="OH31" s="111">
        <v>0</v>
      </c>
      <c r="OI31" s="129">
        <v>109646</v>
      </c>
      <c r="OJ31" s="109">
        <v>49404</v>
      </c>
      <c r="OK31" s="128">
        <v>159050</v>
      </c>
      <c r="OL31" s="108">
        <v>0</v>
      </c>
      <c r="OM31" s="109">
        <v>1514282</v>
      </c>
      <c r="ON31" s="109">
        <v>1900251</v>
      </c>
      <c r="OO31" s="109">
        <v>2537923</v>
      </c>
      <c r="OP31" s="109">
        <v>2332304</v>
      </c>
      <c r="OQ31" s="109">
        <v>842825</v>
      </c>
      <c r="OR31" s="110">
        <v>9127585</v>
      </c>
      <c r="OS31" s="130">
        <v>9286635</v>
      </c>
    </row>
    <row r="32" spans="2:409" ht="21" customHeight="1" x14ac:dyDescent="0.2">
      <c r="B32" s="472" t="s">
        <v>27</v>
      </c>
      <c r="C32" s="100">
        <v>173074</v>
      </c>
      <c r="D32" s="104">
        <v>270580</v>
      </c>
      <c r="E32" s="103">
        <v>443654</v>
      </c>
      <c r="F32" s="99">
        <v>0</v>
      </c>
      <c r="G32" s="104">
        <v>1200765</v>
      </c>
      <c r="H32" s="104">
        <v>1586826</v>
      </c>
      <c r="I32" s="104">
        <v>965735</v>
      </c>
      <c r="J32" s="104">
        <v>1420474</v>
      </c>
      <c r="K32" s="104">
        <v>710052</v>
      </c>
      <c r="L32" s="160">
        <v>5883852</v>
      </c>
      <c r="M32" s="106">
        <v>6327506</v>
      </c>
      <c r="N32" s="100">
        <v>15056</v>
      </c>
      <c r="O32" s="104">
        <v>102346</v>
      </c>
      <c r="P32" s="103">
        <v>117402</v>
      </c>
      <c r="Q32" s="100">
        <v>0</v>
      </c>
      <c r="R32" s="104">
        <v>345841</v>
      </c>
      <c r="S32" s="104">
        <v>584100</v>
      </c>
      <c r="T32" s="104">
        <v>303481</v>
      </c>
      <c r="U32" s="104">
        <v>386412</v>
      </c>
      <c r="V32" s="104">
        <v>645844</v>
      </c>
      <c r="W32" s="103">
        <v>2265678</v>
      </c>
      <c r="X32" s="106">
        <v>2383080</v>
      </c>
      <c r="Y32" s="100">
        <v>0</v>
      </c>
      <c r="Z32" s="104">
        <v>0</v>
      </c>
      <c r="AA32" s="103">
        <v>0</v>
      </c>
      <c r="AB32" s="100">
        <v>0</v>
      </c>
      <c r="AC32" s="104">
        <v>63110</v>
      </c>
      <c r="AD32" s="104">
        <v>218935</v>
      </c>
      <c r="AE32" s="104">
        <v>103369</v>
      </c>
      <c r="AF32" s="104">
        <v>216142</v>
      </c>
      <c r="AG32" s="104">
        <v>448263</v>
      </c>
      <c r="AH32" s="103">
        <v>1049819</v>
      </c>
      <c r="AI32" s="106">
        <v>1049819</v>
      </c>
      <c r="AJ32" s="100">
        <v>0</v>
      </c>
      <c r="AK32" s="104">
        <v>0</v>
      </c>
      <c r="AL32" s="103">
        <v>0</v>
      </c>
      <c r="AM32" s="100">
        <v>0</v>
      </c>
      <c r="AN32" s="104">
        <v>0</v>
      </c>
      <c r="AO32" s="104">
        <v>0</v>
      </c>
      <c r="AP32" s="104">
        <v>0</v>
      </c>
      <c r="AQ32" s="104">
        <v>0</v>
      </c>
      <c r="AR32" s="104">
        <v>0</v>
      </c>
      <c r="AS32" s="103">
        <v>0</v>
      </c>
      <c r="AT32" s="106">
        <v>0</v>
      </c>
      <c r="AU32" s="100">
        <v>0</v>
      </c>
      <c r="AV32" s="104">
        <v>97234</v>
      </c>
      <c r="AW32" s="103">
        <v>97234</v>
      </c>
      <c r="AX32" s="100">
        <v>0</v>
      </c>
      <c r="AY32" s="104">
        <v>211763</v>
      </c>
      <c r="AZ32" s="104">
        <v>272753</v>
      </c>
      <c r="BA32" s="104">
        <v>155352</v>
      </c>
      <c r="BB32" s="104">
        <v>100422</v>
      </c>
      <c r="BC32" s="104">
        <v>170797</v>
      </c>
      <c r="BD32" s="103">
        <v>911087</v>
      </c>
      <c r="BE32" s="106">
        <v>1008321</v>
      </c>
      <c r="BF32" s="100">
        <v>0</v>
      </c>
      <c r="BG32" s="104">
        <v>0</v>
      </c>
      <c r="BH32" s="102">
        <v>0</v>
      </c>
      <c r="BI32" s="101">
        <v>0</v>
      </c>
      <c r="BJ32" s="104">
        <v>0</v>
      </c>
      <c r="BK32" s="104">
        <v>23700</v>
      </c>
      <c r="BL32" s="104">
        <v>0</v>
      </c>
      <c r="BM32" s="104">
        <v>0</v>
      </c>
      <c r="BN32" s="104">
        <v>0</v>
      </c>
      <c r="BO32" s="103">
        <v>23700</v>
      </c>
      <c r="BP32" s="106">
        <v>23700</v>
      </c>
      <c r="BQ32" s="100">
        <v>15056</v>
      </c>
      <c r="BR32" s="104">
        <v>5112</v>
      </c>
      <c r="BS32" s="103">
        <v>20168</v>
      </c>
      <c r="BT32" s="100">
        <v>0</v>
      </c>
      <c r="BU32" s="104">
        <v>70968</v>
      </c>
      <c r="BV32" s="104">
        <v>68712</v>
      </c>
      <c r="BW32" s="104">
        <v>44760</v>
      </c>
      <c r="BX32" s="104">
        <v>69848</v>
      </c>
      <c r="BY32" s="104">
        <v>26784</v>
      </c>
      <c r="BZ32" s="103">
        <v>281072</v>
      </c>
      <c r="CA32" s="106">
        <v>301240</v>
      </c>
      <c r="CB32" s="100">
        <v>0</v>
      </c>
      <c r="CC32" s="104">
        <v>79762</v>
      </c>
      <c r="CD32" s="103">
        <v>79762</v>
      </c>
      <c r="CE32" s="100">
        <v>0</v>
      </c>
      <c r="CF32" s="104">
        <v>501024</v>
      </c>
      <c r="CG32" s="104">
        <v>772400</v>
      </c>
      <c r="CH32" s="104">
        <v>488310</v>
      </c>
      <c r="CI32" s="104">
        <v>297062</v>
      </c>
      <c r="CJ32" s="104">
        <v>0</v>
      </c>
      <c r="CK32" s="103">
        <v>2058796</v>
      </c>
      <c r="CL32" s="106">
        <v>2138558</v>
      </c>
      <c r="CM32" s="100">
        <v>0</v>
      </c>
      <c r="CN32" s="104">
        <v>0</v>
      </c>
      <c r="CO32" s="103">
        <v>0</v>
      </c>
      <c r="CP32" s="101">
        <v>0</v>
      </c>
      <c r="CQ32" s="104">
        <v>436680</v>
      </c>
      <c r="CR32" s="104">
        <v>509484</v>
      </c>
      <c r="CS32" s="104">
        <v>331015</v>
      </c>
      <c r="CT32" s="104">
        <v>297062</v>
      </c>
      <c r="CU32" s="104">
        <v>0</v>
      </c>
      <c r="CV32" s="103">
        <v>1574241</v>
      </c>
      <c r="CW32" s="106">
        <v>1574241</v>
      </c>
      <c r="CX32" s="100">
        <v>0</v>
      </c>
      <c r="CY32" s="104">
        <v>79762</v>
      </c>
      <c r="CZ32" s="103">
        <v>79762</v>
      </c>
      <c r="DA32" s="100">
        <v>0</v>
      </c>
      <c r="DB32" s="104">
        <v>64344</v>
      </c>
      <c r="DC32" s="104">
        <v>262916</v>
      </c>
      <c r="DD32" s="104">
        <v>157295</v>
      </c>
      <c r="DE32" s="104">
        <v>0</v>
      </c>
      <c r="DF32" s="104">
        <v>0</v>
      </c>
      <c r="DG32" s="103">
        <v>484555</v>
      </c>
      <c r="DH32" s="106">
        <v>564317</v>
      </c>
      <c r="DI32" s="100">
        <v>0</v>
      </c>
      <c r="DJ32" s="104">
        <v>13592</v>
      </c>
      <c r="DK32" s="102">
        <v>13592</v>
      </c>
      <c r="DL32" s="101">
        <v>0</v>
      </c>
      <c r="DM32" s="104">
        <v>0</v>
      </c>
      <c r="DN32" s="104">
        <v>22078</v>
      </c>
      <c r="DO32" s="104">
        <v>34616</v>
      </c>
      <c r="DP32" s="104">
        <v>0</v>
      </c>
      <c r="DQ32" s="104">
        <v>0</v>
      </c>
      <c r="DR32" s="103">
        <v>56694</v>
      </c>
      <c r="DS32" s="106">
        <v>70286</v>
      </c>
      <c r="DT32" s="100">
        <v>0</v>
      </c>
      <c r="DU32" s="104">
        <v>13592</v>
      </c>
      <c r="DV32" s="103">
        <v>13592</v>
      </c>
      <c r="DW32" s="100">
        <v>0</v>
      </c>
      <c r="DX32" s="104">
        <v>0</v>
      </c>
      <c r="DY32" s="104">
        <v>22078</v>
      </c>
      <c r="DZ32" s="104">
        <v>34616</v>
      </c>
      <c r="EA32" s="104">
        <v>0</v>
      </c>
      <c r="EB32" s="104">
        <v>0</v>
      </c>
      <c r="EC32" s="103">
        <v>56694</v>
      </c>
      <c r="ED32" s="106">
        <v>70286</v>
      </c>
      <c r="EE32" s="100">
        <v>0</v>
      </c>
      <c r="EF32" s="102">
        <v>0</v>
      </c>
      <c r="EG32" s="103">
        <v>0</v>
      </c>
      <c r="EH32" s="100">
        <v>0</v>
      </c>
      <c r="EI32" s="104">
        <v>0</v>
      </c>
      <c r="EJ32" s="104">
        <v>0</v>
      </c>
      <c r="EK32" s="104">
        <v>0</v>
      </c>
      <c r="EL32" s="104">
        <v>0</v>
      </c>
      <c r="EM32" s="104">
        <v>0</v>
      </c>
      <c r="EN32" s="102">
        <v>0</v>
      </c>
      <c r="EO32" s="106">
        <v>0</v>
      </c>
      <c r="EP32" s="100">
        <v>0</v>
      </c>
      <c r="EQ32" s="104">
        <v>0</v>
      </c>
      <c r="ER32" s="102">
        <v>0</v>
      </c>
      <c r="ES32" s="101">
        <v>0</v>
      </c>
      <c r="ET32" s="104">
        <v>0</v>
      </c>
      <c r="EU32" s="104">
        <v>0</v>
      </c>
      <c r="EV32" s="104">
        <v>0</v>
      </c>
      <c r="EW32" s="104">
        <v>0</v>
      </c>
      <c r="EX32" s="104">
        <v>0</v>
      </c>
      <c r="EY32" s="103">
        <v>0</v>
      </c>
      <c r="EZ32" s="106">
        <v>0</v>
      </c>
      <c r="FA32" s="100">
        <v>0</v>
      </c>
      <c r="FB32" s="104">
        <v>0</v>
      </c>
      <c r="FC32" s="102">
        <v>0</v>
      </c>
      <c r="FD32" s="324"/>
      <c r="FE32" s="104">
        <v>0</v>
      </c>
      <c r="FF32" s="104">
        <v>0</v>
      </c>
      <c r="FG32" s="104">
        <v>0</v>
      </c>
      <c r="FH32" s="104">
        <v>0</v>
      </c>
      <c r="FI32" s="104">
        <v>0</v>
      </c>
      <c r="FJ32" s="103">
        <v>0</v>
      </c>
      <c r="FK32" s="106">
        <v>0</v>
      </c>
      <c r="FL32" s="100">
        <v>53200</v>
      </c>
      <c r="FM32" s="104">
        <v>74880</v>
      </c>
      <c r="FN32" s="103">
        <v>128080</v>
      </c>
      <c r="FO32" s="100">
        <v>0</v>
      </c>
      <c r="FP32" s="104">
        <v>34976</v>
      </c>
      <c r="FQ32" s="104">
        <v>208248</v>
      </c>
      <c r="FR32" s="104">
        <v>139328</v>
      </c>
      <c r="FS32" s="104">
        <v>32688</v>
      </c>
      <c r="FT32" s="104">
        <v>64208</v>
      </c>
      <c r="FU32" s="103">
        <v>479448</v>
      </c>
      <c r="FV32" s="106">
        <v>607528</v>
      </c>
      <c r="FW32" s="105">
        <v>18000</v>
      </c>
      <c r="FX32" s="104">
        <v>74880</v>
      </c>
      <c r="FY32" s="102">
        <v>92880</v>
      </c>
      <c r="FZ32" s="101">
        <v>0</v>
      </c>
      <c r="GA32" s="104">
        <v>12800</v>
      </c>
      <c r="GB32" s="104">
        <v>208248</v>
      </c>
      <c r="GC32" s="104">
        <v>123136</v>
      </c>
      <c r="GD32" s="104">
        <v>32688</v>
      </c>
      <c r="GE32" s="104">
        <v>64208</v>
      </c>
      <c r="GF32" s="103">
        <v>441080</v>
      </c>
      <c r="GG32" s="296">
        <v>533960</v>
      </c>
      <c r="GH32" s="105">
        <v>0</v>
      </c>
      <c r="GI32" s="104">
        <v>0</v>
      </c>
      <c r="GJ32" s="102">
        <v>0</v>
      </c>
      <c r="GK32" s="101">
        <v>0</v>
      </c>
      <c r="GL32" s="104">
        <v>22176</v>
      </c>
      <c r="GM32" s="104">
        <v>0</v>
      </c>
      <c r="GN32" s="104">
        <v>16192</v>
      </c>
      <c r="GO32" s="104">
        <v>0</v>
      </c>
      <c r="GP32" s="104">
        <v>0</v>
      </c>
      <c r="GQ32" s="103">
        <v>38368</v>
      </c>
      <c r="GR32" s="106">
        <v>38368</v>
      </c>
      <c r="GS32" s="100">
        <v>35200</v>
      </c>
      <c r="GT32" s="104">
        <v>0</v>
      </c>
      <c r="GU32" s="103">
        <v>35200</v>
      </c>
      <c r="GV32" s="100">
        <v>0</v>
      </c>
      <c r="GW32" s="104">
        <v>0</v>
      </c>
      <c r="GX32" s="104">
        <v>0</v>
      </c>
      <c r="GY32" s="104">
        <v>0</v>
      </c>
      <c r="GZ32" s="104">
        <v>0</v>
      </c>
      <c r="HA32" s="104">
        <v>0</v>
      </c>
      <c r="HB32" s="102">
        <v>0</v>
      </c>
      <c r="HC32" s="106">
        <v>35200</v>
      </c>
      <c r="HD32" s="100">
        <v>104818</v>
      </c>
      <c r="HE32" s="104">
        <v>0</v>
      </c>
      <c r="HF32" s="102">
        <v>104818</v>
      </c>
      <c r="HG32" s="101">
        <v>0</v>
      </c>
      <c r="HH32" s="104">
        <v>318924</v>
      </c>
      <c r="HI32" s="104">
        <v>0</v>
      </c>
      <c r="HJ32" s="104">
        <v>0</v>
      </c>
      <c r="HK32" s="104">
        <v>704312</v>
      </c>
      <c r="HL32" s="104">
        <v>0</v>
      </c>
      <c r="HM32" s="103">
        <v>1023236</v>
      </c>
      <c r="HN32" s="99">
        <v>1128054</v>
      </c>
      <c r="HO32" s="306"/>
      <c r="HP32" s="307"/>
      <c r="HQ32" s="308"/>
      <c r="HR32" s="309"/>
      <c r="HS32" s="307"/>
      <c r="HT32" s="307"/>
      <c r="HU32" s="307"/>
      <c r="HV32" s="307"/>
      <c r="HW32" s="307"/>
      <c r="HX32" s="310"/>
      <c r="HY32" s="311"/>
      <c r="HZ32" s="137">
        <v>0</v>
      </c>
      <c r="IA32" s="122">
        <v>0</v>
      </c>
      <c r="IB32" s="137">
        <v>0</v>
      </c>
      <c r="IC32" s="121">
        <v>0</v>
      </c>
      <c r="ID32" s="122">
        <v>234853</v>
      </c>
      <c r="IE32" s="123">
        <v>83353</v>
      </c>
      <c r="IF32" s="124">
        <v>663993</v>
      </c>
      <c r="IG32" s="122">
        <v>253792</v>
      </c>
      <c r="IH32" s="124">
        <v>0</v>
      </c>
      <c r="II32" s="125">
        <v>1235991</v>
      </c>
      <c r="IJ32" s="137">
        <v>1235991</v>
      </c>
      <c r="IK32" s="219">
        <v>0</v>
      </c>
      <c r="IL32" s="223">
        <v>0</v>
      </c>
      <c r="IM32" s="224">
        <v>0</v>
      </c>
      <c r="IN32" s="127"/>
      <c r="IO32" s="109">
        <v>0</v>
      </c>
      <c r="IP32" s="109">
        <v>0</v>
      </c>
      <c r="IQ32" s="109">
        <v>175496</v>
      </c>
      <c r="IR32" s="109">
        <v>0</v>
      </c>
      <c r="IS32" s="109">
        <v>0</v>
      </c>
      <c r="IT32" s="128">
        <v>175496</v>
      </c>
      <c r="IU32" s="298">
        <v>175496</v>
      </c>
      <c r="IV32" s="129">
        <v>0</v>
      </c>
      <c r="IW32" s="109">
        <v>0</v>
      </c>
      <c r="IX32" s="110">
        <v>0</v>
      </c>
      <c r="IY32" s="131"/>
      <c r="IZ32" s="109">
        <v>0</v>
      </c>
      <c r="JA32" s="109">
        <v>0</v>
      </c>
      <c r="JB32" s="109">
        <v>0</v>
      </c>
      <c r="JC32" s="109">
        <v>0</v>
      </c>
      <c r="JD32" s="109">
        <v>0</v>
      </c>
      <c r="JE32" s="110">
        <v>0</v>
      </c>
      <c r="JF32" s="111">
        <v>0</v>
      </c>
      <c r="JG32" s="129">
        <v>0</v>
      </c>
      <c r="JH32" s="109">
        <v>0</v>
      </c>
      <c r="JI32" s="128">
        <v>0</v>
      </c>
      <c r="JJ32" s="108">
        <v>0</v>
      </c>
      <c r="JK32" s="109">
        <v>0</v>
      </c>
      <c r="JL32" s="109">
        <v>37588</v>
      </c>
      <c r="JM32" s="109">
        <v>0</v>
      </c>
      <c r="JN32" s="109">
        <v>0</v>
      </c>
      <c r="JO32" s="109">
        <v>0</v>
      </c>
      <c r="JP32" s="110">
        <v>37588</v>
      </c>
      <c r="JQ32" s="298">
        <v>37588</v>
      </c>
      <c r="JR32" s="129">
        <v>0</v>
      </c>
      <c r="JS32" s="109">
        <v>0</v>
      </c>
      <c r="JT32" s="128">
        <v>0</v>
      </c>
      <c r="JU32" s="108">
        <v>0</v>
      </c>
      <c r="JV32" s="109">
        <v>0</v>
      </c>
      <c r="JW32" s="109">
        <v>0</v>
      </c>
      <c r="JX32" s="109">
        <v>0</v>
      </c>
      <c r="JY32" s="109">
        <v>253792</v>
      </c>
      <c r="JZ32" s="109">
        <v>0</v>
      </c>
      <c r="KA32" s="110">
        <v>253792</v>
      </c>
      <c r="KB32" s="298">
        <v>253792</v>
      </c>
      <c r="KC32" s="221">
        <v>0</v>
      </c>
      <c r="KD32" s="217">
        <v>0</v>
      </c>
      <c r="KE32" s="110">
        <v>0</v>
      </c>
      <c r="KF32" s="108">
        <v>0</v>
      </c>
      <c r="KG32" s="109">
        <v>0</v>
      </c>
      <c r="KH32" s="109">
        <v>45765</v>
      </c>
      <c r="KI32" s="109">
        <v>0</v>
      </c>
      <c r="KJ32" s="109">
        <v>0</v>
      </c>
      <c r="KK32" s="109">
        <v>0</v>
      </c>
      <c r="KL32" s="110">
        <v>45765</v>
      </c>
      <c r="KM32" s="130">
        <v>45765</v>
      </c>
      <c r="KN32" s="219">
        <v>0</v>
      </c>
      <c r="KO32" s="223">
        <v>0</v>
      </c>
      <c r="KP32" s="224">
        <v>0</v>
      </c>
      <c r="KQ32" s="127"/>
      <c r="KR32" s="109">
        <v>234853</v>
      </c>
      <c r="KS32" s="109">
        <v>0</v>
      </c>
      <c r="KT32" s="109">
        <v>258532</v>
      </c>
      <c r="KU32" s="109">
        <v>0</v>
      </c>
      <c r="KV32" s="109">
        <v>0</v>
      </c>
      <c r="KW32" s="110">
        <v>493385</v>
      </c>
      <c r="KX32" s="298">
        <v>493385</v>
      </c>
      <c r="KY32" s="129">
        <v>0</v>
      </c>
      <c r="KZ32" s="109">
        <v>0</v>
      </c>
      <c r="LA32" s="110">
        <v>0</v>
      </c>
      <c r="LB32" s="132"/>
      <c r="LC32" s="109">
        <v>0</v>
      </c>
      <c r="LD32" s="109">
        <v>0</v>
      </c>
      <c r="LE32" s="109">
        <v>0</v>
      </c>
      <c r="LF32" s="109">
        <v>0</v>
      </c>
      <c r="LG32" s="109">
        <v>0</v>
      </c>
      <c r="LH32" s="110">
        <v>0</v>
      </c>
      <c r="LI32" s="111">
        <v>0</v>
      </c>
      <c r="LJ32" s="129">
        <v>0</v>
      </c>
      <c r="LK32" s="109">
        <v>0</v>
      </c>
      <c r="LL32" s="110">
        <v>0</v>
      </c>
      <c r="LM32" s="132"/>
      <c r="LN32" s="109">
        <v>0</v>
      </c>
      <c r="LO32" s="109">
        <v>0</v>
      </c>
      <c r="LP32" s="109">
        <v>229965</v>
      </c>
      <c r="LQ32" s="109">
        <v>0</v>
      </c>
      <c r="LR32" s="109">
        <v>0</v>
      </c>
      <c r="LS32" s="110">
        <v>229965</v>
      </c>
      <c r="LT32" s="298">
        <v>229965</v>
      </c>
      <c r="LU32" s="129">
        <v>0</v>
      </c>
      <c r="LV32" s="109">
        <v>0</v>
      </c>
      <c r="LW32" s="110">
        <v>0</v>
      </c>
      <c r="LX32" s="132"/>
      <c r="LY32" s="109">
        <v>0</v>
      </c>
      <c r="LZ32" s="109">
        <v>0</v>
      </c>
      <c r="MA32" s="109">
        <v>0</v>
      </c>
      <c r="MB32" s="109">
        <v>0</v>
      </c>
      <c r="MC32" s="109">
        <v>0</v>
      </c>
      <c r="MD32" s="110">
        <v>0</v>
      </c>
      <c r="ME32" s="111">
        <v>0</v>
      </c>
      <c r="MF32" s="129">
        <v>0</v>
      </c>
      <c r="MG32" s="109">
        <v>0</v>
      </c>
      <c r="MH32" s="110">
        <v>0</v>
      </c>
      <c r="MI32" s="132"/>
      <c r="MJ32" s="109">
        <v>0</v>
      </c>
      <c r="MK32" s="109">
        <v>722287</v>
      </c>
      <c r="ML32" s="109">
        <v>744391</v>
      </c>
      <c r="MM32" s="109">
        <v>806887</v>
      </c>
      <c r="MN32" s="109">
        <v>298610</v>
      </c>
      <c r="MO32" s="110">
        <v>2572175</v>
      </c>
      <c r="MP32" s="130">
        <v>2572175</v>
      </c>
      <c r="MQ32" s="129">
        <v>0</v>
      </c>
      <c r="MR32" s="109">
        <v>0</v>
      </c>
      <c r="MS32" s="110">
        <v>0</v>
      </c>
      <c r="MT32" s="132"/>
      <c r="MU32" s="109">
        <v>0</v>
      </c>
      <c r="MV32" s="109">
        <v>234623</v>
      </c>
      <c r="MW32" s="109">
        <v>211840</v>
      </c>
      <c r="MX32" s="109">
        <v>0</v>
      </c>
      <c r="MY32" s="109">
        <v>298610</v>
      </c>
      <c r="MZ32" s="110">
        <v>745073</v>
      </c>
      <c r="NA32" s="130">
        <v>745073</v>
      </c>
      <c r="NB32" s="129">
        <v>0</v>
      </c>
      <c r="NC32" s="109">
        <v>0</v>
      </c>
      <c r="ND32" s="110">
        <v>0</v>
      </c>
      <c r="NE32" s="132"/>
      <c r="NF32" s="109">
        <v>0</v>
      </c>
      <c r="NG32" s="109">
        <v>487664</v>
      </c>
      <c r="NH32" s="109">
        <v>532551</v>
      </c>
      <c r="NI32" s="109">
        <v>806887</v>
      </c>
      <c r="NJ32" s="109">
        <v>0</v>
      </c>
      <c r="NK32" s="110">
        <v>1827102</v>
      </c>
      <c r="NL32" s="298">
        <v>1827102</v>
      </c>
      <c r="NM32" s="129">
        <v>0</v>
      </c>
      <c r="NN32" s="109">
        <v>0</v>
      </c>
      <c r="NO32" s="110">
        <v>0</v>
      </c>
      <c r="NP32" s="132"/>
      <c r="NQ32" s="109">
        <v>0</v>
      </c>
      <c r="NR32" s="109">
        <v>0</v>
      </c>
      <c r="NS32" s="109">
        <v>0</v>
      </c>
      <c r="NT32" s="109">
        <v>0</v>
      </c>
      <c r="NU32" s="109">
        <v>0</v>
      </c>
      <c r="NV32" s="110">
        <v>0</v>
      </c>
      <c r="NW32" s="111">
        <v>0</v>
      </c>
      <c r="NX32" s="129">
        <v>0</v>
      </c>
      <c r="NY32" s="109">
        <v>0</v>
      </c>
      <c r="NZ32" s="110">
        <v>0</v>
      </c>
      <c r="OA32" s="132"/>
      <c r="OB32" s="109">
        <v>0</v>
      </c>
      <c r="OC32" s="109">
        <v>0</v>
      </c>
      <c r="OD32" s="109">
        <v>0</v>
      </c>
      <c r="OE32" s="109">
        <v>0</v>
      </c>
      <c r="OF32" s="109">
        <v>0</v>
      </c>
      <c r="OG32" s="110">
        <v>0</v>
      </c>
      <c r="OH32" s="111">
        <v>0</v>
      </c>
      <c r="OI32" s="129">
        <v>173074</v>
      </c>
      <c r="OJ32" s="109">
        <v>270580</v>
      </c>
      <c r="OK32" s="128">
        <v>443654</v>
      </c>
      <c r="OL32" s="108">
        <v>0</v>
      </c>
      <c r="OM32" s="109">
        <v>1435618</v>
      </c>
      <c r="ON32" s="109">
        <v>2392466</v>
      </c>
      <c r="OO32" s="109">
        <v>2374119</v>
      </c>
      <c r="OP32" s="109">
        <v>2481153</v>
      </c>
      <c r="OQ32" s="109">
        <v>1008662</v>
      </c>
      <c r="OR32" s="110">
        <v>9692018</v>
      </c>
      <c r="OS32" s="130">
        <v>10135672</v>
      </c>
    </row>
    <row r="33" spans="2:409" ht="21" customHeight="1" x14ac:dyDescent="0.2">
      <c r="B33" s="472" t="s">
        <v>28</v>
      </c>
      <c r="C33" s="100">
        <v>0</v>
      </c>
      <c r="D33" s="104">
        <v>0</v>
      </c>
      <c r="E33" s="103">
        <v>0</v>
      </c>
      <c r="F33" s="99">
        <v>0</v>
      </c>
      <c r="G33" s="104">
        <v>561195</v>
      </c>
      <c r="H33" s="104">
        <v>357467</v>
      </c>
      <c r="I33" s="104">
        <v>547995</v>
      </c>
      <c r="J33" s="104">
        <v>79500</v>
      </c>
      <c r="K33" s="104">
        <v>10032</v>
      </c>
      <c r="L33" s="160">
        <v>1556189</v>
      </c>
      <c r="M33" s="106">
        <v>1556189</v>
      </c>
      <c r="N33" s="100">
        <v>0</v>
      </c>
      <c r="O33" s="104">
        <v>0</v>
      </c>
      <c r="P33" s="103">
        <v>0</v>
      </c>
      <c r="Q33" s="100">
        <v>0</v>
      </c>
      <c r="R33" s="104">
        <v>34256</v>
      </c>
      <c r="S33" s="104">
        <v>64672</v>
      </c>
      <c r="T33" s="104">
        <v>181548</v>
      </c>
      <c r="U33" s="104">
        <v>79500</v>
      </c>
      <c r="V33" s="104">
        <v>10032</v>
      </c>
      <c r="W33" s="103">
        <v>370008</v>
      </c>
      <c r="X33" s="106">
        <v>370008</v>
      </c>
      <c r="Y33" s="100">
        <v>0</v>
      </c>
      <c r="Z33" s="104">
        <v>0</v>
      </c>
      <c r="AA33" s="103">
        <v>0</v>
      </c>
      <c r="AB33" s="100">
        <v>0</v>
      </c>
      <c r="AC33" s="104">
        <v>0</v>
      </c>
      <c r="AD33" s="104">
        <v>0</v>
      </c>
      <c r="AE33" s="104">
        <v>100144</v>
      </c>
      <c r="AF33" s="104">
        <v>0</v>
      </c>
      <c r="AG33" s="104">
        <v>0</v>
      </c>
      <c r="AH33" s="103">
        <v>100144</v>
      </c>
      <c r="AI33" s="106">
        <v>100144</v>
      </c>
      <c r="AJ33" s="100">
        <v>0</v>
      </c>
      <c r="AK33" s="104">
        <v>0</v>
      </c>
      <c r="AL33" s="103">
        <v>0</v>
      </c>
      <c r="AM33" s="100">
        <v>0</v>
      </c>
      <c r="AN33" s="104">
        <v>0</v>
      </c>
      <c r="AO33" s="104">
        <v>0</v>
      </c>
      <c r="AP33" s="104">
        <v>0</v>
      </c>
      <c r="AQ33" s="104">
        <v>0</v>
      </c>
      <c r="AR33" s="104">
        <v>0</v>
      </c>
      <c r="AS33" s="103">
        <v>0</v>
      </c>
      <c r="AT33" s="106">
        <v>0</v>
      </c>
      <c r="AU33" s="100">
        <v>0</v>
      </c>
      <c r="AV33" s="104">
        <v>0</v>
      </c>
      <c r="AW33" s="103">
        <v>0</v>
      </c>
      <c r="AX33" s="100">
        <v>0</v>
      </c>
      <c r="AY33" s="104">
        <v>0</v>
      </c>
      <c r="AZ33" s="104">
        <v>51632</v>
      </c>
      <c r="BA33" s="104">
        <v>66604</v>
      </c>
      <c r="BB33" s="104">
        <v>79500</v>
      </c>
      <c r="BC33" s="104">
        <v>0</v>
      </c>
      <c r="BD33" s="103">
        <v>197736</v>
      </c>
      <c r="BE33" s="106">
        <v>197736</v>
      </c>
      <c r="BF33" s="100">
        <v>0</v>
      </c>
      <c r="BG33" s="104">
        <v>0</v>
      </c>
      <c r="BH33" s="102">
        <v>0</v>
      </c>
      <c r="BI33" s="101">
        <v>0</v>
      </c>
      <c r="BJ33" s="104">
        <v>0</v>
      </c>
      <c r="BK33" s="104">
        <v>0</v>
      </c>
      <c r="BL33" s="104">
        <v>0</v>
      </c>
      <c r="BM33" s="104">
        <v>0</v>
      </c>
      <c r="BN33" s="104">
        <v>0</v>
      </c>
      <c r="BO33" s="103">
        <v>0</v>
      </c>
      <c r="BP33" s="106">
        <v>0</v>
      </c>
      <c r="BQ33" s="100">
        <v>0</v>
      </c>
      <c r="BR33" s="104">
        <v>0</v>
      </c>
      <c r="BS33" s="103">
        <v>0</v>
      </c>
      <c r="BT33" s="100">
        <v>0</v>
      </c>
      <c r="BU33" s="104">
        <v>34256</v>
      </c>
      <c r="BV33" s="104">
        <v>13040</v>
      </c>
      <c r="BW33" s="104">
        <v>14800</v>
      </c>
      <c r="BX33" s="104">
        <v>0</v>
      </c>
      <c r="BY33" s="104">
        <v>10032</v>
      </c>
      <c r="BZ33" s="103">
        <v>72128</v>
      </c>
      <c r="CA33" s="106">
        <v>72128</v>
      </c>
      <c r="CB33" s="100">
        <v>0</v>
      </c>
      <c r="CC33" s="104">
        <v>0</v>
      </c>
      <c r="CD33" s="103">
        <v>0</v>
      </c>
      <c r="CE33" s="100">
        <v>0</v>
      </c>
      <c r="CF33" s="104">
        <v>39650</v>
      </c>
      <c r="CG33" s="104">
        <v>211208</v>
      </c>
      <c r="CH33" s="104">
        <v>105770</v>
      </c>
      <c r="CI33" s="104">
        <v>0</v>
      </c>
      <c r="CJ33" s="104">
        <v>0</v>
      </c>
      <c r="CK33" s="103">
        <v>356628</v>
      </c>
      <c r="CL33" s="106">
        <v>356628</v>
      </c>
      <c r="CM33" s="100">
        <v>0</v>
      </c>
      <c r="CN33" s="104">
        <v>0</v>
      </c>
      <c r="CO33" s="103">
        <v>0</v>
      </c>
      <c r="CP33" s="101">
        <v>0</v>
      </c>
      <c r="CQ33" s="104">
        <v>39650</v>
      </c>
      <c r="CR33" s="104">
        <v>211208</v>
      </c>
      <c r="CS33" s="104">
        <v>0</v>
      </c>
      <c r="CT33" s="104">
        <v>0</v>
      </c>
      <c r="CU33" s="104">
        <v>0</v>
      </c>
      <c r="CV33" s="103">
        <v>250858</v>
      </c>
      <c r="CW33" s="106">
        <v>250858</v>
      </c>
      <c r="CX33" s="100">
        <v>0</v>
      </c>
      <c r="CY33" s="104">
        <v>0</v>
      </c>
      <c r="CZ33" s="103">
        <v>0</v>
      </c>
      <c r="DA33" s="100">
        <v>0</v>
      </c>
      <c r="DB33" s="104">
        <v>0</v>
      </c>
      <c r="DC33" s="104">
        <v>0</v>
      </c>
      <c r="DD33" s="104">
        <v>105770</v>
      </c>
      <c r="DE33" s="104">
        <v>0</v>
      </c>
      <c r="DF33" s="104">
        <v>0</v>
      </c>
      <c r="DG33" s="103">
        <v>105770</v>
      </c>
      <c r="DH33" s="106">
        <v>105770</v>
      </c>
      <c r="DI33" s="100">
        <v>0</v>
      </c>
      <c r="DJ33" s="104">
        <v>0</v>
      </c>
      <c r="DK33" s="102">
        <v>0</v>
      </c>
      <c r="DL33" s="101">
        <v>0</v>
      </c>
      <c r="DM33" s="104">
        <v>0</v>
      </c>
      <c r="DN33" s="104">
        <v>6883</v>
      </c>
      <c r="DO33" s="104">
        <v>60592</v>
      </c>
      <c r="DP33" s="104">
        <v>0</v>
      </c>
      <c r="DQ33" s="104">
        <v>0</v>
      </c>
      <c r="DR33" s="103">
        <v>67475</v>
      </c>
      <c r="DS33" s="106">
        <v>67475</v>
      </c>
      <c r="DT33" s="100">
        <v>0</v>
      </c>
      <c r="DU33" s="104">
        <v>0</v>
      </c>
      <c r="DV33" s="103">
        <v>0</v>
      </c>
      <c r="DW33" s="100">
        <v>0</v>
      </c>
      <c r="DX33" s="104">
        <v>0</v>
      </c>
      <c r="DY33" s="104">
        <v>6883</v>
      </c>
      <c r="DZ33" s="104">
        <v>0</v>
      </c>
      <c r="EA33" s="104">
        <v>0</v>
      </c>
      <c r="EB33" s="104">
        <v>0</v>
      </c>
      <c r="EC33" s="103">
        <v>6883</v>
      </c>
      <c r="ED33" s="106">
        <v>6883</v>
      </c>
      <c r="EE33" s="100">
        <v>0</v>
      </c>
      <c r="EF33" s="102">
        <v>0</v>
      </c>
      <c r="EG33" s="103">
        <v>0</v>
      </c>
      <c r="EH33" s="100">
        <v>0</v>
      </c>
      <c r="EI33" s="104">
        <v>0</v>
      </c>
      <c r="EJ33" s="104">
        <v>0</v>
      </c>
      <c r="EK33" s="104">
        <v>60592</v>
      </c>
      <c r="EL33" s="104">
        <v>0</v>
      </c>
      <c r="EM33" s="104">
        <v>0</v>
      </c>
      <c r="EN33" s="102">
        <v>60592</v>
      </c>
      <c r="EO33" s="106">
        <v>60592</v>
      </c>
      <c r="EP33" s="100">
        <v>0</v>
      </c>
      <c r="EQ33" s="104">
        <v>0</v>
      </c>
      <c r="ER33" s="102">
        <v>0</v>
      </c>
      <c r="ES33" s="101">
        <v>0</v>
      </c>
      <c r="ET33" s="104">
        <v>0</v>
      </c>
      <c r="EU33" s="104">
        <v>0</v>
      </c>
      <c r="EV33" s="104">
        <v>0</v>
      </c>
      <c r="EW33" s="104">
        <v>0</v>
      </c>
      <c r="EX33" s="104">
        <v>0</v>
      </c>
      <c r="EY33" s="103">
        <v>0</v>
      </c>
      <c r="EZ33" s="106">
        <v>0</v>
      </c>
      <c r="FA33" s="100">
        <v>0</v>
      </c>
      <c r="FB33" s="104">
        <v>0</v>
      </c>
      <c r="FC33" s="102">
        <v>0</v>
      </c>
      <c r="FD33" s="324"/>
      <c r="FE33" s="104">
        <v>0</v>
      </c>
      <c r="FF33" s="104">
        <v>0</v>
      </c>
      <c r="FG33" s="104">
        <v>0</v>
      </c>
      <c r="FH33" s="104">
        <v>0</v>
      </c>
      <c r="FI33" s="104">
        <v>0</v>
      </c>
      <c r="FJ33" s="103">
        <v>0</v>
      </c>
      <c r="FK33" s="106">
        <v>0</v>
      </c>
      <c r="FL33" s="100">
        <v>0</v>
      </c>
      <c r="FM33" s="104">
        <v>0</v>
      </c>
      <c r="FN33" s="103">
        <v>0</v>
      </c>
      <c r="FO33" s="100">
        <v>0</v>
      </c>
      <c r="FP33" s="104">
        <v>14800</v>
      </c>
      <c r="FQ33" s="104">
        <v>74704</v>
      </c>
      <c r="FR33" s="104">
        <v>6000</v>
      </c>
      <c r="FS33" s="104">
        <v>0</v>
      </c>
      <c r="FT33" s="104">
        <v>0</v>
      </c>
      <c r="FU33" s="103">
        <v>95504</v>
      </c>
      <c r="FV33" s="106">
        <v>95504</v>
      </c>
      <c r="FW33" s="105">
        <v>0</v>
      </c>
      <c r="FX33" s="104">
        <v>0</v>
      </c>
      <c r="FY33" s="102">
        <v>0</v>
      </c>
      <c r="FZ33" s="101">
        <v>0</v>
      </c>
      <c r="GA33" s="104">
        <v>14800</v>
      </c>
      <c r="GB33" s="104">
        <v>59216</v>
      </c>
      <c r="GC33" s="104">
        <v>6000</v>
      </c>
      <c r="GD33" s="104">
        <v>0</v>
      </c>
      <c r="GE33" s="104">
        <v>0</v>
      </c>
      <c r="GF33" s="103">
        <v>80016</v>
      </c>
      <c r="GG33" s="296">
        <v>80016</v>
      </c>
      <c r="GH33" s="105">
        <v>0</v>
      </c>
      <c r="GI33" s="104">
        <v>0</v>
      </c>
      <c r="GJ33" s="102">
        <v>0</v>
      </c>
      <c r="GK33" s="101">
        <v>0</v>
      </c>
      <c r="GL33" s="104">
        <v>0</v>
      </c>
      <c r="GM33" s="104">
        <v>15488</v>
      </c>
      <c r="GN33" s="104">
        <v>0</v>
      </c>
      <c r="GO33" s="104">
        <v>0</v>
      </c>
      <c r="GP33" s="104">
        <v>0</v>
      </c>
      <c r="GQ33" s="103">
        <v>15488</v>
      </c>
      <c r="GR33" s="106">
        <v>15488</v>
      </c>
      <c r="GS33" s="100">
        <v>0</v>
      </c>
      <c r="GT33" s="104">
        <v>0</v>
      </c>
      <c r="GU33" s="103">
        <v>0</v>
      </c>
      <c r="GV33" s="100">
        <v>0</v>
      </c>
      <c r="GW33" s="104">
        <v>0</v>
      </c>
      <c r="GX33" s="104">
        <v>0</v>
      </c>
      <c r="GY33" s="104">
        <v>0</v>
      </c>
      <c r="GZ33" s="104">
        <v>0</v>
      </c>
      <c r="HA33" s="104">
        <v>0</v>
      </c>
      <c r="HB33" s="102">
        <v>0</v>
      </c>
      <c r="HC33" s="106">
        <v>0</v>
      </c>
      <c r="HD33" s="100">
        <v>0</v>
      </c>
      <c r="HE33" s="104">
        <v>0</v>
      </c>
      <c r="HF33" s="102">
        <v>0</v>
      </c>
      <c r="HG33" s="101">
        <v>0</v>
      </c>
      <c r="HH33" s="104">
        <v>472489</v>
      </c>
      <c r="HI33" s="104">
        <v>0</v>
      </c>
      <c r="HJ33" s="104">
        <v>194085</v>
      </c>
      <c r="HK33" s="104">
        <v>0</v>
      </c>
      <c r="HL33" s="104">
        <v>0</v>
      </c>
      <c r="HM33" s="103">
        <v>666574</v>
      </c>
      <c r="HN33" s="99">
        <v>666574</v>
      </c>
      <c r="HO33" s="306"/>
      <c r="HP33" s="307"/>
      <c r="HQ33" s="308"/>
      <c r="HR33" s="309"/>
      <c r="HS33" s="307"/>
      <c r="HT33" s="307"/>
      <c r="HU33" s="307"/>
      <c r="HV33" s="307"/>
      <c r="HW33" s="307"/>
      <c r="HX33" s="310"/>
      <c r="HY33" s="311"/>
      <c r="HZ33" s="118">
        <v>0</v>
      </c>
      <c r="IA33" s="119">
        <v>0</v>
      </c>
      <c r="IB33" s="120">
        <v>0</v>
      </c>
      <c r="IC33" s="133">
        <v>0</v>
      </c>
      <c r="ID33" s="119">
        <v>65920</v>
      </c>
      <c r="IE33" s="134">
        <v>41632</v>
      </c>
      <c r="IF33" s="120">
        <v>0</v>
      </c>
      <c r="IG33" s="119">
        <v>0</v>
      </c>
      <c r="IH33" s="120">
        <v>261472</v>
      </c>
      <c r="II33" s="135">
        <v>369024</v>
      </c>
      <c r="IJ33" s="126">
        <v>369024</v>
      </c>
      <c r="IK33" s="219">
        <v>0</v>
      </c>
      <c r="IL33" s="223">
        <v>0</v>
      </c>
      <c r="IM33" s="224">
        <v>0</v>
      </c>
      <c r="IN33" s="127"/>
      <c r="IO33" s="109">
        <v>0</v>
      </c>
      <c r="IP33" s="109">
        <v>0</v>
      </c>
      <c r="IQ33" s="109">
        <v>0</v>
      </c>
      <c r="IR33" s="109">
        <v>0</v>
      </c>
      <c r="IS33" s="109">
        <v>0</v>
      </c>
      <c r="IT33" s="128">
        <v>0</v>
      </c>
      <c r="IU33" s="298">
        <v>0</v>
      </c>
      <c r="IV33" s="129">
        <v>0</v>
      </c>
      <c r="IW33" s="109">
        <v>0</v>
      </c>
      <c r="IX33" s="110">
        <v>0</v>
      </c>
      <c r="IY33" s="131"/>
      <c r="IZ33" s="109">
        <v>0</v>
      </c>
      <c r="JA33" s="109">
        <v>0</v>
      </c>
      <c r="JB33" s="109">
        <v>0</v>
      </c>
      <c r="JC33" s="109">
        <v>0</v>
      </c>
      <c r="JD33" s="109">
        <v>0</v>
      </c>
      <c r="JE33" s="110">
        <v>0</v>
      </c>
      <c r="JF33" s="111">
        <v>0</v>
      </c>
      <c r="JG33" s="129">
        <v>0</v>
      </c>
      <c r="JH33" s="109">
        <v>0</v>
      </c>
      <c r="JI33" s="128">
        <v>0</v>
      </c>
      <c r="JJ33" s="108">
        <v>0</v>
      </c>
      <c r="JK33" s="109">
        <v>65920</v>
      </c>
      <c r="JL33" s="109">
        <v>41632</v>
      </c>
      <c r="JM33" s="109">
        <v>0</v>
      </c>
      <c r="JN33" s="109">
        <v>0</v>
      </c>
      <c r="JO33" s="109">
        <v>0</v>
      </c>
      <c r="JP33" s="110">
        <v>107552</v>
      </c>
      <c r="JQ33" s="298">
        <v>107552</v>
      </c>
      <c r="JR33" s="129">
        <v>0</v>
      </c>
      <c r="JS33" s="109">
        <v>0</v>
      </c>
      <c r="JT33" s="128">
        <v>0</v>
      </c>
      <c r="JU33" s="108">
        <v>0</v>
      </c>
      <c r="JV33" s="109">
        <v>0</v>
      </c>
      <c r="JW33" s="109">
        <v>0</v>
      </c>
      <c r="JX33" s="109">
        <v>0</v>
      </c>
      <c r="JY33" s="109">
        <v>0</v>
      </c>
      <c r="JZ33" s="109">
        <v>0</v>
      </c>
      <c r="KA33" s="110">
        <v>0</v>
      </c>
      <c r="KB33" s="298">
        <v>0</v>
      </c>
      <c r="KC33" s="221">
        <v>0</v>
      </c>
      <c r="KD33" s="217">
        <v>0</v>
      </c>
      <c r="KE33" s="110">
        <v>0</v>
      </c>
      <c r="KF33" s="108">
        <v>0</v>
      </c>
      <c r="KG33" s="109">
        <v>0</v>
      </c>
      <c r="KH33" s="109">
        <v>0</v>
      </c>
      <c r="KI33" s="109">
        <v>0</v>
      </c>
      <c r="KJ33" s="109">
        <v>0</v>
      </c>
      <c r="KK33" s="109">
        <v>0</v>
      </c>
      <c r="KL33" s="110">
        <v>0</v>
      </c>
      <c r="KM33" s="130">
        <v>0</v>
      </c>
      <c r="KN33" s="219">
        <v>0</v>
      </c>
      <c r="KO33" s="223">
        <v>0</v>
      </c>
      <c r="KP33" s="224">
        <v>0</v>
      </c>
      <c r="KQ33" s="127"/>
      <c r="KR33" s="109">
        <v>0</v>
      </c>
      <c r="KS33" s="109">
        <v>0</v>
      </c>
      <c r="KT33" s="109">
        <v>0</v>
      </c>
      <c r="KU33" s="109">
        <v>0</v>
      </c>
      <c r="KV33" s="109">
        <v>261472</v>
      </c>
      <c r="KW33" s="110">
        <v>261472</v>
      </c>
      <c r="KX33" s="298">
        <v>261472</v>
      </c>
      <c r="KY33" s="129">
        <v>0</v>
      </c>
      <c r="KZ33" s="109">
        <v>0</v>
      </c>
      <c r="LA33" s="110">
        <v>0</v>
      </c>
      <c r="LB33" s="132"/>
      <c r="LC33" s="109">
        <v>0</v>
      </c>
      <c r="LD33" s="109">
        <v>0</v>
      </c>
      <c r="LE33" s="109">
        <v>0</v>
      </c>
      <c r="LF33" s="109">
        <v>0</v>
      </c>
      <c r="LG33" s="109">
        <v>0</v>
      </c>
      <c r="LH33" s="110">
        <v>0</v>
      </c>
      <c r="LI33" s="111">
        <v>0</v>
      </c>
      <c r="LJ33" s="129">
        <v>0</v>
      </c>
      <c r="LK33" s="109">
        <v>0</v>
      </c>
      <c r="LL33" s="110">
        <v>0</v>
      </c>
      <c r="LM33" s="132"/>
      <c r="LN33" s="109">
        <v>0</v>
      </c>
      <c r="LO33" s="109">
        <v>0</v>
      </c>
      <c r="LP33" s="109">
        <v>0</v>
      </c>
      <c r="LQ33" s="109">
        <v>0</v>
      </c>
      <c r="LR33" s="109">
        <v>0</v>
      </c>
      <c r="LS33" s="110">
        <v>0</v>
      </c>
      <c r="LT33" s="298">
        <v>0</v>
      </c>
      <c r="LU33" s="129">
        <v>0</v>
      </c>
      <c r="LV33" s="109">
        <v>0</v>
      </c>
      <c r="LW33" s="110">
        <v>0</v>
      </c>
      <c r="LX33" s="132"/>
      <c r="LY33" s="109">
        <v>0</v>
      </c>
      <c r="LZ33" s="109">
        <v>0</v>
      </c>
      <c r="MA33" s="109">
        <v>0</v>
      </c>
      <c r="MB33" s="109">
        <v>0</v>
      </c>
      <c r="MC33" s="109">
        <v>0</v>
      </c>
      <c r="MD33" s="110">
        <v>0</v>
      </c>
      <c r="ME33" s="111">
        <v>0</v>
      </c>
      <c r="MF33" s="129">
        <v>0</v>
      </c>
      <c r="MG33" s="109">
        <v>0</v>
      </c>
      <c r="MH33" s="110">
        <v>0</v>
      </c>
      <c r="MI33" s="132"/>
      <c r="MJ33" s="109">
        <v>0</v>
      </c>
      <c r="MK33" s="109">
        <v>217504</v>
      </c>
      <c r="ML33" s="109">
        <v>0</v>
      </c>
      <c r="MM33" s="109">
        <v>230752</v>
      </c>
      <c r="MN33" s="109">
        <v>571944</v>
      </c>
      <c r="MO33" s="110">
        <v>1020200</v>
      </c>
      <c r="MP33" s="130">
        <v>1020200</v>
      </c>
      <c r="MQ33" s="129">
        <v>0</v>
      </c>
      <c r="MR33" s="109">
        <v>0</v>
      </c>
      <c r="MS33" s="110">
        <v>0</v>
      </c>
      <c r="MT33" s="132"/>
      <c r="MU33" s="109">
        <v>0</v>
      </c>
      <c r="MV33" s="109">
        <v>0</v>
      </c>
      <c r="MW33" s="109">
        <v>0</v>
      </c>
      <c r="MX33" s="109">
        <v>230752</v>
      </c>
      <c r="MY33" s="109">
        <v>249400</v>
      </c>
      <c r="MZ33" s="110">
        <v>480152</v>
      </c>
      <c r="NA33" s="130">
        <v>480152</v>
      </c>
      <c r="NB33" s="129">
        <v>0</v>
      </c>
      <c r="NC33" s="109">
        <v>0</v>
      </c>
      <c r="ND33" s="110">
        <v>0</v>
      </c>
      <c r="NE33" s="132"/>
      <c r="NF33" s="109">
        <v>0</v>
      </c>
      <c r="NG33" s="109">
        <v>217504</v>
      </c>
      <c r="NH33" s="109">
        <v>0</v>
      </c>
      <c r="NI33" s="109">
        <v>0</v>
      </c>
      <c r="NJ33" s="109">
        <v>322544</v>
      </c>
      <c r="NK33" s="110">
        <v>540048</v>
      </c>
      <c r="NL33" s="298">
        <v>540048</v>
      </c>
      <c r="NM33" s="129">
        <v>0</v>
      </c>
      <c r="NN33" s="109">
        <v>0</v>
      </c>
      <c r="NO33" s="110">
        <v>0</v>
      </c>
      <c r="NP33" s="132"/>
      <c r="NQ33" s="109">
        <v>0</v>
      </c>
      <c r="NR33" s="109">
        <v>0</v>
      </c>
      <c r="NS33" s="109">
        <v>0</v>
      </c>
      <c r="NT33" s="109">
        <v>0</v>
      </c>
      <c r="NU33" s="109">
        <v>0</v>
      </c>
      <c r="NV33" s="110">
        <v>0</v>
      </c>
      <c r="NW33" s="111">
        <v>0</v>
      </c>
      <c r="NX33" s="129">
        <v>0</v>
      </c>
      <c r="NY33" s="109">
        <v>0</v>
      </c>
      <c r="NZ33" s="110">
        <v>0</v>
      </c>
      <c r="OA33" s="132"/>
      <c r="OB33" s="109">
        <v>0</v>
      </c>
      <c r="OC33" s="109">
        <v>0</v>
      </c>
      <c r="OD33" s="109">
        <v>0</v>
      </c>
      <c r="OE33" s="109">
        <v>0</v>
      </c>
      <c r="OF33" s="109">
        <v>0</v>
      </c>
      <c r="OG33" s="110">
        <v>0</v>
      </c>
      <c r="OH33" s="111">
        <v>0</v>
      </c>
      <c r="OI33" s="129">
        <v>0</v>
      </c>
      <c r="OJ33" s="109">
        <v>0</v>
      </c>
      <c r="OK33" s="128">
        <v>0</v>
      </c>
      <c r="OL33" s="108">
        <v>0</v>
      </c>
      <c r="OM33" s="109">
        <v>627115</v>
      </c>
      <c r="ON33" s="109">
        <v>616603</v>
      </c>
      <c r="OO33" s="109">
        <v>547995</v>
      </c>
      <c r="OP33" s="109">
        <v>310252</v>
      </c>
      <c r="OQ33" s="109">
        <v>843448</v>
      </c>
      <c r="OR33" s="110">
        <v>2945413</v>
      </c>
      <c r="OS33" s="130">
        <v>2945413</v>
      </c>
    </row>
    <row r="34" spans="2:409" ht="21" customHeight="1" x14ac:dyDescent="0.2">
      <c r="B34" s="472" t="s">
        <v>29</v>
      </c>
      <c r="C34" s="100">
        <v>34624</v>
      </c>
      <c r="D34" s="104">
        <v>13888</v>
      </c>
      <c r="E34" s="103">
        <v>48512</v>
      </c>
      <c r="F34" s="99">
        <v>0</v>
      </c>
      <c r="G34" s="104">
        <v>60000</v>
      </c>
      <c r="H34" s="104">
        <v>771832</v>
      </c>
      <c r="I34" s="104">
        <v>452520</v>
      </c>
      <c r="J34" s="104">
        <v>295486</v>
      </c>
      <c r="K34" s="104">
        <v>323834</v>
      </c>
      <c r="L34" s="160">
        <v>1903672</v>
      </c>
      <c r="M34" s="106">
        <v>1952184</v>
      </c>
      <c r="N34" s="100">
        <v>0</v>
      </c>
      <c r="O34" s="104">
        <v>13888</v>
      </c>
      <c r="P34" s="103">
        <v>13888</v>
      </c>
      <c r="Q34" s="100">
        <v>0</v>
      </c>
      <c r="R34" s="104">
        <v>60000</v>
      </c>
      <c r="S34" s="104">
        <v>183723</v>
      </c>
      <c r="T34" s="104">
        <v>139064</v>
      </c>
      <c r="U34" s="104">
        <v>263486</v>
      </c>
      <c r="V34" s="104">
        <v>32752</v>
      </c>
      <c r="W34" s="103">
        <v>679025</v>
      </c>
      <c r="X34" s="106">
        <v>692913</v>
      </c>
      <c r="Y34" s="100">
        <v>0</v>
      </c>
      <c r="Z34" s="104">
        <v>0</v>
      </c>
      <c r="AA34" s="103">
        <v>0</v>
      </c>
      <c r="AB34" s="100">
        <v>0</v>
      </c>
      <c r="AC34" s="104">
        <v>33560</v>
      </c>
      <c r="AD34" s="104">
        <v>106347</v>
      </c>
      <c r="AE34" s="104">
        <v>0</v>
      </c>
      <c r="AF34" s="104">
        <v>222416</v>
      </c>
      <c r="AG34" s="104">
        <v>0</v>
      </c>
      <c r="AH34" s="103">
        <v>362323</v>
      </c>
      <c r="AI34" s="106">
        <v>362323</v>
      </c>
      <c r="AJ34" s="100">
        <v>0</v>
      </c>
      <c r="AK34" s="104">
        <v>0</v>
      </c>
      <c r="AL34" s="103">
        <v>0</v>
      </c>
      <c r="AM34" s="100">
        <v>0</v>
      </c>
      <c r="AN34" s="104">
        <v>0</v>
      </c>
      <c r="AO34" s="104">
        <v>0</v>
      </c>
      <c r="AP34" s="104">
        <v>69968</v>
      </c>
      <c r="AQ34" s="104">
        <v>0</v>
      </c>
      <c r="AR34" s="104">
        <v>0</v>
      </c>
      <c r="AS34" s="103">
        <v>69968</v>
      </c>
      <c r="AT34" s="106">
        <v>69968</v>
      </c>
      <c r="AU34" s="100">
        <v>0</v>
      </c>
      <c r="AV34" s="104">
        <v>13888</v>
      </c>
      <c r="AW34" s="103">
        <v>13888</v>
      </c>
      <c r="AX34" s="100">
        <v>0</v>
      </c>
      <c r="AY34" s="104">
        <v>26440</v>
      </c>
      <c r="AZ34" s="104">
        <v>30272</v>
      </c>
      <c r="BA34" s="104">
        <v>55064</v>
      </c>
      <c r="BB34" s="104">
        <v>41070</v>
      </c>
      <c r="BC34" s="104">
        <v>0</v>
      </c>
      <c r="BD34" s="103">
        <v>152846</v>
      </c>
      <c r="BE34" s="106">
        <v>166734</v>
      </c>
      <c r="BF34" s="100">
        <v>0</v>
      </c>
      <c r="BG34" s="104">
        <v>0</v>
      </c>
      <c r="BH34" s="102">
        <v>0</v>
      </c>
      <c r="BI34" s="101">
        <v>0</v>
      </c>
      <c r="BJ34" s="104">
        <v>0</v>
      </c>
      <c r="BK34" s="104">
        <v>30592</v>
      </c>
      <c r="BL34" s="104">
        <v>0</v>
      </c>
      <c r="BM34" s="104">
        <v>0</v>
      </c>
      <c r="BN34" s="104">
        <v>0</v>
      </c>
      <c r="BO34" s="103">
        <v>30592</v>
      </c>
      <c r="BP34" s="106">
        <v>30592</v>
      </c>
      <c r="BQ34" s="100">
        <v>0</v>
      </c>
      <c r="BR34" s="104">
        <v>0</v>
      </c>
      <c r="BS34" s="103">
        <v>0</v>
      </c>
      <c r="BT34" s="100">
        <v>0</v>
      </c>
      <c r="BU34" s="104">
        <v>0</v>
      </c>
      <c r="BV34" s="104">
        <v>16512</v>
      </c>
      <c r="BW34" s="104">
        <v>14032</v>
      </c>
      <c r="BX34" s="104">
        <v>0</v>
      </c>
      <c r="BY34" s="104">
        <v>32752</v>
      </c>
      <c r="BZ34" s="103">
        <v>63296</v>
      </c>
      <c r="CA34" s="106">
        <v>63296</v>
      </c>
      <c r="CB34" s="100">
        <v>18544</v>
      </c>
      <c r="CC34" s="104">
        <v>0</v>
      </c>
      <c r="CD34" s="103">
        <v>18544</v>
      </c>
      <c r="CE34" s="100">
        <v>0</v>
      </c>
      <c r="CF34" s="104">
        <v>0</v>
      </c>
      <c r="CG34" s="104">
        <v>165728</v>
      </c>
      <c r="CH34" s="104">
        <v>22448</v>
      </c>
      <c r="CI34" s="104">
        <v>0</v>
      </c>
      <c r="CJ34" s="104">
        <v>0</v>
      </c>
      <c r="CK34" s="103">
        <v>188176</v>
      </c>
      <c r="CL34" s="106">
        <v>206720</v>
      </c>
      <c r="CM34" s="100">
        <v>0</v>
      </c>
      <c r="CN34" s="104">
        <v>0</v>
      </c>
      <c r="CO34" s="103">
        <v>0</v>
      </c>
      <c r="CP34" s="101">
        <v>0</v>
      </c>
      <c r="CQ34" s="104">
        <v>0</v>
      </c>
      <c r="CR34" s="104">
        <v>165728</v>
      </c>
      <c r="CS34" s="104">
        <v>22448</v>
      </c>
      <c r="CT34" s="104">
        <v>0</v>
      </c>
      <c r="CU34" s="104">
        <v>0</v>
      </c>
      <c r="CV34" s="103">
        <v>188176</v>
      </c>
      <c r="CW34" s="106">
        <v>188176</v>
      </c>
      <c r="CX34" s="100">
        <v>18544</v>
      </c>
      <c r="CY34" s="104">
        <v>0</v>
      </c>
      <c r="CZ34" s="103">
        <v>18544</v>
      </c>
      <c r="DA34" s="100">
        <v>0</v>
      </c>
      <c r="DB34" s="104">
        <v>0</v>
      </c>
      <c r="DC34" s="104">
        <v>0</v>
      </c>
      <c r="DD34" s="104">
        <v>0</v>
      </c>
      <c r="DE34" s="104">
        <v>0</v>
      </c>
      <c r="DF34" s="104">
        <v>0</v>
      </c>
      <c r="DG34" s="103">
        <v>0</v>
      </c>
      <c r="DH34" s="106">
        <v>18544</v>
      </c>
      <c r="DI34" s="100">
        <v>0</v>
      </c>
      <c r="DJ34" s="104">
        <v>0</v>
      </c>
      <c r="DK34" s="102">
        <v>0</v>
      </c>
      <c r="DL34" s="101">
        <v>0</v>
      </c>
      <c r="DM34" s="104">
        <v>0</v>
      </c>
      <c r="DN34" s="104">
        <v>0</v>
      </c>
      <c r="DO34" s="104">
        <v>210520</v>
      </c>
      <c r="DP34" s="104">
        <v>0</v>
      </c>
      <c r="DQ34" s="104">
        <v>20486</v>
      </c>
      <c r="DR34" s="103">
        <v>231006</v>
      </c>
      <c r="DS34" s="106">
        <v>231006</v>
      </c>
      <c r="DT34" s="100">
        <v>0</v>
      </c>
      <c r="DU34" s="104">
        <v>0</v>
      </c>
      <c r="DV34" s="103">
        <v>0</v>
      </c>
      <c r="DW34" s="100">
        <v>0</v>
      </c>
      <c r="DX34" s="104">
        <v>0</v>
      </c>
      <c r="DY34" s="104">
        <v>0</v>
      </c>
      <c r="DZ34" s="104">
        <v>210520</v>
      </c>
      <c r="EA34" s="104">
        <v>0</v>
      </c>
      <c r="EB34" s="104">
        <v>20486</v>
      </c>
      <c r="EC34" s="103">
        <v>231006</v>
      </c>
      <c r="ED34" s="106">
        <v>231006</v>
      </c>
      <c r="EE34" s="100">
        <v>0</v>
      </c>
      <c r="EF34" s="102">
        <v>0</v>
      </c>
      <c r="EG34" s="103">
        <v>0</v>
      </c>
      <c r="EH34" s="100">
        <v>0</v>
      </c>
      <c r="EI34" s="104">
        <v>0</v>
      </c>
      <c r="EJ34" s="104">
        <v>0</v>
      </c>
      <c r="EK34" s="104">
        <v>0</v>
      </c>
      <c r="EL34" s="104">
        <v>0</v>
      </c>
      <c r="EM34" s="104">
        <v>0</v>
      </c>
      <c r="EN34" s="102">
        <v>0</v>
      </c>
      <c r="EO34" s="106">
        <v>0</v>
      </c>
      <c r="EP34" s="100">
        <v>0</v>
      </c>
      <c r="EQ34" s="104">
        <v>0</v>
      </c>
      <c r="ER34" s="102">
        <v>0</v>
      </c>
      <c r="ES34" s="101">
        <v>0</v>
      </c>
      <c r="ET34" s="104">
        <v>0</v>
      </c>
      <c r="EU34" s="104">
        <v>0</v>
      </c>
      <c r="EV34" s="104">
        <v>0</v>
      </c>
      <c r="EW34" s="104">
        <v>0</v>
      </c>
      <c r="EX34" s="104">
        <v>0</v>
      </c>
      <c r="EY34" s="103">
        <v>0</v>
      </c>
      <c r="EZ34" s="106">
        <v>0</v>
      </c>
      <c r="FA34" s="100">
        <v>0</v>
      </c>
      <c r="FB34" s="104">
        <v>0</v>
      </c>
      <c r="FC34" s="102">
        <v>0</v>
      </c>
      <c r="FD34" s="324"/>
      <c r="FE34" s="104">
        <v>0</v>
      </c>
      <c r="FF34" s="104">
        <v>0</v>
      </c>
      <c r="FG34" s="104">
        <v>0</v>
      </c>
      <c r="FH34" s="104">
        <v>0</v>
      </c>
      <c r="FI34" s="104">
        <v>0</v>
      </c>
      <c r="FJ34" s="103">
        <v>0</v>
      </c>
      <c r="FK34" s="106">
        <v>0</v>
      </c>
      <c r="FL34" s="100">
        <v>16080</v>
      </c>
      <c r="FM34" s="104">
        <v>0</v>
      </c>
      <c r="FN34" s="103">
        <v>16080</v>
      </c>
      <c r="FO34" s="100">
        <v>0</v>
      </c>
      <c r="FP34" s="104">
        <v>0</v>
      </c>
      <c r="FQ34" s="104">
        <v>39984</v>
      </c>
      <c r="FR34" s="104">
        <v>80488</v>
      </c>
      <c r="FS34" s="104">
        <v>32000</v>
      </c>
      <c r="FT34" s="104">
        <v>26200</v>
      </c>
      <c r="FU34" s="103">
        <v>178672</v>
      </c>
      <c r="FV34" s="106">
        <v>194752</v>
      </c>
      <c r="FW34" s="105">
        <v>16080</v>
      </c>
      <c r="FX34" s="104">
        <v>0</v>
      </c>
      <c r="FY34" s="102">
        <v>16080</v>
      </c>
      <c r="FZ34" s="101">
        <v>0</v>
      </c>
      <c r="GA34" s="104">
        <v>0</v>
      </c>
      <c r="GB34" s="104">
        <v>39984</v>
      </c>
      <c r="GC34" s="104">
        <v>80488</v>
      </c>
      <c r="GD34" s="104">
        <v>32000</v>
      </c>
      <c r="GE34" s="104">
        <v>26200</v>
      </c>
      <c r="GF34" s="103">
        <v>178672</v>
      </c>
      <c r="GG34" s="296">
        <v>194752</v>
      </c>
      <c r="GH34" s="105">
        <v>0</v>
      </c>
      <c r="GI34" s="104">
        <v>0</v>
      </c>
      <c r="GJ34" s="102">
        <v>0</v>
      </c>
      <c r="GK34" s="101">
        <v>0</v>
      </c>
      <c r="GL34" s="104">
        <v>0</v>
      </c>
      <c r="GM34" s="104">
        <v>0</v>
      </c>
      <c r="GN34" s="104">
        <v>0</v>
      </c>
      <c r="GO34" s="104">
        <v>0</v>
      </c>
      <c r="GP34" s="104">
        <v>0</v>
      </c>
      <c r="GQ34" s="103">
        <v>0</v>
      </c>
      <c r="GR34" s="106">
        <v>0</v>
      </c>
      <c r="GS34" s="100">
        <v>0</v>
      </c>
      <c r="GT34" s="104">
        <v>0</v>
      </c>
      <c r="GU34" s="103">
        <v>0</v>
      </c>
      <c r="GV34" s="100">
        <v>0</v>
      </c>
      <c r="GW34" s="104">
        <v>0</v>
      </c>
      <c r="GX34" s="104">
        <v>0</v>
      </c>
      <c r="GY34" s="104">
        <v>0</v>
      </c>
      <c r="GZ34" s="104">
        <v>0</v>
      </c>
      <c r="HA34" s="104">
        <v>0</v>
      </c>
      <c r="HB34" s="102">
        <v>0</v>
      </c>
      <c r="HC34" s="106">
        <v>0</v>
      </c>
      <c r="HD34" s="100">
        <v>0</v>
      </c>
      <c r="HE34" s="104">
        <v>0</v>
      </c>
      <c r="HF34" s="102">
        <v>0</v>
      </c>
      <c r="HG34" s="101">
        <v>0</v>
      </c>
      <c r="HH34" s="104">
        <v>0</v>
      </c>
      <c r="HI34" s="104">
        <v>382397</v>
      </c>
      <c r="HJ34" s="104">
        <v>0</v>
      </c>
      <c r="HK34" s="104">
        <v>0</v>
      </c>
      <c r="HL34" s="104">
        <v>244396</v>
      </c>
      <c r="HM34" s="103">
        <v>626793</v>
      </c>
      <c r="HN34" s="99">
        <v>626793</v>
      </c>
      <c r="HO34" s="306"/>
      <c r="HP34" s="307"/>
      <c r="HQ34" s="308"/>
      <c r="HR34" s="309"/>
      <c r="HS34" s="307"/>
      <c r="HT34" s="307"/>
      <c r="HU34" s="307"/>
      <c r="HV34" s="307"/>
      <c r="HW34" s="307"/>
      <c r="HX34" s="310"/>
      <c r="HY34" s="311"/>
      <c r="HZ34" s="137">
        <v>0</v>
      </c>
      <c r="IA34" s="122">
        <v>0</v>
      </c>
      <c r="IB34" s="137">
        <v>0</v>
      </c>
      <c r="IC34" s="121">
        <v>0</v>
      </c>
      <c r="ID34" s="122">
        <v>0</v>
      </c>
      <c r="IE34" s="123">
        <v>127392</v>
      </c>
      <c r="IF34" s="124">
        <v>537800</v>
      </c>
      <c r="IG34" s="122">
        <v>259784</v>
      </c>
      <c r="IH34" s="124">
        <v>0</v>
      </c>
      <c r="II34" s="125">
        <v>924976</v>
      </c>
      <c r="IJ34" s="137">
        <v>924976</v>
      </c>
      <c r="IK34" s="219">
        <v>0</v>
      </c>
      <c r="IL34" s="223">
        <v>0</v>
      </c>
      <c r="IM34" s="224">
        <v>0</v>
      </c>
      <c r="IN34" s="127"/>
      <c r="IO34" s="109">
        <v>0</v>
      </c>
      <c r="IP34" s="109">
        <v>0</v>
      </c>
      <c r="IQ34" s="109">
        <v>0</v>
      </c>
      <c r="IR34" s="109">
        <v>0</v>
      </c>
      <c r="IS34" s="109">
        <v>0</v>
      </c>
      <c r="IT34" s="128">
        <v>0</v>
      </c>
      <c r="IU34" s="298">
        <v>0</v>
      </c>
      <c r="IV34" s="129">
        <v>0</v>
      </c>
      <c r="IW34" s="109">
        <v>0</v>
      </c>
      <c r="IX34" s="110">
        <v>0</v>
      </c>
      <c r="IY34" s="131"/>
      <c r="IZ34" s="109">
        <v>0</v>
      </c>
      <c r="JA34" s="109">
        <v>0</v>
      </c>
      <c r="JB34" s="109">
        <v>0</v>
      </c>
      <c r="JC34" s="109">
        <v>0</v>
      </c>
      <c r="JD34" s="109">
        <v>0</v>
      </c>
      <c r="JE34" s="110">
        <v>0</v>
      </c>
      <c r="JF34" s="111">
        <v>0</v>
      </c>
      <c r="JG34" s="129">
        <v>0</v>
      </c>
      <c r="JH34" s="109">
        <v>0</v>
      </c>
      <c r="JI34" s="128">
        <v>0</v>
      </c>
      <c r="JJ34" s="108">
        <v>0</v>
      </c>
      <c r="JK34" s="109">
        <v>0</v>
      </c>
      <c r="JL34" s="109">
        <v>127392</v>
      </c>
      <c r="JM34" s="109">
        <v>131536</v>
      </c>
      <c r="JN34" s="109">
        <v>0</v>
      </c>
      <c r="JO34" s="109">
        <v>0</v>
      </c>
      <c r="JP34" s="110">
        <v>258928</v>
      </c>
      <c r="JQ34" s="298">
        <v>258928</v>
      </c>
      <c r="JR34" s="129">
        <v>0</v>
      </c>
      <c r="JS34" s="109">
        <v>0</v>
      </c>
      <c r="JT34" s="128">
        <v>0</v>
      </c>
      <c r="JU34" s="108">
        <v>0</v>
      </c>
      <c r="JV34" s="109">
        <v>0</v>
      </c>
      <c r="JW34" s="109">
        <v>0</v>
      </c>
      <c r="JX34" s="109">
        <v>0</v>
      </c>
      <c r="JY34" s="109">
        <v>0</v>
      </c>
      <c r="JZ34" s="109">
        <v>0</v>
      </c>
      <c r="KA34" s="110">
        <v>0</v>
      </c>
      <c r="KB34" s="298">
        <v>0</v>
      </c>
      <c r="KC34" s="221">
        <v>0</v>
      </c>
      <c r="KD34" s="217">
        <v>0</v>
      </c>
      <c r="KE34" s="110">
        <v>0</v>
      </c>
      <c r="KF34" s="108">
        <v>0</v>
      </c>
      <c r="KG34" s="109">
        <v>0</v>
      </c>
      <c r="KH34" s="109">
        <v>0</v>
      </c>
      <c r="KI34" s="109">
        <v>0</v>
      </c>
      <c r="KJ34" s="109">
        <v>0</v>
      </c>
      <c r="KK34" s="109">
        <v>0</v>
      </c>
      <c r="KL34" s="110">
        <v>0</v>
      </c>
      <c r="KM34" s="130">
        <v>0</v>
      </c>
      <c r="KN34" s="219">
        <v>0</v>
      </c>
      <c r="KO34" s="223">
        <v>0</v>
      </c>
      <c r="KP34" s="224">
        <v>0</v>
      </c>
      <c r="KQ34" s="127"/>
      <c r="KR34" s="109">
        <v>0</v>
      </c>
      <c r="KS34" s="109">
        <v>0</v>
      </c>
      <c r="KT34" s="109">
        <v>0</v>
      </c>
      <c r="KU34" s="109">
        <v>0</v>
      </c>
      <c r="KV34" s="109">
        <v>0</v>
      </c>
      <c r="KW34" s="110">
        <v>0</v>
      </c>
      <c r="KX34" s="298">
        <v>0</v>
      </c>
      <c r="KY34" s="129">
        <v>0</v>
      </c>
      <c r="KZ34" s="109">
        <v>0</v>
      </c>
      <c r="LA34" s="110">
        <v>0</v>
      </c>
      <c r="LB34" s="132"/>
      <c r="LC34" s="109">
        <v>0</v>
      </c>
      <c r="LD34" s="109">
        <v>0</v>
      </c>
      <c r="LE34" s="109">
        <v>0</v>
      </c>
      <c r="LF34" s="109">
        <v>0</v>
      </c>
      <c r="LG34" s="109">
        <v>0</v>
      </c>
      <c r="LH34" s="110">
        <v>0</v>
      </c>
      <c r="LI34" s="111">
        <v>0</v>
      </c>
      <c r="LJ34" s="129">
        <v>0</v>
      </c>
      <c r="LK34" s="109">
        <v>0</v>
      </c>
      <c r="LL34" s="110">
        <v>0</v>
      </c>
      <c r="LM34" s="132"/>
      <c r="LN34" s="109">
        <v>0</v>
      </c>
      <c r="LO34" s="109">
        <v>0</v>
      </c>
      <c r="LP34" s="109">
        <v>406264</v>
      </c>
      <c r="LQ34" s="109">
        <v>259784</v>
      </c>
      <c r="LR34" s="109">
        <v>0</v>
      </c>
      <c r="LS34" s="110">
        <v>666048</v>
      </c>
      <c r="LT34" s="298">
        <v>666048</v>
      </c>
      <c r="LU34" s="129">
        <v>0</v>
      </c>
      <c r="LV34" s="109">
        <v>0</v>
      </c>
      <c r="LW34" s="110">
        <v>0</v>
      </c>
      <c r="LX34" s="132"/>
      <c r="LY34" s="109">
        <v>0</v>
      </c>
      <c r="LZ34" s="109">
        <v>0</v>
      </c>
      <c r="MA34" s="109">
        <v>0</v>
      </c>
      <c r="MB34" s="109">
        <v>0</v>
      </c>
      <c r="MC34" s="109">
        <v>0</v>
      </c>
      <c r="MD34" s="110">
        <v>0</v>
      </c>
      <c r="ME34" s="111">
        <v>0</v>
      </c>
      <c r="MF34" s="129">
        <v>0</v>
      </c>
      <c r="MG34" s="109">
        <v>0</v>
      </c>
      <c r="MH34" s="110">
        <v>0</v>
      </c>
      <c r="MI34" s="132"/>
      <c r="MJ34" s="109">
        <v>0</v>
      </c>
      <c r="MK34" s="109">
        <v>0</v>
      </c>
      <c r="ML34" s="109">
        <v>0</v>
      </c>
      <c r="MM34" s="109">
        <v>605480</v>
      </c>
      <c r="MN34" s="109">
        <v>696437</v>
      </c>
      <c r="MO34" s="110">
        <v>1301917</v>
      </c>
      <c r="MP34" s="130">
        <v>1301917</v>
      </c>
      <c r="MQ34" s="129">
        <v>0</v>
      </c>
      <c r="MR34" s="109">
        <v>0</v>
      </c>
      <c r="MS34" s="110">
        <v>0</v>
      </c>
      <c r="MT34" s="132"/>
      <c r="MU34" s="109">
        <v>0</v>
      </c>
      <c r="MV34" s="109">
        <v>0</v>
      </c>
      <c r="MW34" s="109">
        <v>0</v>
      </c>
      <c r="MX34" s="109">
        <v>249905</v>
      </c>
      <c r="MY34" s="109">
        <v>0</v>
      </c>
      <c r="MZ34" s="110">
        <v>249905</v>
      </c>
      <c r="NA34" s="130">
        <v>249905</v>
      </c>
      <c r="NB34" s="129">
        <v>0</v>
      </c>
      <c r="NC34" s="109">
        <v>0</v>
      </c>
      <c r="ND34" s="110">
        <v>0</v>
      </c>
      <c r="NE34" s="132"/>
      <c r="NF34" s="109">
        <v>0</v>
      </c>
      <c r="NG34" s="109">
        <v>0</v>
      </c>
      <c r="NH34" s="109">
        <v>0</v>
      </c>
      <c r="NI34" s="109">
        <v>355575</v>
      </c>
      <c r="NJ34" s="109">
        <v>696437</v>
      </c>
      <c r="NK34" s="110">
        <v>1052012</v>
      </c>
      <c r="NL34" s="298">
        <v>1052012</v>
      </c>
      <c r="NM34" s="129">
        <v>0</v>
      </c>
      <c r="NN34" s="109">
        <v>0</v>
      </c>
      <c r="NO34" s="110">
        <v>0</v>
      </c>
      <c r="NP34" s="132"/>
      <c r="NQ34" s="109">
        <v>0</v>
      </c>
      <c r="NR34" s="109">
        <v>0</v>
      </c>
      <c r="NS34" s="109">
        <v>0</v>
      </c>
      <c r="NT34" s="109">
        <v>0</v>
      </c>
      <c r="NU34" s="109">
        <v>0</v>
      </c>
      <c r="NV34" s="110">
        <v>0</v>
      </c>
      <c r="NW34" s="111">
        <v>0</v>
      </c>
      <c r="NX34" s="129">
        <v>0</v>
      </c>
      <c r="NY34" s="109">
        <v>0</v>
      </c>
      <c r="NZ34" s="110">
        <v>0</v>
      </c>
      <c r="OA34" s="132"/>
      <c r="OB34" s="109">
        <v>0</v>
      </c>
      <c r="OC34" s="109">
        <v>0</v>
      </c>
      <c r="OD34" s="109">
        <v>0</v>
      </c>
      <c r="OE34" s="109">
        <v>0</v>
      </c>
      <c r="OF34" s="109">
        <v>0</v>
      </c>
      <c r="OG34" s="110">
        <v>0</v>
      </c>
      <c r="OH34" s="111">
        <v>0</v>
      </c>
      <c r="OI34" s="129">
        <v>34624</v>
      </c>
      <c r="OJ34" s="109">
        <v>13888</v>
      </c>
      <c r="OK34" s="128">
        <v>48512</v>
      </c>
      <c r="OL34" s="108">
        <v>0</v>
      </c>
      <c r="OM34" s="109">
        <v>60000</v>
      </c>
      <c r="ON34" s="109">
        <v>899224</v>
      </c>
      <c r="OO34" s="109">
        <v>990320</v>
      </c>
      <c r="OP34" s="109">
        <v>1160750</v>
      </c>
      <c r="OQ34" s="109">
        <v>1020271</v>
      </c>
      <c r="OR34" s="110">
        <v>4130565</v>
      </c>
      <c r="OS34" s="130">
        <v>4179077</v>
      </c>
    </row>
    <row r="35" spans="2:409" ht="21" customHeight="1" x14ac:dyDescent="0.2">
      <c r="B35" s="472" t="s">
        <v>30</v>
      </c>
      <c r="C35" s="100">
        <v>42938</v>
      </c>
      <c r="D35" s="104">
        <v>61312</v>
      </c>
      <c r="E35" s="161">
        <v>104250</v>
      </c>
      <c r="F35" s="162">
        <v>0</v>
      </c>
      <c r="G35" s="163">
        <v>286886</v>
      </c>
      <c r="H35" s="163">
        <v>73139</v>
      </c>
      <c r="I35" s="163">
        <v>100176</v>
      </c>
      <c r="J35" s="163">
        <v>304720</v>
      </c>
      <c r="K35" s="163">
        <v>0</v>
      </c>
      <c r="L35" s="164">
        <v>764921</v>
      </c>
      <c r="M35" s="106">
        <v>869171</v>
      </c>
      <c r="N35" s="100">
        <v>6384</v>
      </c>
      <c r="O35" s="104">
        <v>61312</v>
      </c>
      <c r="P35" s="103">
        <v>67696</v>
      </c>
      <c r="Q35" s="100">
        <v>0</v>
      </c>
      <c r="R35" s="104">
        <v>100002</v>
      </c>
      <c r="S35" s="104">
        <v>67112</v>
      </c>
      <c r="T35" s="104">
        <v>48696</v>
      </c>
      <c r="U35" s="104">
        <v>99560</v>
      </c>
      <c r="V35" s="104">
        <v>0</v>
      </c>
      <c r="W35" s="103">
        <v>315370</v>
      </c>
      <c r="X35" s="106">
        <v>383066</v>
      </c>
      <c r="Y35" s="100">
        <v>0</v>
      </c>
      <c r="Z35" s="104">
        <v>0</v>
      </c>
      <c r="AA35" s="103">
        <v>0</v>
      </c>
      <c r="AB35" s="100">
        <v>0</v>
      </c>
      <c r="AC35" s="104">
        <v>23394</v>
      </c>
      <c r="AD35" s="104">
        <v>67112</v>
      </c>
      <c r="AE35" s="104">
        <v>42176</v>
      </c>
      <c r="AF35" s="104">
        <v>28872</v>
      </c>
      <c r="AG35" s="104">
        <v>0</v>
      </c>
      <c r="AH35" s="103">
        <v>161554</v>
      </c>
      <c r="AI35" s="106">
        <v>161554</v>
      </c>
      <c r="AJ35" s="100">
        <v>0</v>
      </c>
      <c r="AK35" s="104">
        <v>0</v>
      </c>
      <c r="AL35" s="103">
        <v>0</v>
      </c>
      <c r="AM35" s="100">
        <v>0</v>
      </c>
      <c r="AN35" s="104">
        <v>0</v>
      </c>
      <c r="AO35" s="104">
        <v>0</v>
      </c>
      <c r="AP35" s="104">
        <v>0</v>
      </c>
      <c r="AQ35" s="104">
        <v>0</v>
      </c>
      <c r="AR35" s="104">
        <v>0</v>
      </c>
      <c r="AS35" s="103">
        <v>0</v>
      </c>
      <c r="AT35" s="106">
        <v>0</v>
      </c>
      <c r="AU35" s="100">
        <v>6384</v>
      </c>
      <c r="AV35" s="104">
        <v>61312</v>
      </c>
      <c r="AW35" s="103">
        <v>67696</v>
      </c>
      <c r="AX35" s="100">
        <v>0</v>
      </c>
      <c r="AY35" s="104">
        <v>47664</v>
      </c>
      <c r="AZ35" s="104">
        <v>0</v>
      </c>
      <c r="BA35" s="104">
        <v>0</v>
      </c>
      <c r="BB35" s="104">
        <v>42072</v>
      </c>
      <c r="BC35" s="104">
        <v>0</v>
      </c>
      <c r="BD35" s="103">
        <v>89736</v>
      </c>
      <c r="BE35" s="106">
        <v>157432</v>
      </c>
      <c r="BF35" s="100">
        <v>0</v>
      </c>
      <c r="BG35" s="104">
        <v>0</v>
      </c>
      <c r="BH35" s="102">
        <v>0</v>
      </c>
      <c r="BI35" s="101">
        <v>0</v>
      </c>
      <c r="BJ35" s="104">
        <v>0</v>
      </c>
      <c r="BK35" s="104">
        <v>0</v>
      </c>
      <c r="BL35" s="104">
        <v>0</v>
      </c>
      <c r="BM35" s="104">
        <v>0</v>
      </c>
      <c r="BN35" s="104">
        <v>0</v>
      </c>
      <c r="BO35" s="103">
        <v>0</v>
      </c>
      <c r="BP35" s="106">
        <v>0</v>
      </c>
      <c r="BQ35" s="100">
        <v>0</v>
      </c>
      <c r="BR35" s="104">
        <v>0</v>
      </c>
      <c r="BS35" s="103">
        <v>0</v>
      </c>
      <c r="BT35" s="100">
        <v>0</v>
      </c>
      <c r="BU35" s="104">
        <v>28944</v>
      </c>
      <c r="BV35" s="104">
        <v>0</v>
      </c>
      <c r="BW35" s="104">
        <v>6520</v>
      </c>
      <c r="BX35" s="104">
        <v>28616</v>
      </c>
      <c r="BY35" s="104">
        <v>0</v>
      </c>
      <c r="BZ35" s="103">
        <v>64080</v>
      </c>
      <c r="CA35" s="106">
        <v>64080</v>
      </c>
      <c r="CB35" s="100">
        <v>20874</v>
      </c>
      <c r="CC35" s="104">
        <v>0</v>
      </c>
      <c r="CD35" s="103">
        <v>20874</v>
      </c>
      <c r="CE35" s="100">
        <v>0</v>
      </c>
      <c r="CF35" s="104">
        <v>24024</v>
      </c>
      <c r="CG35" s="104">
        <v>0</v>
      </c>
      <c r="CH35" s="104">
        <v>0</v>
      </c>
      <c r="CI35" s="104">
        <v>116000</v>
      </c>
      <c r="CJ35" s="104">
        <v>0</v>
      </c>
      <c r="CK35" s="103">
        <v>140024</v>
      </c>
      <c r="CL35" s="106">
        <v>160898</v>
      </c>
      <c r="CM35" s="100">
        <v>0</v>
      </c>
      <c r="CN35" s="104">
        <v>0</v>
      </c>
      <c r="CO35" s="103">
        <v>0</v>
      </c>
      <c r="CP35" s="101">
        <v>0</v>
      </c>
      <c r="CQ35" s="104">
        <v>24024</v>
      </c>
      <c r="CR35" s="104">
        <v>0</v>
      </c>
      <c r="CS35" s="104">
        <v>0</v>
      </c>
      <c r="CT35" s="104">
        <v>116000</v>
      </c>
      <c r="CU35" s="104">
        <v>0</v>
      </c>
      <c r="CV35" s="103">
        <v>140024</v>
      </c>
      <c r="CW35" s="106">
        <v>140024</v>
      </c>
      <c r="CX35" s="100">
        <v>20874</v>
      </c>
      <c r="CY35" s="104">
        <v>0</v>
      </c>
      <c r="CZ35" s="103">
        <v>20874</v>
      </c>
      <c r="DA35" s="100">
        <v>0</v>
      </c>
      <c r="DB35" s="104">
        <v>0</v>
      </c>
      <c r="DC35" s="104">
        <v>0</v>
      </c>
      <c r="DD35" s="104">
        <v>0</v>
      </c>
      <c r="DE35" s="104">
        <v>0</v>
      </c>
      <c r="DF35" s="104">
        <v>0</v>
      </c>
      <c r="DG35" s="103">
        <v>0</v>
      </c>
      <c r="DH35" s="106">
        <v>20874</v>
      </c>
      <c r="DI35" s="100">
        <v>0</v>
      </c>
      <c r="DJ35" s="104">
        <v>0</v>
      </c>
      <c r="DK35" s="102">
        <v>0</v>
      </c>
      <c r="DL35" s="101">
        <v>0</v>
      </c>
      <c r="DM35" s="104">
        <v>0</v>
      </c>
      <c r="DN35" s="104">
        <v>0</v>
      </c>
      <c r="DO35" s="104">
        <v>27160</v>
      </c>
      <c r="DP35" s="104">
        <v>66952</v>
      </c>
      <c r="DQ35" s="104">
        <v>0</v>
      </c>
      <c r="DR35" s="103">
        <v>94112</v>
      </c>
      <c r="DS35" s="106">
        <v>94112</v>
      </c>
      <c r="DT35" s="100">
        <v>0</v>
      </c>
      <c r="DU35" s="104">
        <v>0</v>
      </c>
      <c r="DV35" s="103">
        <v>0</v>
      </c>
      <c r="DW35" s="100">
        <v>0</v>
      </c>
      <c r="DX35" s="104">
        <v>0</v>
      </c>
      <c r="DY35" s="104">
        <v>0</v>
      </c>
      <c r="DZ35" s="104">
        <v>27160</v>
      </c>
      <c r="EA35" s="104">
        <v>66952</v>
      </c>
      <c r="EB35" s="104">
        <v>0</v>
      </c>
      <c r="EC35" s="103">
        <v>94112</v>
      </c>
      <c r="ED35" s="106">
        <v>94112</v>
      </c>
      <c r="EE35" s="100">
        <v>0</v>
      </c>
      <c r="EF35" s="102">
        <v>0</v>
      </c>
      <c r="EG35" s="103">
        <v>0</v>
      </c>
      <c r="EH35" s="100">
        <v>0</v>
      </c>
      <c r="EI35" s="104">
        <v>0</v>
      </c>
      <c r="EJ35" s="104">
        <v>0</v>
      </c>
      <c r="EK35" s="104">
        <v>0</v>
      </c>
      <c r="EL35" s="104">
        <v>0</v>
      </c>
      <c r="EM35" s="104">
        <v>0</v>
      </c>
      <c r="EN35" s="102">
        <v>0</v>
      </c>
      <c r="EO35" s="106">
        <v>0</v>
      </c>
      <c r="EP35" s="100">
        <v>0</v>
      </c>
      <c r="EQ35" s="104">
        <v>0</v>
      </c>
      <c r="ER35" s="102">
        <v>0</v>
      </c>
      <c r="ES35" s="101">
        <v>0</v>
      </c>
      <c r="ET35" s="104">
        <v>0</v>
      </c>
      <c r="EU35" s="104">
        <v>0</v>
      </c>
      <c r="EV35" s="104">
        <v>0</v>
      </c>
      <c r="EW35" s="104">
        <v>0</v>
      </c>
      <c r="EX35" s="104">
        <v>0</v>
      </c>
      <c r="EY35" s="103">
        <v>0</v>
      </c>
      <c r="EZ35" s="106">
        <v>0</v>
      </c>
      <c r="FA35" s="100">
        <v>0</v>
      </c>
      <c r="FB35" s="104">
        <v>0</v>
      </c>
      <c r="FC35" s="102">
        <v>0</v>
      </c>
      <c r="FD35" s="324"/>
      <c r="FE35" s="104">
        <v>0</v>
      </c>
      <c r="FF35" s="104">
        <v>0</v>
      </c>
      <c r="FG35" s="104">
        <v>0</v>
      </c>
      <c r="FH35" s="104">
        <v>0</v>
      </c>
      <c r="FI35" s="104">
        <v>0</v>
      </c>
      <c r="FJ35" s="103">
        <v>0</v>
      </c>
      <c r="FK35" s="106">
        <v>0</v>
      </c>
      <c r="FL35" s="100">
        <v>15680</v>
      </c>
      <c r="FM35" s="104">
        <v>0</v>
      </c>
      <c r="FN35" s="103">
        <v>15680</v>
      </c>
      <c r="FO35" s="100">
        <v>0</v>
      </c>
      <c r="FP35" s="104">
        <v>2240</v>
      </c>
      <c r="FQ35" s="104">
        <v>0</v>
      </c>
      <c r="FR35" s="104">
        <v>24320</v>
      </c>
      <c r="FS35" s="104">
        <v>22208</v>
      </c>
      <c r="FT35" s="104">
        <v>0</v>
      </c>
      <c r="FU35" s="103">
        <v>48768</v>
      </c>
      <c r="FV35" s="106">
        <v>64448</v>
      </c>
      <c r="FW35" s="105">
        <v>15680</v>
      </c>
      <c r="FX35" s="104">
        <v>0</v>
      </c>
      <c r="FY35" s="102">
        <v>15680</v>
      </c>
      <c r="FZ35" s="101">
        <v>0</v>
      </c>
      <c r="GA35" s="104">
        <v>2240</v>
      </c>
      <c r="GB35" s="104">
        <v>0</v>
      </c>
      <c r="GC35" s="104">
        <v>24320</v>
      </c>
      <c r="GD35" s="104">
        <v>22208</v>
      </c>
      <c r="GE35" s="104">
        <v>0</v>
      </c>
      <c r="GF35" s="103">
        <v>48768</v>
      </c>
      <c r="GG35" s="296">
        <v>64448</v>
      </c>
      <c r="GH35" s="105">
        <v>0</v>
      </c>
      <c r="GI35" s="104">
        <v>0</v>
      </c>
      <c r="GJ35" s="102">
        <v>0</v>
      </c>
      <c r="GK35" s="101">
        <v>0</v>
      </c>
      <c r="GL35" s="104">
        <v>0</v>
      </c>
      <c r="GM35" s="104">
        <v>0</v>
      </c>
      <c r="GN35" s="104">
        <v>0</v>
      </c>
      <c r="GO35" s="104">
        <v>0</v>
      </c>
      <c r="GP35" s="104">
        <v>0</v>
      </c>
      <c r="GQ35" s="103">
        <v>0</v>
      </c>
      <c r="GR35" s="106">
        <v>0</v>
      </c>
      <c r="GS35" s="100">
        <v>0</v>
      </c>
      <c r="GT35" s="104">
        <v>0</v>
      </c>
      <c r="GU35" s="103">
        <v>0</v>
      </c>
      <c r="GV35" s="100">
        <v>0</v>
      </c>
      <c r="GW35" s="104">
        <v>0</v>
      </c>
      <c r="GX35" s="104">
        <v>0</v>
      </c>
      <c r="GY35" s="104">
        <v>0</v>
      </c>
      <c r="GZ35" s="104">
        <v>0</v>
      </c>
      <c r="HA35" s="104">
        <v>0</v>
      </c>
      <c r="HB35" s="102">
        <v>0</v>
      </c>
      <c r="HC35" s="106">
        <v>0</v>
      </c>
      <c r="HD35" s="100">
        <v>0</v>
      </c>
      <c r="HE35" s="104">
        <v>0</v>
      </c>
      <c r="HF35" s="102">
        <v>0</v>
      </c>
      <c r="HG35" s="101">
        <v>0</v>
      </c>
      <c r="HH35" s="104">
        <v>160620</v>
      </c>
      <c r="HI35" s="104">
        <v>6027</v>
      </c>
      <c r="HJ35" s="104">
        <v>0</v>
      </c>
      <c r="HK35" s="104">
        <v>0</v>
      </c>
      <c r="HL35" s="104">
        <v>0</v>
      </c>
      <c r="HM35" s="103">
        <v>166647</v>
      </c>
      <c r="HN35" s="99">
        <v>166647</v>
      </c>
      <c r="HO35" s="306"/>
      <c r="HP35" s="307"/>
      <c r="HQ35" s="308"/>
      <c r="HR35" s="309"/>
      <c r="HS35" s="307"/>
      <c r="HT35" s="307"/>
      <c r="HU35" s="307"/>
      <c r="HV35" s="307"/>
      <c r="HW35" s="307"/>
      <c r="HX35" s="310"/>
      <c r="HY35" s="311"/>
      <c r="HZ35" s="118">
        <v>0</v>
      </c>
      <c r="IA35" s="119">
        <v>0</v>
      </c>
      <c r="IB35" s="120">
        <v>0</v>
      </c>
      <c r="IC35" s="133">
        <v>0</v>
      </c>
      <c r="ID35" s="119">
        <v>117116</v>
      </c>
      <c r="IE35" s="134">
        <v>57712</v>
      </c>
      <c r="IF35" s="120">
        <v>133328</v>
      </c>
      <c r="IG35" s="119">
        <v>254504</v>
      </c>
      <c r="IH35" s="120">
        <v>0</v>
      </c>
      <c r="II35" s="135">
        <v>562660</v>
      </c>
      <c r="IJ35" s="126">
        <v>562660</v>
      </c>
      <c r="IK35" s="219">
        <v>0</v>
      </c>
      <c r="IL35" s="223">
        <v>0</v>
      </c>
      <c r="IM35" s="224">
        <v>0</v>
      </c>
      <c r="IN35" s="127"/>
      <c r="IO35" s="109">
        <v>0</v>
      </c>
      <c r="IP35" s="109">
        <v>0</v>
      </c>
      <c r="IQ35" s="109">
        <v>0</v>
      </c>
      <c r="IR35" s="109">
        <v>0</v>
      </c>
      <c r="IS35" s="109">
        <v>0</v>
      </c>
      <c r="IT35" s="128">
        <v>0</v>
      </c>
      <c r="IU35" s="298">
        <v>0</v>
      </c>
      <c r="IV35" s="129">
        <v>0</v>
      </c>
      <c r="IW35" s="109">
        <v>0</v>
      </c>
      <c r="IX35" s="110">
        <v>0</v>
      </c>
      <c r="IY35" s="131"/>
      <c r="IZ35" s="109">
        <v>0</v>
      </c>
      <c r="JA35" s="109">
        <v>0</v>
      </c>
      <c r="JB35" s="109">
        <v>0</v>
      </c>
      <c r="JC35" s="109">
        <v>0</v>
      </c>
      <c r="JD35" s="109">
        <v>0</v>
      </c>
      <c r="JE35" s="110">
        <v>0</v>
      </c>
      <c r="JF35" s="111">
        <v>0</v>
      </c>
      <c r="JG35" s="129">
        <v>0</v>
      </c>
      <c r="JH35" s="109">
        <v>0</v>
      </c>
      <c r="JI35" s="128">
        <v>0</v>
      </c>
      <c r="JJ35" s="108">
        <v>0</v>
      </c>
      <c r="JK35" s="109">
        <v>117116</v>
      </c>
      <c r="JL35" s="109">
        <v>0</v>
      </c>
      <c r="JM35" s="109">
        <v>133328</v>
      </c>
      <c r="JN35" s="109">
        <v>0</v>
      </c>
      <c r="JO35" s="109">
        <v>0</v>
      </c>
      <c r="JP35" s="110">
        <v>250444</v>
      </c>
      <c r="JQ35" s="298">
        <v>250444</v>
      </c>
      <c r="JR35" s="129">
        <v>0</v>
      </c>
      <c r="JS35" s="109">
        <v>0</v>
      </c>
      <c r="JT35" s="128">
        <v>0</v>
      </c>
      <c r="JU35" s="108">
        <v>0</v>
      </c>
      <c r="JV35" s="109">
        <v>0</v>
      </c>
      <c r="JW35" s="109">
        <v>57712</v>
      </c>
      <c r="JX35" s="109">
        <v>0</v>
      </c>
      <c r="JY35" s="109">
        <v>0</v>
      </c>
      <c r="JZ35" s="109">
        <v>0</v>
      </c>
      <c r="KA35" s="110">
        <v>57712</v>
      </c>
      <c r="KB35" s="298">
        <v>57712</v>
      </c>
      <c r="KC35" s="221">
        <v>0</v>
      </c>
      <c r="KD35" s="217">
        <v>0</v>
      </c>
      <c r="KE35" s="110">
        <v>0</v>
      </c>
      <c r="KF35" s="108">
        <v>0</v>
      </c>
      <c r="KG35" s="109">
        <v>0</v>
      </c>
      <c r="KH35" s="109">
        <v>0</v>
      </c>
      <c r="KI35" s="109">
        <v>0</v>
      </c>
      <c r="KJ35" s="109">
        <v>0</v>
      </c>
      <c r="KK35" s="109">
        <v>0</v>
      </c>
      <c r="KL35" s="110">
        <v>0</v>
      </c>
      <c r="KM35" s="130">
        <v>0</v>
      </c>
      <c r="KN35" s="219">
        <v>0</v>
      </c>
      <c r="KO35" s="223">
        <v>0</v>
      </c>
      <c r="KP35" s="224">
        <v>0</v>
      </c>
      <c r="KQ35" s="127"/>
      <c r="KR35" s="109">
        <v>0</v>
      </c>
      <c r="KS35" s="109">
        <v>0</v>
      </c>
      <c r="KT35" s="109">
        <v>0</v>
      </c>
      <c r="KU35" s="109">
        <v>254504</v>
      </c>
      <c r="KV35" s="109">
        <v>0</v>
      </c>
      <c r="KW35" s="110">
        <v>254504</v>
      </c>
      <c r="KX35" s="298">
        <v>254504</v>
      </c>
      <c r="KY35" s="129">
        <v>0</v>
      </c>
      <c r="KZ35" s="109">
        <v>0</v>
      </c>
      <c r="LA35" s="110">
        <v>0</v>
      </c>
      <c r="LB35" s="132"/>
      <c r="LC35" s="109">
        <v>0</v>
      </c>
      <c r="LD35" s="109">
        <v>0</v>
      </c>
      <c r="LE35" s="109">
        <v>0</v>
      </c>
      <c r="LF35" s="109">
        <v>0</v>
      </c>
      <c r="LG35" s="109">
        <v>0</v>
      </c>
      <c r="LH35" s="110">
        <v>0</v>
      </c>
      <c r="LI35" s="111">
        <v>0</v>
      </c>
      <c r="LJ35" s="129">
        <v>0</v>
      </c>
      <c r="LK35" s="109">
        <v>0</v>
      </c>
      <c r="LL35" s="110">
        <v>0</v>
      </c>
      <c r="LM35" s="132"/>
      <c r="LN35" s="109">
        <v>0</v>
      </c>
      <c r="LO35" s="109">
        <v>0</v>
      </c>
      <c r="LP35" s="109">
        <v>0</v>
      </c>
      <c r="LQ35" s="109">
        <v>0</v>
      </c>
      <c r="LR35" s="109">
        <v>0</v>
      </c>
      <c r="LS35" s="110">
        <v>0</v>
      </c>
      <c r="LT35" s="298">
        <v>0</v>
      </c>
      <c r="LU35" s="129">
        <v>0</v>
      </c>
      <c r="LV35" s="109">
        <v>0</v>
      </c>
      <c r="LW35" s="110">
        <v>0</v>
      </c>
      <c r="LX35" s="132"/>
      <c r="LY35" s="109">
        <v>0</v>
      </c>
      <c r="LZ35" s="109">
        <v>0</v>
      </c>
      <c r="MA35" s="109">
        <v>0</v>
      </c>
      <c r="MB35" s="109">
        <v>0</v>
      </c>
      <c r="MC35" s="109">
        <v>0</v>
      </c>
      <c r="MD35" s="110">
        <v>0</v>
      </c>
      <c r="ME35" s="111">
        <v>0</v>
      </c>
      <c r="MF35" s="129">
        <v>0</v>
      </c>
      <c r="MG35" s="109">
        <v>0</v>
      </c>
      <c r="MH35" s="110">
        <v>0</v>
      </c>
      <c r="MI35" s="132"/>
      <c r="MJ35" s="109">
        <v>205632</v>
      </c>
      <c r="MK35" s="109">
        <v>254000</v>
      </c>
      <c r="ML35" s="109">
        <v>443240</v>
      </c>
      <c r="MM35" s="109">
        <v>1724679</v>
      </c>
      <c r="MN35" s="109">
        <v>262944</v>
      </c>
      <c r="MO35" s="110">
        <v>2890495</v>
      </c>
      <c r="MP35" s="130">
        <v>2890495</v>
      </c>
      <c r="MQ35" s="129">
        <v>0</v>
      </c>
      <c r="MR35" s="109">
        <v>0</v>
      </c>
      <c r="MS35" s="110">
        <v>0</v>
      </c>
      <c r="MT35" s="132"/>
      <c r="MU35" s="109">
        <v>0</v>
      </c>
      <c r="MV35" s="109">
        <v>0</v>
      </c>
      <c r="MW35" s="109">
        <v>0</v>
      </c>
      <c r="MX35" s="109">
        <v>239208</v>
      </c>
      <c r="MY35" s="109">
        <v>262944</v>
      </c>
      <c r="MZ35" s="110">
        <v>502152</v>
      </c>
      <c r="NA35" s="130">
        <v>502152</v>
      </c>
      <c r="NB35" s="129">
        <v>0</v>
      </c>
      <c r="NC35" s="109">
        <v>0</v>
      </c>
      <c r="ND35" s="110">
        <v>0</v>
      </c>
      <c r="NE35" s="132"/>
      <c r="NF35" s="109">
        <v>205632</v>
      </c>
      <c r="NG35" s="109">
        <v>254000</v>
      </c>
      <c r="NH35" s="109">
        <v>443240</v>
      </c>
      <c r="NI35" s="109">
        <v>1097556</v>
      </c>
      <c r="NJ35" s="109">
        <v>0</v>
      </c>
      <c r="NK35" s="110">
        <v>2000428</v>
      </c>
      <c r="NL35" s="298">
        <v>2000428</v>
      </c>
      <c r="NM35" s="129">
        <v>0</v>
      </c>
      <c r="NN35" s="109">
        <v>0</v>
      </c>
      <c r="NO35" s="110">
        <v>0</v>
      </c>
      <c r="NP35" s="132"/>
      <c r="NQ35" s="109">
        <v>0</v>
      </c>
      <c r="NR35" s="109">
        <v>0</v>
      </c>
      <c r="NS35" s="109">
        <v>0</v>
      </c>
      <c r="NT35" s="109">
        <v>0</v>
      </c>
      <c r="NU35" s="109">
        <v>0</v>
      </c>
      <c r="NV35" s="110">
        <v>0</v>
      </c>
      <c r="NW35" s="111">
        <v>0</v>
      </c>
      <c r="NX35" s="129">
        <v>0</v>
      </c>
      <c r="NY35" s="109">
        <v>0</v>
      </c>
      <c r="NZ35" s="110">
        <v>0</v>
      </c>
      <c r="OA35" s="132"/>
      <c r="OB35" s="109">
        <v>0</v>
      </c>
      <c r="OC35" s="109">
        <v>0</v>
      </c>
      <c r="OD35" s="109">
        <v>0</v>
      </c>
      <c r="OE35" s="109">
        <v>387915</v>
      </c>
      <c r="OF35" s="109">
        <v>0</v>
      </c>
      <c r="OG35" s="110">
        <v>387915</v>
      </c>
      <c r="OH35" s="111">
        <v>387915</v>
      </c>
      <c r="OI35" s="129">
        <v>42938</v>
      </c>
      <c r="OJ35" s="109">
        <v>61312</v>
      </c>
      <c r="OK35" s="128">
        <v>104250</v>
      </c>
      <c r="OL35" s="108">
        <v>0</v>
      </c>
      <c r="OM35" s="109">
        <v>609634</v>
      </c>
      <c r="ON35" s="109">
        <v>384851</v>
      </c>
      <c r="OO35" s="109">
        <v>676744</v>
      </c>
      <c r="OP35" s="109">
        <v>2283903</v>
      </c>
      <c r="OQ35" s="109">
        <v>262944</v>
      </c>
      <c r="OR35" s="110">
        <v>4218076</v>
      </c>
      <c r="OS35" s="130">
        <v>4322326</v>
      </c>
    </row>
    <row r="36" spans="2:409" ht="21" customHeight="1" x14ac:dyDescent="0.2">
      <c r="B36" s="472" t="s">
        <v>31</v>
      </c>
      <c r="C36" s="100">
        <v>5200</v>
      </c>
      <c r="D36" s="104">
        <v>0</v>
      </c>
      <c r="E36" s="103">
        <v>5200</v>
      </c>
      <c r="F36" s="99">
        <v>0</v>
      </c>
      <c r="G36" s="104">
        <v>113775</v>
      </c>
      <c r="H36" s="104">
        <v>266695</v>
      </c>
      <c r="I36" s="104">
        <v>972811</v>
      </c>
      <c r="J36" s="104">
        <v>65662</v>
      </c>
      <c r="K36" s="104">
        <v>16672</v>
      </c>
      <c r="L36" s="160">
        <v>1435615</v>
      </c>
      <c r="M36" s="106">
        <v>1440815</v>
      </c>
      <c r="N36" s="100">
        <v>0</v>
      </c>
      <c r="O36" s="104">
        <v>0</v>
      </c>
      <c r="P36" s="103">
        <v>0</v>
      </c>
      <c r="Q36" s="100">
        <v>0</v>
      </c>
      <c r="R36" s="104">
        <v>0</v>
      </c>
      <c r="S36" s="104">
        <v>45488</v>
      </c>
      <c r="T36" s="104">
        <v>524200</v>
      </c>
      <c r="U36" s="104">
        <v>27920</v>
      </c>
      <c r="V36" s="104">
        <v>16672</v>
      </c>
      <c r="W36" s="103">
        <v>614280</v>
      </c>
      <c r="X36" s="106">
        <v>614280</v>
      </c>
      <c r="Y36" s="100">
        <v>0</v>
      </c>
      <c r="Z36" s="104">
        <v>0</v>
      </c>
      <c r="AA36" s="103">
        <v>0</v>
      </c>
      <c r="AB36" s="100">
        <v>0</v>
      </c>
      <c r="AC36" s="104">
        <v>0</v>
      </c>
      <c r="AD36" s="104">
        <v>0</v>
      </c>
      <c r="AE36" s="104">
        <v>325824</v>
      </c>
      <c r="AF36" s="104">
        <v>0</v>
      </c>
      <c r="AG36" s="104">
        <v>0</v>
      </c>
      <c r="AH36" s="103">
        <v>325824</v>
      </c>
      <c r="AI36" s="106">
        <v>325824</v>
      </c>
      <c r="AJ36" s="100">
        <v>0</v>
      </c>
      <c r="AK36" s="104">
        <v>0</v>
      </c>
      <c r="AL36" s="103">
        <v>0</v>
      </c>
      <c r="AM36" s="100">
        <v>0</v>
      </c>
      <c r="AN36" s="104">
        <v>0</v>
      </c>
      <c r="AO36" s="104">
        <v>45488</v>
      </c>
      <c r="AP36" s="104">
        <v>101240</v>
      </c>
      <c r="AQ36" s="104">
        <v>0</v>
      </c>
      <c r="AR36" s="104">
        <v>0</v>
      </c>
      <c r="AS36" s="103">
        <v>146728</v>
      </c>
      <c r="AT36" s="106">
        <v>146728</v>
      </c>
      <c r="AU36" s="100">
        <v>0</v>
      </c>
      <c r="AV36" s="104">
        <v>0</v>
      </c>
      <c r="AW36" s="103">
        <v>0</v>
      </c>
      <c r="AX36" s="100">
        <v>0</v>
      </c>
      <c r="AY36" s="104">
        <v>0</v>
      </c>
      <c r="AZ36" s="104">
        <v>0</v>
      </c>
      <c r="BA36" s="104">
        <v>97136</v>
      </c>
      <c r="BB36" s="104">
        <v>0</v>
      </c>
      <c r="BC36" s="104">
        <v>0</v>
      </c>
      <c r="BD36" s="103">
        <v>97136</v>
      </c>
      <c r="BE36" s="106">
        <v>97136</v>
      </c>
      <c r="BF36" s="100">
        <v>0</v>
      </c>
      <c r="BG36" s="104">
        <v>0</v>
      </c>
      <c r="BH36" s="102">
        <v>0</v>
      </c>
      <c r="BI36" s="101">
        <v>0</v>
      </c>
      <c r="BJ36" s="104">
        <v>0</v>
      </c>
      <c r="BK36" s="104">
        <v>0</v>
      </c>
      <c r="BL36" s="104">
        <v>0</v>
      </c>
      <c r="BM36" s="104">
        <v>0</v>
      </c>
      <c r="BN36" s="104">
        <v>0</v>
      </c>
      <c r="BO36" s="103">
        <v>0</v>
      </c>
      <c r="BP36" s="106">
        <v>0</v>
      </c>
      <c r="BQ36" s="100">
        <v>0</v>
      </c>
      <c r="BR36" s="104">
        <v>0</v>
      </c>
      <c r="BS36" s="103">
        <v>0</v>
      </c>
      <c r="BT36" s="100">
        <v>0</v>
      </c>
      <c r="BU36" s="104">
        <v>0</v>
      </c>
      <c r="BV36" s="104">
        <v>0</v>
      </c>
      <c r="BW36" s="104">
        <v>0</v>
      </c>
      <c r="BX36" s="104">
        <v>27920</v>
      </c>
      <c r="BY36" s="104">
        <v>16672</v>
      </c>
      <c r="BZ36" s="103">
        <v>44592</v>
      </c>
      <c r="CA36" s="106">
        <v>44592</v>
      </c>
      <c r="CB36" s="100">
        <v>0</v>
      </c>
      <c r="CC36" s="104">
        <v>0</v>
      </c>
      <c r="CD36" s="103">
        <v>0</v>
      </c>
      <c r="CE36" s="100">
        <v>0</v>
      </c>
      <c r="CF36" s="104">
        <v>102815</v>
      </c>
      <c r="CG36" s="104">
        <v>129167</v>
      </c>
      <c r="CH36" s="104">
        <v>297433</v>
      </c>
      <c r="CI36" s="104">
        <v>0</v>
      </c>
      <c r="CJ36" s="104">
        <v>0</v>
      </c>
      <c r="CK36" s="103">
        <v>529415</v>
      </c>
      <c r="CL36" s="106">
        <v>529415</v>
      </c>
      <c r="CM36" s="100">
        <v>0</v>
      </c>
      <c r="CN36" s="104">
        <v>0</v>
      </c>
      <c r="CO36" s="103">
        <v>0</v>
      </c>
      <c r="CP36" s="101">
        <v>0</v>
      </c>
      <c r="CQ36" s="104">
        <v>48362</v>
      </c>
      <c r="CR36" s="104">
        <v>57408</v>
      </c>
      <c r="CS36" s="104">
        <v>187305</v>
      </c>
      <c r="CT36" s="104">
        <v>0</v>
      </c>
      <c r="CU36" s="104">
        <v>0</v>
      </c>
      <c r="CV36" s="103">
        <v>293075</v>
      </c>
      <c r="CW36" s="106">
        <v>293075</v>
      </c>
      <c r="CX36" s="100">
        <v>0</v>
      </c>
      <c r="CY36" s="104">
        <v>0</v>
      </c>
      <c r="CZ36" s="103">
        <v>0</v>
      </c>
      <c r="DA36" s="100">
        <v>0</v>
      </c>
      <c r="DB36" s="104">
        <v>54453</v>
      </c>
      <c r="DC36" s="104">
        <v>71759</v>
      </c>
      <c r="DD36" s="104">
        <v>110128</v>
      </c>
      <c r="DE36" s="104">
        <v>0</v>
      </c>
      <c r="DF36" s="104">
        <v>0</v>
      </c>
      <c r="DG36" s="103">
        <v>236340</v>
      </c>
      <c r="DH36" s="106">
        <v>236340</v>
      </c>
      <c r="DI36" s="100">
        <v>0</v>
      </c>
      <c r="DJ36" s="104">
        <v>0</v>
      </c>
      <c r="DK36" s="102">
        <v>0</v>
      </c>
      <c r="DL36" s="101">
        <v>0</v>
      </c>
      <c r="DM36" s="104">
        <v>0</v>
      </c>
      <c r="DN36" s="104">
        <v>0</v>
      </c>
      <c r="DO36" s="104">
        <v>8778</v>
      </c>
      <c r="DP36" s="104">
        <v>27142</v>
      </c>
      <c r="DQ36" s="104">
        <v>0</v>
      </c>
      <c r="DR36" s="103">
        <v>35920</v>
      </c>
      <c r="DS36" s="106">
        <v>35920</v>
      </c>
      <c r="DT36" s="100">
        <v>0</v>
      </c>
      <c r="DU36" s="104">
        <v>0</v>
      </c>
      <c r="DV36" s="103">
        <v>0</v>
      </c>
      <c r="DW36" s="100">
        <v>0</v>
      </c>
      <c r="DX36" s="104">
        <v>0</v>
      </c>
      <c r="DY36" s="104">
        <v>0</v>
      </c>
      <c r="DZ36" s="104">
        <v>8778</v>
      </c>
      <c r="EA36" s="104">
        <v>27142</v>
      </c>
      <c r="EB36" s="104">
        <v>0</v>
      </c>
      <c r="EC36" s="103">
        <v>35920</v>
      </c>
      <c r="ED36" s="106">
        <v>35920</v>
      </c>
      <c r="EE36" s="100">
        <v>0</v>
      </c>
      <c r="EF36" s="102">
        <v>0</v>
      </c>
      <c r="EG36" s="103">
        <v>0</v>
      </c>
      <c r="EH36" s="100">
        <v>0</v>
      </c>
      <c r="EI36" s="104">
        <v>0</v>
      </c>
      <c r="EJ36" s="104">
        <v>0</v>
      </c>
      <c r="EK36" s="104">
        <v>0</v>
      </c>
      <c r="EL36" s="104">
        <v>0</v>
      </c>
      <c r="EM36" s="104">
        <v>0</v>
      </c>
      <c r="EN36" s="102">
        <v>0</v>
      </c>
      <c r="EO36" s="106">
        <v>0</v>
      </c>
      <c r="EP36" s="100">
        <v>0</v>
      </c>
      <c r="EQ36" s="104">
        <v>0</v>
      </c>
      <c r="ER36" s="102">
        <v>0</v>
      </c>
      <c r="ES36" s="101">
        <v>0</v>
      </c>
      <c r="ET36" s="104">
        <v>0</v>
      </c>
      <c r="EU36" s="104">
        <v>0</v>
      </c>
      <c r="EV36" s="104">
        <v>0</v>
      </c>
      <c r="EW36" s="104">
        <v>0</v>
      </c>
      <c r="EX36" s="104">
        <v>0</v>
      </c>
      <c r="EY36" s="103">
        <v>0</v>
      </c>
      <c r="EZ36" s="106">
        <v>0</v>
      </c>
      <c r="FA36" s="100">
        <v>0</v>
      </c>
      <c r="FB36" s="104">
        <v>0</v>
      </c>
      <c r="FC36" s="102">
        <v>0</v>
      </c>
      <c r="FD36" s="324"/>
      <c r="FE36" s="104">
        <v>0</v>
      </c>
      <c r="FF36" s="104">
        <v>0</v>
      </c>
      <c r="FG36" s="104">
        <v>0</v>
      </c>
      <c r="FH36" s="104">
        <v>0</v>
      </c>
      <c r="FI36" s="104">
        <v>0</v>
      </c>
      <c r="FJ36" s="103">
        <v>0</v>
      </c>
      <c r="FK36" s="106">
        <v>0</v>
      </c>
      <c r="FL36" s="100">
        <v>5200</v>
      </c>
      <c r="FM36" s="104">
        <v>0</v>
      </c>
      <c r="FN36" s="103">
        <v>5200</v>
      </c>
      <c r="FO36" s="100">
        <v>0</v>
      </c>
      <c r="FP36" s="104">
        <v>10960</v>
      </c>
      <c r="FQ36" s="104">
        <v>92040</v>
      </c>
      <c r="FR36" s="104">
        <v>142400</v>
      </c>
      <c r="FS36" s="104">
        <v>10600</v>
      </c>
      <c r="FT36" s="104">
        <v>0</v>
      </c>
      <c r="FU36" s="103">
        <v>256000</v>
      </c>
      <c r="FV36" s="106">
        <v>261200</v>
      </c>
      <c r="FW36" s="105">
        <v>5200</v>
      </c>
      <c r="FX36" s="104">
        <v>0</v>
      </c>
      <c r="FY36" s="102">
        <v>5200</v>
      </c>
      <c r="FZ36" s="101">
        <v>0</v>
      </c>
      <c r="GA36" s="104">
        <v>10960</v>
      </c>
      <c r="GB36" s="104">
        <v>47240</v>
      </c>
      <c r="GC36" s="104">
        <v>142400</v>
      </c>
      <c r="GD36" s="104">
        <v>10600</v>
      </c>
      <c r="GE36" s="104">
        <v>0</v>
      </c>
      <c r="GF36" s="103">
        <v>211200</v>
      </c>
      <c r="GG36" s="296">
        <v>216400</v>
      </c>
      <c r="GH36" s="105">
        <v>0</v>
      </c>
      <c r="GI36" s="104">
        <v>0</v>
      </c>
      <c r="GJ36" s="102">
        <v>0</v>
      </c>
      <c r="GK36" s="101">
        <v>0</v>
      </c>
      <c r="GL36" s="104">
        <v>0</v>
      </c>
      <c r="GM36" s="104">
        <v>44800</v>
      </c>
      <c r="GN36" s="104">
        <v>0</v>
      </c>
      <c r="GO36" s="104">
        <v>0</v>
      </c>
      <c r="GP36" s="104">
        <v>0</v>
      </c>
      <c r="GQ36" s="103">
        <v>44800</v>
      </c>
      <c r="GR36" s="106">
        <v>44800</v>
      </c>
      <c r="GS36" s="100">
        <v>0</v>
      </c>
      <c r="GT36" s="104">
        <v>0</v>
      </c>
      <c r="GU36" s="103">
        <v>0</v>
      </c>
      <c r="GV36" s="100">
        <v>0</v>
      </c>
      <c r="GW36" s="104">
        <v>0</v>
      </c>
      <c r="GX36" s="104">
        <v>0</v>
      </c>
      <c r="GY36" s="104">
        <v>0</v>
      </c>
      <c r="GZ36" s="104">
        <v>0</v>
      </c>
      <c r="HA36" s="104">
        <v>0</v>
      </c>
      <c r="HB36" s="102">
        <v>0</v>
      </c>
      <c r="HC36" s="106">
        <v>0</v>
      </c>
      <c r="HD36" s="100">
        <v>0</v>
      </c>
      <c r="HE36" s="104">
        <v>0</v>
      </c>
      <c r="HF36" s="102">
        <v>0</v>
      </c>
      <c r="HG36" s="101">
        <v>0</v>
      </c>
      <c r="HH36" s="104">
        <v>0</v>
      </c>
      <c r="HI36" s="104">
        <v>0</v>
      </c>
      <c r="HJ36" s="104">
        <v>0</v>
      </c>
      <c r="HK36" s="104">
        <v>0</v>
      </c>
      <c r="HL36" s="104">
        <v>0</v>
      </c>
      <c r="HM36" s="103">
        <v>0</v>
      </c>
      <c r="HN36" s="99">
        <v>0</v>
      </c>
      <c r="HO36" s="306"/>
      <c r="HP36" s="307"/>
      <c r="HQ36" s="308"/>
      <c r="HR36" s="309"/>
      <c r="HS36" s="307"/>
      <c r="HT36" s="307"/>
      <c r="HU36" s="307"/>
      <c r="HV36" s="307"/>
      <c r="HW36" s="307"/>
      <c r="HX36" s="310"/>
      <c r="HY36" s="311"/>
      <c r="HZ36" s="137">
        <v>0</v>
      </c>
      <c r="IA36" s="122">
        <v>0</v>
      </c>
      <c r="IB36" s="137">
        <v>0</v>
      </c>
      <c r="IC36" s="121">
        <v>0</v>
      </c>
      <c r="ID36" s="122">
        <v>144673</v>
      </c>
      <c r="IE36" s="123">
        <v>438585</v>
      </c>
      <c r="IF36" s="124">
        <v>20409</v>
      </c>
      <c r="IG36" s="122">
        <v>434382</v>
      </c>
      <c r="IH36" s="124">
        <v>253728</v>
      </c>
      <c r="II36" s="125">
        <v>1291777</v>
      </c>
      <c r="IJ36" s="137">
        <v>1291777</v>
      </c>
      <c r="IK36" s="219">
        <v>0</v>
      </c>
      <c r="IL36" s="223">
        <v>0</v>
      </c>
      <c r="IM36" s="224">
        <v>0</v>
      </c>
      <c r="IN36" s="127"/>
      <c r="IO36" s="109">
        <v>0</v>
      </c>
      <c r="IP36" s="109">
        <v>0</v>
      </c>
      <c r="IQ36" s="109">
        <v>0</v>
      </c>
      <c r="IR36" s="109">
        <v>0</v>
      </c>
      <c r="IS36" s="109">
        <v>0</v>
      </c>
      <c r="IT36" s="128">
        <v>0</v>
      </c>
      <c r="IU36" s="298">
        <v>0</v>
      </c>
      <c r="IV36" s="129">
        <v>0</v>
      </c>
      <c r="IW36" s="109">
        <v>0</v>
      </c>
      <c r="IX36" s="110">
        <v>0</v>
      </c>
      <c r="IY36" s="131"/>
      <c r="IZ36" s="109">
        <v>0</v>
      </c>
      <c r="JA36" s="109">
        <v>0</v>
      </c>
      <c r="JB36" s="109">
        <v>0</v>
      </c>
      <c r="JC36" s="109">
        <v>0</v>
      </c>
      <c r="JD36" s="109">
        <v>0</v>
      </c>
      <c r="JE36" s="110">
        <v>0</v>
      </c>
      <c r="JF36" s="111">
        <v>0</v>
      </c>
      <c r="JG36" s="129">
        <v>0</v>
      </c>
      <c r="JH36" s="109">
        <v>0</v>
      </c>
      <c r="JI36" s="128">
        <v>0</v>
      </c>
      <c r="JJ36" s="108">
        <v>0</v>
      </c>
      <c r="JK36" s="109">
        <v>8095</v>
      </c>
      <c r="JL36" s="109">
        <v>13708</v>
      </c>
      <c r="JM36" s="109">
        <v>20409</v>
      </c>
      <c r="JN36" s="109">
        <v>0</v>
      </c>
      <c r="JO36" s="109">
        <v>0</v>
      </c>
      <c r="JP36" s="110">
        <v>42212</v>
      </c>
      <c r="JQ36" s="298">
        <v>42212</v>
      </c>
      <c r="JR36" s="129">
        <v>0</v>
      </c>
      <c r="JS36" s="109">
        <v>0</v>
      </c>
      <c r="JT36" s="128">
        <v>0</v>
      </c>
      <c r="JU36" s="108">
        <v>0</v>
      </c>
      <c r="JV36" s="109">
        <v>0</v>
      </c>
      <c r="JW36" s="109">
        <v>0</v>
      </c>
      <c r="JX36" s="109">
        <v>0</v>
      </c>
      <c r="JY36" s="109">
        <v>196710</v>
      </c>
      <c r="JZ36" s="109">
        <v>0</v>
      </c>
      <c r="KA36" s="110">
        <v>196710</v>
      </c>
      <c r="KB36" s="298">
        <v>196710</v>
      </c>
      <c r="KC36" s="221">
        <v>0</v>
      </c>
      <c r="KD36" s="217">
        <v>0</v>
      </c>
      <c r="KE36" s="110">
        <v>0</v>
      </c>
      <c r="KF36" s="108">
        <v>0</v>
      </c>
      <c r="KG36" s="109">
        <v>136578</v>
      </c>
      <c r="KH36" s="109">
        <v>0</v>
      </c>
      <c r="KI36" s="109">
        <v>0</v>
      </c>
      <c r="KJ36" s="109">
        <v>0</v>
      </c>
      <c r="KK36" s="109">
        <v>0</v>
      </c>
      <c r="KL36" s="110">
        <v>136578</v>
      </c>
      <c r="KM36" s="130">
        <v>136578</v>
      </c>
      <c r="KN36" s="219">
        <v>0</v>
      </c>
      <c r="KO36" s="223">
        <v>0</v>
      </c>
      <c r="KP36" s="224">
        <v>0</v>
      </c>
      <c r="KQ36" s="127"/>
      <c r="KR36" s="109">
        <v>0</v>
      </c>
      <c r="KS36" s="109">
        <v>242069</v>
      </c>
      <c r="KT36" s="109">
        <v>0</v>
      </c>
      <c r="KU36" s="109">
        <v>237672</v>
      </c>
      <c r="KV36" s="109">
        <v>253728</v>
      </c>
      <c r="KW36" s="110">
        <v>733469</v>
      </c>
      <c r="KX36" s="298">
        <v>733469</v>
      </c>
      <c r="KY36" s="129">
        <v>0</v>
      </c>
      <c r="KZ36" s="109">
        <v>0</v>
      </c>
      <c r="LA36" s="110">
        <v>0</v>
      </c>
      <c r="LB36" s="132"/>
      <c r="LC36" s="109">
        <v>0</v>
      </c>
      <c r="LD36" s="109">
        <v>0</v>
      </c>
      <c r="LE36" s="109">
        <v>0</v>
      </c>
      <c r="LF36" s="109">
        <v>0</v>
      </c>
      <c r="LG36" s="109">
        <v>0</v>
      </c>
      <c r="LH36" s="110">
        <v>0</v>
      </c>
      <c r="LI36" s="111">
        <v>0</v>
      </c>
      <c r="LJ36" s="129">
        <v>0</v>
      </c>
      <c r="LK36" s="109">
        <v>0</v>
      </c>
      <c r="LL36" s="110">
        <v>0</v>
      </c>
      <c r="LM36" s="132"/>
      <c r="LN36" s="109">
        <v>0</v>
      </c>
      <c r="LO36" s="109">
        <v>182808</v>
      </c>
      <c r="LP36" s="109">
        <v>0</v>
      </c>
      <c r="LQ36" s="109">
        <v>0</v>
      </c>
      <c r="LR36" s="109">
        <v>0</v>
      </c>
      <c r="LS36" s="110">
        <v>182808</v>
      </c>
      <c r="LT36" s="298">
        <v>182808</v>
      </c>
      <c r="LU36" s="129">
        <v>0</v>
      </c>
      <c r="LV36" s="109">
        <v>0</v>
      </c>
      <c r="LW36" s="110">
        <v>0</v>
      </c>
      <c r="LX36" s="132"/>
      <c r="LY36" s="109">
        <v>0</v>
      </c>
      <c r="LZ36" s="109">
        <v>0</v>
      </c>
      <c r="MA36" s="109">
        <v>0</v>
      </c>
      <c r="MB36" s="109">
        <v>0</v>
      </c>
      <c r="MC36" s="109">
        <v>0</v>
      </c>
      <c r="MD36" s="110">
        <v>0</v>
      </c>
      <c r="ME36" s="111">
        <v>0</v>
      </c>
      <c r="MF36" s="129">
        <v>0</v>
      </c>
      <c r="MG36" s="109">
        <v>0</v>
      </c>
      <c r="MH36" s="110">
        <v>0</v>
      </c>
      <c r="MI36" s="132"/>
      <c r="MJ36" s="109">
        <v>0</v>
      </c>
      <c r="MK36" s="109">
        <v>0</v>
      </c>
      <c r="ML36" s="109">
        <v>426981</v>
      </c>
      <c r="MM36" s="109">
        <v>277585</v>
      </c>
      <c r="MN36" s="109">
        <v>0</v>
      </c>
      <c r="MO36" s="110">
        <v>704566</v>
      </c>
      <c r="MP36" s="130">
        <v>704566</v>
      </c>
      <c r="MQ36" s="129">
        <v>0</v>
      </c>
      <c r="MR36" s="109">
        <v>0</v>
      </c>
      <c r="MS36" s="110">
        <v>0</v>
      </c>
      <c r="MT36" s="132"/>
      <c r="MU36" s="109">
        <v>0</v>
      </c>
      <c r="MV36" s="109">
        <v>0</v>
      </c>
      <c r="MW36" s="109">
        <v>426981</v>
      </c>
      <c r="MX36" s="109">
        <v>277585</v>
      </c>
      <c r="MY36" s="109">
        <v>0</v>
      </c>
      <c r="MZ36" s="110">
        <v>704566</v>
      </c>
      <c r="NA36" s="130">
        <v>704566</v>
      </c>
      <c r="NB36" s="129">
        <v>0</v>
      </c>
      <c r="NC36" s="109">
        <v>0</v>
      </c>
      <c r="ND36" s="110">
        <v>0</v>
      </c>
      <c r="NE36" s="132"/>
      <c r="NF36" s="109">
        <v>0</v>
      </c>
      <c r="NG36" s="109">
        <v>0</v>
      </c>
      <c r="NH36" s="109">
        <v>0</v>
      </c>
      <c r="NI36" s="109">
        <v>0</v>
      </c>
      <c r="NJ36" s="109">
        <v>0</v>
      </c>
      <c r="NK36" s="110">
        <v>0</v>
      </c>
      <c r="NL36" s="298">
        <v>0</v>
      </c>
      <c r="NM36" s="129">
        <v>0</v>
      </c>
      <c r="NN36" s="109">
        <v>0</v>
      </c>
      <c r="NO36" s="110">
        <v>0</v>
      </c>
      <c r="NP36" s="132"/>
      <c r="NQ36" s="109">
        <v>0</v>
      </c>
      <c r="NR36" s="109">
        <v>0</v>
      </c>
      <c r="NS36" s="109">
        <v>0</v>
      </c>
      <c r="NT36" s="109">
        <v>0</v>
      </c>
      <c r="NU36" s="109">
        <v>0</v>
      </c>
      <c r="NV36" s="110">
        <v>0</v>
      </c>
      <c r="NW36" s="111">
        <v>0</v>
      </c>
      <c r="NX36" s="129">
        <v>0</v>
      </c>
      <c r="NY36" s="109">
        <v>0</v>
      </c>
      <c r="NZ36" s="110">
        <v>0</v>
      </c>
      <c r="OA36" s="132"/>
      <c r="OB36" s="109">
        <v>0</v>
      </c>
      <c r="OC36" s="109">
        <v>0</v>
      </c>
      <c r="OD36" s="109">
        <v>0</v>
      </c>
      <c r="OE36" s="109">
        <v>0</v>
      </c>
      <c r="OF36" s="109">
        <v>0</v>
      </c>
      <c r="OG36" s="110">
        <v>0</v>
      </c>
      <c r="OH36" s="111">
        <v>0</v>
      </c>
      <c r="OI36" s="129">
        <v>5200</v>
      </c>
      <c r="OJ36" s="109">
        <v>0</v>
      </c>
      <c r="OK36" s="128">
        <v>5200</v>
      </c>
      <c r="OL36" s="108">
        <v>0</v>
      </c>
      <c r="OM36" s="109">
        <v>258448</v>
      </c>
      <c r="ON36" s="109">
        <v>705280</v>
      </c>
      <c r="OO36" s="109">
        <v>1420201</v>
      </c>
      <c r="OP36" s="109">
        <v>777629</v>
      </c>
      <c r="OQ36" s="109">
        <v>270400</v>
      </c>
      <c r="OR36" s="110">
        <v>3431958</v>
      </c>
      <c r="OS36" s="130">
        <v>3437158</v>
      </c>
    </row>
    <row r="37" spans="2:409" ht="21" customHeight="1" x14ac:dyDescent="0.2">
      <c r="B37" s="472" t="s">
        <v>32</v>
      </c>
      <c r="C37" s="100">
        <v>0</v>
      </c>
      <c r="D37" s="104">
        <v>12000</v>
      </c>
      <c r="E37" s="161">
        <v>12000</v>
      </c>
      <c r="F37" s="162">
        <v>0</v>
      </c>
      <c r="G37" s="163">
        <v>462568</v>
      </c>
      <c r="H37" s="163">
        <v>914550</v>
      </c>
      <c r="I37" s="163">
        <v>88396</v>
      </c>
      <c r="J37" s="163">
        <v>230863</v>
      </c>
      <c r="K37" s="163">
        <v>701162</v>
      </c>
      <c r="L37" s="164">
        <v>2397539</v>
      </c>
      <c r="M37" s="106">
        <v>2409539</v>
      </c>
      <c r="N37" s="100">
        <v>0</v>
      </c>
      <c r="O37" s="104">
        <v>0</v>
      </c>
      <c r="P37" s="103">
        <v>0</v>
      </c>
      <c r="Q37" s="100">
        <v>0</v>
      </c>
      <c r="R37" s="104">
        <v>177680</v>
      </c>
      <c r="S37" s="104">
        <v>185890</v>
      </c>
      <c r="T37" s="104">
        <v>4576</v>
      </c>
      <c r="U37" s="104">
        <v>10912</v>
      </c>
      <c r="V37" s="104">
        <v>262498</v>
      </c>
      <c r="W37" s="103">
        <v>641556</v>
      </c>
      <c r="X37" s="106">
        <v>641556</v>
      </c>
      <c r="Y37" s="100">
        <v>0</v>
      </c>
      <c r="Z37" s="104">
        <v>0</v>
      </c>
      <c r="AA37" s="103">
        <v>0</v>
      </c>
      <c r="AB37" s="100">
        <v>0</v>
      </c>
      <c r="AC37" s="104">
        <v>102608</v>
      </c>
      <c r="AD37" s="104">
        <v>0</v>
      </c>
      <c r="AE37" s="104">
        <v>0</v>
      </c>
      <c r="AF37" s="104">
        <v>0</v>
      </c>
      <c r="AG37" s="104">
        <v>166320</v>
      </c>
      <c r="AH37" s="103">
        <v>268928</v>
      </c>
      <c r="AI37" s="106">
        <v>268928</v>
      </c>
      <c r="AJ37" s="100">
        <v>0</v>
      </c>
      <c r="AK37" s="104">
        <v>0</v>
      </c>
      <c r="AL37" s="103">
        <v>0</v>
      </c>
      <c r="AM37" s="100">
        <v>0</v>
      </c>
      <c r="AN37" s="104">
        <v>0</v>
      </c>
      <c r="AO37" s="104">
        <v>0</v>
      </c>
      <c r="AP37" s="104">
        <v>0</v>
      </c>
      <c r="AQ37" s="104">
        <v>0</v>
      </c>
      <c r="AR37" s="104">
        <v>57642</v>
      </c>
      <c r="AS37" s="103">
        <v>57642</v>
      </c>
      <c r="AT37" s="106">
        <v>57642</v>
      </c>
      <c r="AU37" s="100">
        <v>0</v>
      </c>
      <c r="AV37" s="104">
        <v>0</v>
      </c>
      <c r="AW37" s="103">
        <v>0</v>
      </c>
      <c r="AX37" s="100">
        <v>0</v>
      </c>
      <c r="AY37" s="104">
        <v>66800</v>
      </c>
      <c r="AZ37" s="104">
        <v>125130</v>
      </c>
      <c r="BA37" s="104">
        <v>0</v>
      </c>
      <c r="BB37" s="104">
        <v>0</v>
      </c>
      <c r="BC37" s="104">
        <v>0</v>
      </c>
      <c r="BD37" s="103">
        <v>191930</v>
      </c>
      <c r="BE37" s="106">
        <v>191930</v>
      </c>
      <c r="BF37" s="100">
        <v>0</v>
      </c>
      <c r="BG37" s="104">
        <v>0</v>
      </c>
      <c r="BH37" s="102">
        <v>0</v>
      </c>
      <c r="BI37" s="101">
        <v>0</v>
      </c>
      <c r="BJ37" s="104">
        <v>0</v>
      </c>
      <c r="BK37" s="104">
        <v>22944</v>
      </c>
      <c r="BL37" s="104">
        <v>0</v>
      </c>
      <c r="BM37" s="104">
        <v>0</v>
      </c>
      <c r="BN37" s="104">
        <v>0</v>
      </c>
      <c r="BO37" s="103">
        <v>22944</v>
      </c>
      <c r="BP37" s="106">
        <v>22944</v>
      </c>
      <c r="BQ37" s="100">
        <v>0</v>
      </c>
      <c r="BR37" s="104">
        <v>0</v>
      </c>
      <c r="BS37" s="103">
        <v>0</v>
      </c>
      <c r="BT37" s="100">
        <v>0</v>
      </c>
      <c r="BU37" s="104">
        <v>8272</v>
      </c>
      <c r="BV37" s="104">
        <v>37816</v>
      </c>
      <c r="BW37" s="104">
        <v>4576</v>
      </c>
      <c r="BX37" s="104">
        <v>10912</v>
      </c>
      <c r="BY37" s="104">
        <v>38536</v>
      </c>
      <c r="BZ37" s="103">
        <v>100112</v>
      </c>
      <c r="CA37" s="106">
        <v>100112</v>
      </c>
      <c r="CB37" s="100">
        <v>0</v>
      </c>
      <c r="CC37" s="104">
        <v>0</v>
      </c>
      <c r="CD37" s="103">
        <v>0</v>
      </c>
      <c r="CE37" s="100">
        <v>0</v>
      </c>
      <c r="CF37" s="104">
        <v>19728</v>
      </c>
      <c r="CG37" s="104">
        <v>288320</v>
      </c>
      <c r="CH37" s="104">
        <v>55148</v>
      </c>
      <c r="CI37" s="104">
        <v>0</v>
      </c>
      <c r="CJ37" s="104">
        <v>0</v>
      </c>
      <c r="CK37" s="103">
        <v>363196</v>
      </c>
      <c r="CL37" s="106">
        <v>363196</v>
      </c>
      <c r="CM37" s="100">
        <v>0</v>
      </c>
      <c r="CN37" s="104">
        <v>0</v>
      </c>
      <c r="CO37" s="103">
        <v>0</v>
      </c>
      <c r="CP37" s="101">
        <v>0</v>
      </c>
      <c r="CQ37" s="104">
        <v>19728</v>
      </c>
      <c r="CR37" s="104">
        <v>216176</v>
      </c>
      <c r="CS37" s="104">
        <v>18392</v>
      </c>
      <c r="CT37" s="104">
        <v>0</v>
      </c>
      <c r="CU37" s="104">
        <v>0</v>
      </c>
      <c r="CV37" s="103">
        <v>254296</v>
      </c>
      <c r="CW37" s="106">
        <v>254296</v>
      </c>
      <c r="CX37" s="100">
        <v>0</v>
      </c>
      <c r="CY37" s="104">
        <v>0</v>
      </c>
      <c r="CZ37" s="103">
        <v>0</v>
      </c>
      <c r="DA37" s="100">
        <v>0</v>
      </c>
      <c r="DB37" s="104">
        <v>0</v>
      </c>
      <c r="DC37" s="104">
        <v>72144</v>
      </c>
      <c r="DD37" s="104">
        <v>36756</v>
      </c>
      <c r="DE37" s="104">
        <v>0</v>
      </c>
      <c r="DF37" s="104">
        <v>0</v>
      </c>
      <c r="DG37" s="103">
        <v>108900</v>
      </c>
      <c r="DH37" s="106">
        <v>108900</v>
      </c>
      <c r="DI37" s="100">
        <v>0</v>
      </c>
      <c r="DJ37" s="104">
        <v>0</v>
      </c>
      <c r="DK37" s="102">
        <v>0</v>
      </c>
      <c r="DL37" s="101">
        <v>0</v>
      </c>
      <c r="DM37" s="104">
        <v>21344</v>
      </c>
      <c r="DN37" s="104">
        <v>0</v>
      </c>
      <c r="DO37" s="104">
        <v>0</v>
      </c>
      <c r="DP37" s="104">
        <v>0</v>
      </c>
      <c r="DQ37" s="104">
        <v>0</v>
      </c>
      <c r="DR37" s="103">
        <v>21344</v>
      </c>
      <c r="DS37" s="106">
        <v>21344</v>
      </c>
      <c r="DT37" s="100">
        <v>0</v>
      </c>
      <c r="DU37" s="104">
        <v>0</v>
      </c>
      <c r="DV37" s="103">
        <v>0</v>
      </c>
      <c r="DW37" s="100">
        <v>0</v>
      </c>
      <c r="DX37" s="104">
        <v>21344</v>
      </c>
      <c r="DY37" s="104">
        <v>0</v>
      </c>
      <c r="DZ37" s="104">
        <v>0</v>
      </c>
      <c r="EA37" s="104">
        <v>0</v>
      </c>
      <c r="EB37" s="104">
        <v>0</v>
      </c>
      <c r="EC37" s="103">
        <v>21344</v>
      </c>
      <c r="ED37" s="106">
        <v>21344</v>
      </c>
      <c r="EE37" s="100">
        <v>0</v>
      </c>
      <c r="EF37" s="102">
        <v>0</v>
      </c>
      <c r="EG37" s="103">
        <v>0</v>
      </c>
      <c r="EH37" s="100">
        <v>0</v>
      </c>
      <c r="EI37" s="104">
        <v>0</v>
      </c>
      <c r="EJ37" s="104">
        <v>0</v>
      </c>
      <c r="EK37" s="104">
        <v>0</v>
      </c>
      <c r="EL37" s="104">
        <v>0</v>
      </c>
      <c r="EM37" s="104">
        <v>0</v>
      </c>
      <c r="EN37" s="102">
        <v>0</v>
      </c>
      <c r="EO37" s="106">
        <v>0</v>
      </c>
      <c r="EP37" s="100">
        <v>0</v>
      </c>
      <c r="EQ37" s="104">
        <v>0</v>
      </c>
      <c r="ER37" s="102">
        <v>0</v>
      </c>
      <c r="ES37" s="101">
        <v>0</v>
      </c>
      <c r="ET37" s="104">
        <v>0</v>
      </c>
      <c r="EU37" s="104">
        <v>0</v>
      </c>
      <c r="EV37" s="104">
        <v>0</v>
      </c>
      <c r="EW37" s="104">
        <v>0</v>
      </c>
      <c r="EX37" s="104">
        <v>0</v>
      </c>
      <c r="EY37" s="103">
        <v>0</v>
      </c>
      <c r="EZ37" s="106">
        <v>0</v>
      </c>
      <c r="FA37" s="100">
        <v>0</v>
      </c>
      <c r="FB37" s="104">
        <v>0</v>
      </c>
      <c r="FC37" s="102">
        <v>0</v>
      </c>
      <c r="FD37" s="324"/>
      <c r="FE37" s="104">
        <v>0</v>
      </c>
      <c r="FF37" s="104">
        <v>0</v>
      </c>
      <c r="FG37" s="104">
        <v>0</v>
      </c>
      <c r="FH37" s="104">
        <v>0</v>
      </c>
      <c r="FI37" s="104">
        <v>0</v>
      </c>
      <c r="FJ37" s="103">
        <v>0</v>
      </c>
      <c r="FK37" s="106">
        <v>0</v>
      </c>
      <c r="FL37" s="100">
        <v>0</v>
      </c>
      <c r="FM37" s="104">
        <v>12000</v>
      </c>
      <c r="FN37" s="103">
        <v>12000</v>
      </c>
      <c r="FO37" s="100">
        <v>0</v>
      </c>
      <c r="FP37" s="104">
        <v>40520</v>
      </c>
      <c r="FQ37" s="104">
        <v>89888</v>
      </c>
      <c r="FR37" s="104">
        <v>28672</v>
      </c>
      <c r="FS37" s="104">
        <v>0</v>
      </c>
      <c r="FT37" s="104">
        <v>22080</v>
      </c>
      <c r="FU37" s="103">
        <v>181160</v>
      </c>
      <c r="FV37" s="106">
        <v>193160</v>
      </c>
      <c r="FW37" s="105">
        <v>0</v>
      </c>
      <c r="FX37" s="104">
        <v>12000</v>
      </c>
      <c r="FY37" s="102">
        <v>12000</v>
      </c>
      <c r="FZ37" s="101">
        <v>0</v>
      </c>
      <c r="GA37" s="104">
        <v>40520</v>
      </c>
      <c r="GB37" s="104">
        <v>89888</v>
      </c>
      <c r="GC37" s="104">
        <v>28672</v>
      </c>
      <c r="GD37" s="104">
        <v>0</v>
      </c>
      <c r="GE37" s="104">
        <v>22080</v>
      </c>
      <c r="GF37" s="103">
        <v>181160</v>
      </c>
      <c r="GG37" s="296">
        <v>193160</v>
      </c>
      <c r="GH37" s="105">
        <v>0</v>
      </c>
      <c r="GI37" s="104">
        <v>0</v>
      </c>
      <c r="GJ37" s="102">
        <v>0</v>
      </c>
      <c r="GK37" s="101">
        <v>0</v>
      </c>
      <c r="GL37" s="104">
        <v>0</v>
      </c>
      <c r="GM37" s="104">
        <v>0</v>
      </c>
      <c r="GN37" s="104">
        <v>0</v>
      </c>
      <c r="GO37" s="104">
        <v>0</v>
      </c>
      <c r="GP37" s="104">
        <v>0</v>
      </c>
      <c r="GQ37" s="103">
        <v>0</v>
      </c>
      <c r="GR37" s="106">
        <v>0</v>
      </c>
      <c r="GS37" s="100">
        <v>0</v>
      </c>
      <c r="GT37" s="104">
        <v>0</v>
      </c>
      <c r="GU37" s="103">
        <v>0</v>
      </c>
      <c r="GV37" s="100">
        <v>0</v>
      </c>
      <c r="GW37" s="104">
        <v>0</v>
      </c>
      <c r="GX37" s="104">
        <v>0</v>
      </c>
      <c r="GY37" s="104">
        <v>0</v>
      </c>
      <c r="GZ37" s="104">
        <v>0</v>
      </c>
      <c r="HA37" s="104">
        <v>0</v>
      </c>
      <c r="HB37" s="102">
        <v>0</v>
      </c>
      <c r="HC37" s="106">
        <v>0</v>
      </c>
      <c r="HD37" s="100">
        <v>0</v>
      </c>
      <c r="HE37" s="104">
        <v>0</v>
      </c>
      <c r="HF37" s="102">
        <v>0</v>
      </c>
      <c r="HG37" s="101">
        <v>0</v>
      </c>
      <c r="HH37" s="104">
        <v>203296</v>
      </c>
      <c r="HI37" s="104">
        <v>350452</v>
      </c>
      <c r="HJ37" s="104">
        <v>0</v>
      </c>
      <c r="HK37" s="104">
        <v>219951</v>
      </c>
      <c r="HL37" s="104">
        <v>416584</v>
      </c>
      <c r="HM37" s="103">
        <v>1190283</v>
      </c>
      <c r="HN37" s="99">
        <v>1190283</v>
      </c>
      <c r="HO37" s="306"/>
      <c r="HP37" s="307"/>
      <c r="HQ37" s="308"/>
      <c r="HR37" s="309"/>
      <c r="HS37" s="307"/>
      <c r="HT37" s="307"/>
      <c r="HU37" s="307"/>
      <c r="HV37" s="307"/>
      <c r="HW37" s="307"/>
      <c r="HX37" s="310"/>
      <c r="HY37" s="311"/>
      <c r="HZ37" s="118">
        <v>0</v>
      </c>
      <c r="IA37" s="119">
        <v>0</v>
      </c>
      <c r="IB37" s="120">
        <v>0</v>
      </c>
      <c r="IC37" s="133">
        <v>0</v>
      </c>
      <c r="ID37" s="119">
        <v>122237</v>
      </c>
      <c r="IE37" s="134">
        <v>222528</v>
      </c>
      <c r="IF37" s="120">
        <v>442984</v>
      </c>
      <c r="IG37" s="119">
        <v>222048</v>
      </c>
      <c r="IH37" s="120">
        <v>42134</v>
      </c>
      <c r="II37" s="135">
        <v>1051931</v>
      </c>
      <c r="IJ37" s="126">
        <v>1051931</v>
      </c>
      <c r="IK37" s="219">
        <v>0</v>
      </c>
      <c r="IL37" s="223">
        <v>0</v>
      </c>
      <c r="IM37" s="224">
        <v>0</v>
      </c>
      <c r="IN37" s="127"/>
      <c r="IO37" s="109">
        <v>0</v>
      </c>
      <c r="IP37" s="109">
        <v>103224</v>
      </c>
      <c r="IQ37" s="109">
        <v>0</v>
      </c>
      <c r="IR37" s="109">
        <v>0</v>
      </c>
      <c r="IS37" s="109">
        <v>0</v>
      </c>
      <c r="IT37" s="128">
        <v>103224</v>
      </c>
      <c r="IU37" s="298">
        <v>103224</v>
      </c>
      <c r="IV37" s="129">
        <v>0</v>
      </c>
      <c r="IW37" s="109">
        <v>0</v>
      </c>
      <c r="IX37" s="110">
        <v>0</v>
      </c>
      <c r="IY37" s="131"/>
      <c r="IZ37" s="109">
        <v>0</v>
      </c>
      <c r="JA37" s="109">
        <v>0</v>
      </c>
      <c r="JB37" s="109">
        <v>0</v>
      </c>
      <c r="JC37" s="109">
        <v>0</v>
      </c>
      <c r="JD37" s="109">
        <v>0</v>
      </c>
      <c r="JE37" s="110">
        <v>0</v>
      </c>
      <c r="JF37" s="111">
        <v>0</v>
      </c>
      <c r="JG37" s="129">
        <v>0</v>
      </c>
      <c r="JH37" s="109">
        <v>0</v>
      </c>
      <c r="JI37" s="128">
        <v>0</v>
      </c>
      <c r="JJ37" s="108">
        <v>0</v>
      </c>
      <c r="JK37" s="109">
        <v>122237</v>
      </c>
      <c r="JL37" s="109">
        <v>119304</v>
      </c>
      <c r="JM37" s="109">
        <v>0</v>
      </c>
      <c r="JN37" s="109">
        <v>0</v>
      </c>
      <c r="JO37" s="109">
        <v>42134</v>
      </c>
      <c r="JP37" s="110">
        <v>283675</v>
      </c>
      <c r="JQ37" s="298">
        <v>283675</v>
      </c>
      <c r="JR37" s="129">
        <v>0</v>
      </c>
      <c r="JS37" s="109">
        <v>0</v>
      </c>
      <c r="JT37" s="128">
        <v>0</v>
      </c>
      <c r="JU37" s="108">
        <v>0</v>
      </c>
      <c r="JV37" s="109">
        <v>0</v>
      </c>
      <c r="JW37" s="109">
        <v>0</v>
      </c>
      <c r="JX37" s="109">
        <v>0</v>
      </c>
      <c r="JY37" s="109">
        <v>0</v>
      </c>
      <c r="JZ37" s="109">
        <v>0</v>
      </c>
      <c r="KA37" s="110">
        <v>0</v>
      </c>
      <c r="KB37" s="298">
        <v>0</v>
      </c>
      <c r="KC37" s="221">
        <v>0</v>
      </c>
      <c r="KD37" s="217">
        <v>0</v>
      </c>
      <c r="KE37" s="110">
        <v>0</v>
      </c>
      <c r="KF37" s="108">
        <v>0</v>
      </c>
      <c r="KG37" s="109">
        <v>0</v>
      </c>
      <c r="KH37" s="109">
        <v>0</v>
      </c>
      <c r="KI37" s="109">
        <v>0</v>
      </c>
      <c r="KJ37" s="109">
        <v>0</v>
      </c>
      <c r="KK37" s="109">
        <v>0</v>
      </c>
      <c r="KL37" s="110">
        <v>0</v>
      </c>
      <c r="KM37" s="130">
        <v>0</v>
      </c>
      <c r="KN37" s="219">
        <v>0</v>
      </c>
      <c r="KO37" s="223">
        <v>0</v>
      </c>
      <c r="KP37" s="224">
        <v>0</v>
      </c>
      <c r="KQ37" s="127"/>
      <c r="KR37" s="109">
        <v>0</v>
      </c>
      <c r="KS37" s="109">
        <v>0</v>
      </c>
      <c r="KT37" s="109">
        <v>240416</v>
      </c>
      <c r="KU37" s="109">
        <v>0</v>
      </c>
      <c r="KV37" s="109">
        <v>0</v>
      </c>
      <c r="KW37" s="110">
        <v>240416</v>
      </c>
      <c r="KX37" s="298">
        <v>240416</v>
      </c>
      <c r="KY37" s="129">
        <v>0</v>
      </c>
      <c r="KZ37" s="109">
        <v>0</v>
      </c>
      <c r="LA37" s="110">
        <v>0</v>
      </c>
      <c r="LB37" s="132"/>
      <c r="LC37" s="109">
        <v>0</v>
      </c>
      <c r="LD37" s="109">
        <v>0</v>
      </c>
      <c r="LE37" s="109">
        <v>0</v>
      </c>
      <c r="LF37" s="109">
        <v>0</v>
      </c>
      <c r="LG37" s="109">
        <v>0</v>
      </c>
      <c r="LH37" s="110">
        <v>0</v>
      </c>
      <c r="LI37" s="111">
        <v>0</v>
      </c>
      <c r="LJ37" s="129">
        <v>0</v>
      </c>
      <c r="LK37" s="109">
        <v>0</v>
      </c>
      <c r="LL37" s="110">
        <v>0</v>
      </c>
      <c r="LM37" s="132"/>
      <c r="LN37" s="109">
        <v>0</v>
      </c>
      <c r="LO37" s="109">
        <v>0</v>
      </c>
      <c r="LP37" s="109">
        <v>202568</v>
      </c>
      <c r="LQ37" s="109">
        <v>222048</v>
      </c>
      <c r="LR37" s="109">
        <v>0</v>
      </c>
      <c r="LS37" s="110">
        <v>424616</v>
      </c>
      <c r="LT37" s="298">
        <v>424616</v>
      </c>
      <c r="LU37" s="129">
        <v>0</v>
      </c>
      <c r="LV37" s="109">
        <v>0</v>
      </c>
      <c r="LW37" s="110">
        <v>0</v>
      </c>
      <c r="LX37" s="132"/>
      <c r="LY37" s="109">
        <v>0</v>
      </c>
      <c r="LZ37" s="109">
        <v>0</v>
      </c>
      <c r="MA37" s="109">
        <v>0</v>
      </c>
      <c r="MB37" s="109">
        <v>0</v>
      </c>
      <c r="MC37" s="109">
        <v>0</v>
      </c>
      <c r="MD37" s="110">
        <v>0</v>
      </c>
      <c r="ME37" s="111">
        <v>0</v>
      </c>
      <c r="MF37" s="129">
        <v>0</v>
      </c>
      <c r="MG37" s="109">
        <v>0</v>
      </c>
      <c r="MH37" s="110">
        <v>0</v>
      </c>
      <c r="MI37" s="132"/>
      <c r="MJ37" s="109">
        <v>267661</v>
      </c>
      <c r="MK37" s="109">
        <v>0</v>
      </c>
      <c r="ML37" s="109">
        <v>217768</v>
      </c>
      <c r="MM37" s="109">
        <v>1078404</v>
      </c>
      <c r="MN37" s="109">
        <v>314644</v>
      </c>
      <c r="MO37" s="110">
        <v>1878477</v>
      </c>
      <c r="MP37" s="130">
        <v>1878477</v>
      </c>
      <c r="MQ37" s="129">
        <v>0</v>
      </c>
      <c r="MR37" s="109">
        <v>0</v>
      </c>
      <c r="MS37" s="110">
        <v>0</v>
      </c>
      <c r="MT37" s="132"/>
      <c r="MU37" s="109">
        <v>0</v>
      </c>
      <c r="MV37" s="109">
        <v>0</v>
      </c>
      <c r="MW37" s="109">
        <v>217768</v>
      </c>
      <c r="MX37" s="109">
        <v>792952</v>
      </c>
      <c r="MY37" s="109">
        <v>0</v>
      </c>
      <c r="MZ37" s="110">
        <v>1010720</v>
      </c>
      <c r="NA37" s="130">
        <v>1010720</v>
      </c>
      <c r="NB37" s="129">
        <v>0</v>
      </c>
      <c r="NC37" s="109">
        <v>0</v>
      </c>
      <c r="ND37" s="110">
        <v>0</v>
      </c>
      <c r="NE37" s="132"/>
      <c r="NF37" s="109">
        <v>267661</v>
      </c>
      <c r="NG37" s="109">
        <v>0</v>
      </c>
      <c r="NH37" s="109">
        <v>0</v>
      </c>
      <c r="NI37" s="109">
        <v>285452</v>
      </c>
      <c r="NJ37" s="109">
        <v>314644</v>
      </c>
      <c r="NK37" s="110">
        <v>867757</v>
      </c>
      <c r="NL37" s="298">
        <v>867757</v>
      </c>
      <c r="NM37" s="129">
        <v>0</v>
      </c>
      <c r="NN37" s="109">
        <v>0</v>
      </c>
      <c r="NO37" s="110">
        <v>0</v>
      </c>
      <c r="NP37" s="132"/>
      <c r="NQ37" s="109">
        <v>0</v>
      </c>
      <c r="NR37" s="109">
        <v>0</v>
      </c>
      <c r="NS37" s="109">
        <v>0</v>
      </c>
      <c r="NT37" s="109">
        <v>0</v>
      </c>
      <c r="NU37" s="109">
        <v>0</v>
      </c>
      <c r="NV37" s="110">
        <v>0</v>
      </c>
      <c r="NW37" s="111">
        <v>0</v>
      </c>
      <c r="NX37" s="129">
        <v>0</v>
      </c>
      <c r="NY37" s="109">
        <v>0</v>
      </c>
      <c r="NZ37" s="110">
        <v>0</v>
      </c>
      <c r="OA37" s="132"/>
      <c r="OB37" s="109">
        <v>0</v>
      </c>
      <c r="OC37" s="109">
        <v>0</v>
      </c>
      <c r="OD37" s="109">
        <v>0</v>
      </c>
      <c r="OE37" s="109">
        <v>0</v>
      </c>
      <c r="OF37" s="109">
        <v>0</v>
      </c>
      <c r="OG37" s="110">
        <v>0</v>
      </c>
      <c r="OH37" s="111">
        <v>0</v>
      </c>
      <c r="OI37" s="129">
        <v>0</v>
      </c>
      <c r="OJ37" s="109">
        <v>12000</v>
      </c>
      <c r="OK37" s="128">
        <v>12000</v>
      </c>
      <c r="OL37" s="108">
        <v>0</v>
      </c>
      <c r="OM37" s="109">
        <v>852466</v>
      </c>
      <c r="ON37" s="109">
        <v>1137078</v>
      </c>
      <c r="OO37" s="109">
        <v>749148</v>
      </c>
      <c r="OP37" s="109">
        <v>1531315</v>
      </c>
      <c r="OQ37" s="109">
        <v>1057940</v>
      </c>
      <c r="OR37" s="110">
        <v>5327947</v>
      </c>
      <c r="OS37" s="130">
        <v>5339947</v>
      </c>
    </row>
    <row r="38" spans="2:409" ht="21" customHeight="1" x14ac:dyDescent="0.2">
      <c r="B38" s="472" t="s">
        <v>33</v>
      </c>
      <c r="C38" s="100">
        <v>59741</v>
      </c>
      <c r="D38" s="104">
        <v>107600</v>
      </c>
      <c r="E38" s="103">
        <v>167341</v>
      </c>
      <c r="F38" s="99">
        <v>0</v>
      </c>
      <c r="G38" s="104">
        <v>142389</v>
      </c>
      <c r="H38" s="104">
        <v>189180</v>
      </c>
      <c r="I38" s="104">
        <v>109905</v>
      </c>
      <c r="J38" s="104">
        <v>0</v>
      </c>
      <c r="K38" s="104">
        <v>0</v>
      </c>
      <c r="L38" s="160">
        <v>441474</v>
      </c>
      <c r="M38" s="106">
        <v>608815</v>
      </c>
      <c r="N38" s="100">
        <v>54941</v>
      </c>
      <c r="O38" s="104">
        <v>62580</v>
      </c>
      <c r="P38" s="103">
        <v>117521</v>
      </c>
      <c r="Q38" s="100">
        <v>0</v>
      </c>
      <c r="R38" s="104">
        <v>58693</v>
      </c>
      <c r="S38" s="104">
        <v>9600</v>
      </c>
      <c r="T38" s="104">
        <v>93825</v>
      </c>
      <c r="U38" s="104">
        <v>0</v>
      </c>
      <c r="V38" s="104">
        <v>0</v>
      </c>
      <c r="W38" s="103">
        <v>162118</v>
      </c>
      <c r="X38" s="106">
        <v>279639</v>
      </c>
      <c r="Y38" s="100">
        <v>0</v>
      </c>
      <c r="Z38" s="104">
        <v>0</v>
      </c>
      <c r="AA38" s="103">
        <v>0</v>
      </c>
      <c r="AB38" s="100">
        <v>0</v>
      </c>
      <c r="AC38" s="104">
        <v>32817</v>
      </c>
      <c r="AD38" s="104">
        <v>0</v>
      </c>
      <c r="AE38" s="104">
        <v>37449</v>
      </c>
      <c r="AF38" s="104">
        <v>0</v>
      </c>
      <c r="AG38" s="104">
        <v>0</v>
      </c>
      <c r="AH38" s="103">
        <v>70266</v>
      </c>
      <c r="AI38" s="106">
        <v>70266</v>
      </c>
      <c r="AJ38" s="100">
        <v>0</v>
      </c>
      <c r="AK38" s="104">
        <v>0</v>
      </c>
      <c r="AL38" s="103">
        <v>0</v>
      </c>
      <c r="AM38" s="100">
        <v>0</v>
      </c>
      <c r="AN38" s="104">
        <v>0</v>
      </c>
      <c r="AO38" s="104">
        <v>0</v>
      </c>
      <c r="AP38" s="104">
        <v>0</v>
      </c>
      <c r="AQ38" s="104">
        <v>0</v>
      </c>
      <c r="AR38" s="104">
        <v>0</v>
      </c>
      <c r="AS38" s="103">
        <v>0</v>
      </c>
      <c r="AT38" s="106">
        <v>0</v>
      </c>
      <c r="AU38" s="100">
        <v>0</v>
      </c>
      <c r="AV38" s="104">
        <v>0</v>
      </c>
      <c r="AW38" s="103">
        <v>0</v>
      </c>
      <c r="AX38" s="100">
        <v>0</v>
      </c>
      <c r="AY38" s="104">
        <v>21108</v>
      </c>
      <c r="AZ38" s="104">
        <v>0</v>
      </c>
      <c r="BA38" s="104">
        <v>20044</v>
      </c>
      <c r="BB38" s="104">
        <v>0</v>
      </c>
      <c r="BC38" s="104">
        <v>0</v>
      </c>
      <c r="BD38" s="103">
        <v>41152</v>
      </c>
      <c r="BE38" s="106">
        <v>41152</v>
      </c>
      <c r="BF38" s="100">
        <v>54941</v>
      </c>
      <c r="BG38" s="104">
        <v>62580</v>
      </c>
      <c r="BH38" s="102">
        <v>117521</v>
      </c>
      <c r="BI38" s="101">
        <v>0</v>
      </c>
      <c r="BJ38" s="104">
        <v>0</v>
      </c>
      <c r="BK38" s="104">
        <v>0</v>
      </c>
      <c r="BL38" s="104">
        <v>76396</v>
      </c>
      <c r="BM38" s="104">
        <v>0</v>
      </c>
      <c r="BN38" s="104">
        <v>0</v>
      </c>
      <c r="BO38" s="103">
        <v>76396</v>
      </c>
      <c r="BP38" s="106">
        <v>193917</v>
      </c>
      <c r="BQ38" s="100">
        <v>0</v>
      </c>
      <c r="BR38" s="104">
        <v>0</v>
      </c>
      <c r="BS38" s="103">
        <v>0</v>
      </c>
      <c r="BT38" s="100">
        <v>0</v>
      </c>
      <c r="BU38" s="104">
        <v>4768</v>
      </c>
      <c r="BV38" s="104">
        <v>9600</v>
      </c>
      <c r="BW38" s="104">
        <v>-40064</v>
      </c>
      <c r="BX38" s="104">
        <v>0</v>
      </c>
      <c r="BY38" s="104">
        <v>0</v>
      </c>
      <c r="BZ38" s="103">
        <v>-25696</v>
      </c>
      <c r="CA38" s="106">
        <v>-25696</v>
      </c>
      <c r="CB38" s="100">
        <v>0</v>
      </c>
      <c r="CC38" s="104">
        <v>38620</v>
      </c>
      <c r="CD38" s="103">
        <v>38620</v>
      </c>
      <c r="CE38" s="100">
        <v>0</v>
      </c>
      <c r="CF38" s="104">
        <v>24740</v>
      </c>
      <c r="CG38" s="104">
        <v>0</v>
      </c>
      <c r="CH38" s="104">
        <v>0</v>
      </c>
      <c r="CI38" s="104">
        <v>0</v>
      </c>
      <c r="CJ38" s="104">
        <v>0</v>
      </c>
      <c r="CK38" s="103">
        <v>24740</v>
      </c>
      <c r="CL38" s="106">
        <v>63360</v>
      </c>
      <c r="CM38" s="100">
        <v>0</v>
      </c>
      <c r="CN38" s="104">
        <v>0</v>
      </c>
      <c r="CO38" s="103">
        <v>0</v>
      </c>
      <c r="CP38" s="101">
        <v>0</v>
      </c>
      <c r="CQ38" s="104">
        <v>0</v>
      </c>
      <c r="CR38" s="104">
        <v>0</v>
      </c>
      <c r="CS38" s="104">
        <v>0</v>
      </c>
      <c r="CT38" s="104">
        <v>0</v>
      </c>
      <c r="CU38" s="104">
        <v>0</v>
      </c>
      <c r="CV38" s="103">
        <v>0</v>
      </c>
      <c r="CW38" s="106">
        <v>0</v>
      </c>
      <c r="CX38" s="100">
        <v>0</v>
      </c>
      <c r="CY38" s="104">
        <v>38620</v>
      </c>
      <c r="CZ38" s="103">
        <v>38620</v>
      </c>
      <c r="DA38" s="100">
        <v>0</v>
      </c>
      <c r="DB38" s="104">
        <v>24740</v>
      </c>
      <c r="DC38" s="104">
        <v>0</v>
      </c>
      <c r="DD38" s="104">
        <v>0</v>
      </c>
      <c r="DE38" s="104">
        <v>0</v>
      </c>
      <c r="DF38" s="104">
        <v>0</v>
      </c>
      <c r="DG38" s="103">
        <v>24740</v>
      </c>
      <c r="DH38" s="106">
        <v>63360</v>
      </c>
      <c r="DI38" s="100">
        <v>0</v>
      </c>
      <c r="DJ38" s="104">
        <v>0</v>
      </c>
      <c r="DK38" s="102">
        <v>0</v>
      </c>
      <c r="DL38" s="101">
        <v>0</v>
      </c>
      <c r="DM38" s="104">
        <v>36156</v>
      </c>
      <c r="DN38" s="104">
        <v>0</v>
      </c>
      <c r="DO38" s="104">
        <v>0</v>
      </c>
      <c r="DP38" s="104">
        <v>0</v>
      </c>
      <c r="DQ38" s="104">
        <v>0</v>
      </c>
      <c r="DR38" s="103">
        <v>36156</v>
      </c>
      <c r="DS38" s="106">
        <v>36156</v>
      </c>
      <c r="DT38" s="100">
        <v>0</v>
      </c>
      <c r="DU38" s="104">
        <v>0</v>
      </c>
      <c r="DV38" s="103">
        <v>0</v>
      </c>
      <c r="DW38" s="100">
        <v>0</v>
      </c>
      <c r="DX38" s="104">
        <v>36156</v>
      </c>
      <c r="DY38" s="104">
        <v>0</v>
      </c>
      <c r="DZ38" s="104">
        <v>0</v>
      </c>
      <c r="EA38" s="104">
        <v>0</v>
      </c>
      <c r="EB38" s="104">
        <v>0</v>
      </c>
      <c r="EC38" s="103">
        <v>36156</v>
      </c>
      <c r="ED38" s="106">
        <v>36156</v>
      </c>
      <c r="EE38" s="100">
        <v>0</v>
      </c>
      <c r="EF38" s="102">
        <v>0</v>
      </c>
      <c r="EG38" s="103">
        <v>0</v>
      </c>
      <c r="EH38" s="100">
        <v>0</v>
      </c>
      <c r="EI38" s="104">
        <v>0</v>
      </c>
      <c r="EJ38" s="104">
        <v>0</v>
      </c>
      <c r="EK38" s="104">
        <v>0</v>
      </c>
      <c r="EL38" s="104">
        <v>0</v>
      </c>
      <c r="EM38" s="104">
        <v>0</v>
      </c>
      <c r="EN38" s="102">
        <v>0</v>
      </c>
      <c r="EO38" s="106">
        <v>0</v>
      </c>
      <c r="EP38" s="100">
        <v>0</v>
      </c>
      <c r="EQ38" s="104">
        <v>0</v>
      </c>
      <c r="ER38" s="102">
        <v>0</v>
      </c>
      <c r="ES38" s="101">
        <v>0</v>
      </c>
      <c r="ET38" s="104">
        <v>0</v>
      </c>
      <c r="EU38" s="104">
        <v>0</v>
      </c>
      <c r="EV38" s="104">
        <v>0</v>
      </c>
      <c r="EW38" s="104">
        <v>0</v>
      </c>
      <c r="EX38" s="104">
        <v>0</v>
      </c>
      <c r="EY38" s="103">
        <v>0</v>
      </c>
      <c r="EZ38" s="106">
        <v>0</v>
      </c>
      <c r="FA38" s="100">
        <v>0</v>
      </c>
      <c r="FB38" s="104">
        <v>0</v>
      </c>
      <c r="FC38" s="102">
        <v>0</v>
      </c>
      <c r="FD38" s="324"/>
      <c r="FE38" s="104">
        <v>0</v>
      </c>
      <c r="FF38" s="104">
        <v>0</v>
      </c>
      <c r="FG38" s="104">
        <v>0</v>
      </c>
      <c r="FH38" s="104">
        <v>0</v>
      </c>
      <c r="FI38" s="104">
        <v>0</v>
      </c>
      <c r="FJ38" s="103">
        <v>0</v>
      </c>
      <c r="FK38" s="106">
        <v>0</v>
      </c>
      <c r="FL38" s="100">
        <v>4800</v>
      </c>
      <c r="FM38" s="104">
        <v>6400</v>
      </c>
      <c r="FN38" s="103">
        <v>11200</v>
      </c>
      <c r="FO38" s="100">
        <v>0</v>
      </c>
      <c r="FP38" s="104">
        <v>22800</v>
      </c>
      <c r="FQ38" s="104">
        <v>0</v>
      </c>
      <c r="FR38" s="104">
        <v>16080</v>
      </c>
      <c r="FS38" s="104">
        <v>0</v>
      </c>
      <c r="FT38" s="104">
        <v>0</v>
      </c>
      <c r="FU38" s="103">
        <v>38880</v>
      </c>
      <c r="FV38" s="106">
        <v>50080</v>
      </c>
      <c r="FW38" s="105">
        <v>4800</v>
      </c>
      <c r="FX38" s="104">
        <v>6400</v>
      </c>
      <c r="FY38" s="102">
        <v>11200</v>
      </c>
      <c r="FZ38" s="101">
        <v>0</v>
      </c>
      <c r="GA38" s="104">
        <v>22800</v>
      </c>
      <c r="GB38" s="104">
        <v>0</v>
      </c>
      <c r="GC38" s="104">
        <v>16080</v>
      </c>
      <c r="GD38" s="104">
        <v>0</v>
      </c>
      <c r="GE38" s="104">
        <v>0</v>
      </c>
      <c r="GF38" s="103">
        <v>38880</v>
      </c>
      <c r="GG38" s="296">
        <v>50080</v>
      </c>
      <c r="GH38" s="105">
        <v>0</v>
      </c>
      <c r="GI38" s="104">
        <v>0</v>
      </c>
      <c r="GJ38" s="102">
        <v>0</v>
      </c>
      <c r="GK38" s="101">
        <v>0</v>
      </c>
      <c r="GL38" s="104">
        <v>0</v>
      </c>
      <c r="GM38" s="104">
        <v>0</v>
      </c>
      <c r="GN38" s="104">
        <v>0</v>
      </c>
      <c r="GO38" s="104">
        <v>0</v>
      </c>
      <c r="GP38" s="104">
        <v>0</v>
      </c>
      <c r="GQ38" s="103">
        <v>0</v>
      </c>
      <c r="GR38" s="106">
        <v>0</v>
      </c>
      <c r="GS38" s="100">
        <v>0</v>
      </c>
      <c r="GT38" s="104">
        <v>0</v>
      </c>
      <c r="GU38" s="103">
        <v>0</v>
      </c>
      <c r="GV38" s="100">
        <v>0</v>
      </c>
      <c r="GW38" s="104">
        <v>0</v>
      </c>
      <c r="GX38" s="104">
        <v>0</v>
      </c>
      <c r="GY38" s="104">
        <v>0</v>
      </c>
      <c r="GZ38" s="104">
        <v>0</v>
      </c>
      <c r="HA38" s="104">
        <v>0</v>
      </c>
      <c r="HB38" s="102">
        <v>0</v>
      </c>
      <c r="HC38" s="106">
        <v>0</v>
      </c>
      <c r="HD38" s="100">
        <v>0</v>
      </c>
      <c r="HE38" s="104">
        <v>0</v>
      </c>
      <c r="HF38" s="102">
        <v>0</v>
      </c>
      <c r="HG38" s="101">
        <v>0</v>
      </c>
      <c r="HH38" s="104">
        <v>0</v>
      </c>
      <c r="HI38" s="104">
        <v>179580</v>
      </c>
      <c r="HJ38" s="104">
        <v>0</v>
      </c>
      <c r="HK38" s="104">
        <v>0</v>
      </c>
      <c r="HL38" s="104">
        <v>0</v>
      </c>
      <c r="HM38" s="103">
        <v>179580</v>
      </c>
      <c r="HN38" s="99">
        <v>179580</v>
      </c>
      <c r="HO38" s="306"/>
      <c r="HP38" s="307"/>
      <c r="HQ38" s="308"/>
      <c r="HR38" s="309"/>
      <c r="HS38" s="307"/>
      <c r="HT38" s="307"/>
      <c r="HU38" s="307"/>
      <c r="HV38" s="307"/>
      <c r="HW38" s="307"/>
      <c r="HX38" s="310"/>
      <c r="HY38" s="311"/>
      <c r="HZ38" s="137">
        <v>0</v>
      </c>
      <c r="IA38" s="122">
        <v>0</v>
      </c>
      <c r="IB38" s="137">
        <v>0</v>
      </c>
      <c r="IC38" s="133">
        <v>0</v>
      </c>
      <c r="ID38" s="119">
        <v>184327</v>
      </c>
      <c r="IE38" s="134">
        <v>0</v>
      </c>
      <c r="IF38" s="120">
        <v>231973</v>
      </c>
      <c r="IG38" s="119">
        <v>0</v>
      </c>
      <c r="IH38" s="120">
        <v>0</v>
      </c>
      <c r="II38" s="135">
        <v>416300</v>
      </c>
      <c r="IJ38" s="137">
        <v>416300</v>
      </c>
      <c r="IK38" s="219">
        <v>0</v>
      </c>
      <c r="IL38" s="223">
        <v>0</v>
      </c>
      <c r="IM38" s="224">
        <v>0</v>
      </c>
      <c r="IN38" s="127"/>
      <c r="IO38" s="109">
        <v>0</v>
      </c>
      <c r="IP38" s="109">
        <v>0</v>
      </c>
      <c r="IQ38" s="109">
        <v>0</v>
      </c>
      <c r="IR38" s="109">
        <v>0</v>
      </c>
      <c r="IS38" s="109">
        <v>0</v>
      </c>
      <c r="IT38" s="128">
        <v>0</v>
      </c>
      <c r="IU38" s="298">
        <v>0</v>
      </c>
      <c r="IV38" s="129">
        <v>0</v>
      </c>
      <c r="IW38" s="109">
        <v>0</v>
      </c>
      <c r="IX38" s="110">
        <v>0</v>
      </c>
      <c r="IY38" s="131"/>
      <c r="IZ38" s="109">
        <v>0</v>
      </c>
      <c r="JA38" s="109">
        <v>0</v>
      </c>
      <c r="JB38" s="109">
        <v>0</v>
      </c>
      <c r="JC38" s="109">
        <v>0</v>
      </c>
      <c r="JD38" s="109">
        <v>0</v>
      </c>
      <c r="JE38" s="110">
        <v>0</v>
      </c>
      <c r="JF38" s="111">
        <v>0</v>
      </c>
      <c r="JG38" s="129">
        <v>0</v>
      </c>
      <c r="JH38" s="109">
        <v>0</v>
      </c>
      <c r="JI38" s="128">
        <v>0</v>
      </c>
      <c r="JJ38" s="108">
        <v>0</v>
      </c>
      <c r="JK38" s="109">
        <v>41516</v>
      </c>
      <c r="JL38" s="109">
        <v>0</v>
      </c>
      <c r="JM38" s="109">
        <v>0</v>
      </c>
      <c r="JN38" s="109">
        <v>0</v>
      </c>
      <c r="JO38" s="109">
        <v>0</v>
      </c>
      <c r="JP38" s="110">
        <v>41516</v>
      </c>
      <c r="JQ38" s="298">
        <v>41516</v>
      </c>
      <c r="JR38" s="129">
        <v>0</v>
      </c>
      <c r="JS38" s="109">
        <v>0</v>
      </c>
      <c r="JT38" s="128">
        <v>0</v>
      </c>
      <c r="JU38" s="108">
        <v>0</v>
      </c>
      <c r="JV38" s="109">
        <v>0</v>
      </c>
      <c r="JW38" s="109">
        <v>0</v>
      </c>
      <c r="JX38" s="109">
        <v>0</v>
      </c>
      <c r="JY38" s="109">
        <v>0</v>
      </c>
      <c r="JZ38" s="109">
        <v>0</v>
      </c>
      <c r="KA38" s="110">
        <v>0</v>
      </c>
      <c r="KB38" s="298">
        <v>0</v>
      </c>
      <c r="KC38" s="221">
        <v>0</v>
      </c>
      <c r="KD38" s="217">
        <v>0</v>
      </c>
      <c r="KE38" s="110">
        <v>0</v>
      </c>
      <c r="KF38" s="108">
        <v>0</v>
      </c>
      <c r="KG38" s="109">
        <v>0</v>
      </c>
      <c r="KH38" s="109">
        <v>0</v>
      </c>
      <c r="KI38" s="109">
        <v>0</v>
      </c>
      <c r="KJ38" s="109">
        <v>0</v>
      </c>
      <c r="KK38" s="109">
        <v>0</v>
      </c>
      <c r="KL38" s="110">
        <v>0</v>
      </c>
      <c r="KM38" s="130">
        <v>0</v>
      </c>
      <c r="KN38" s="219">
        <v>0</v>
      </c>
      <c r="KO38" s="223">
        <v>0</v>
      </c>
      <c r="KP38" s="224">
        <v>0</v>
      </c>
      <c r="KQ38" s="127"/>
      <c r="KR38" s="109">
        <v>0</v>
      </c>
      <c r="KS38" s="109">
        <v>0</v>
      </c>
      <c r="KT38" s="109">
        <v>0</v>
      </c>
      <c r="KU38" s="109">
        <v>0</v>
      </c>
      <c r="KV38" s="109">
        <v>0</v>
      </c>
      <c r="KW38" s="110">
        <v>0</v>
      </c>
      <c r="KX38" s="298">
        <v>0</v>
      </c>
      <c r="KY38" s="129">
        <v>0</v>
      </c>
      <c r="KZ38" s="109">
        <v>0</v>
      </c>
      <c r="LA38" s="110">
        <v>0</v>
      </c>
      <c r="LB38" s="132"/>
      <c r="LC38" s="109">
        <v>0</v>
      </c>
      <c r="LD38" s="109">
        <v>0</v>
      </c>
      <c r="LE38" s="109">
        <v>0</v>
      </c>
      <c r="LF38" s="109">
        <v>0</v>
      </c>
      <c r="LG38" s="109">
        <v>0</v>
      </c>
      <c r="LH38" s="110">
        <v>0</v>
      </c>
      <c r="LI38" s="111">
        <v>0</v>
      </c>
      <c r="LJ38" s="129">
        <v>0</v>
      </c>
      <c r="LK38" s="109">
        <v>0</v>
      </c>
      <c r="LL38" s="110">
        <v>0</v>
      </c>
      <c r="LM38" s="132"/>
      <c r="LN38" s="109">
        <v>0</v>
      </c>
      <c r="LO38" s="109">
        <v>0</v>
      </c>
      <c r="LP38" s="109">
        <v>0</v>
      </c>
      <c r="LQ38" s="109">
        <v>0</v>
      </c>
      <c r="LR38" s="109">
        <v>0</v>
      </c>
      <c r="LS38" s="110">
        <v>0</v>
      </c>
      <c r="LT38" s="298">
        <v>0</v>
      </c>
      <c r="LU38" s="129">
        <v>0</v>
      </c>
      <c r="LV38" s="109">
        <v>0</v>
      </c>
      <c r="LW38" s="110">
        <v>0</v>
      </c>
      <c r="LX38" s="132"/>
      <c r="LY38" s="109">
        <v>142811</v>
      </c>
      <c r="LZ38" s="109">
        <v>0</v>
      </c>
      <c r="MA38" s="109">
        <v>231973</v>
      </c>
      <c r="MB38" s="109">
        <v>0</v>
      </c>
      <c r="MC38" s="109">
        <v>0</v>
      </c>
      <c r="MD38" s="110">
        <v>374784</v>
      </c>
      <c r="ME38" s="111">
        <v>374784</v>
      </c>
      <c r="MF38" s="129">
        <v>0</v>
      </c>
      <c r="MG38" s="109">
        <v>0</v>
      </c>
      <c r="MH38" s="110">
        <v>0</v>
      </c>
      <c r="MI38" s="132"/>
      <c r="MJ38" s="109">
        <v>0</v>
      </c>
      <c r="MK38" s="109">
        <v>225449</v>
      </c>
      <c r="ML38" s="109">
        <v>0</v>
      </c>
      <c r="MM38" s="109">
        <v>0</v>
      </c>
      <c r="MN38" s="109">
        <v>0</v>
      </c>
      <c r="MO38" s="110">
        <v>225449</v>
      </c>
      <c r="MP38" s="130">
        <v>225449</v>
      </c>
      <c r="MQ38" s="129">
        <v>0</v>
      </c>
      <c r="MR38" s="109">
        <v>0</v>
      </c>
      <c r="MS38" s="110">
        <v>0</v>
      </c>
      <c r="MT38" s="132"/>
      <c r="MU38" s="109">
        <v>0</v>
      </c>
      <c r="MV38" s="109">
        <v>0</v>
      </c>
      <c r="MW38" s="109">
        <v>0</v>
      </c>
      <c r="MX38" s="109">
        <v>0</v>
      </c>
      <c r="MY38" s="109">
        <v>0</v>
      </c>
      <c r="MZ38" s="110">
        <v>0</v>
      </c>
      <c r="NA38" s="130">
        <v>0</v>
      </c>
      <c r="NB38" s="129">
        <v>0</v>
      </c>
      <c r="NC38" s="109">
        <v>0</v>
      </c>
      <c r="ND38" s="110">
        <v>0</v>
      </c>
      <c r="NE38" s="132"/>
      <c r="NF38" s="109">
        <v>0</v>
      </c>
      <c r="NG38" s="109">
        <v>0</v>
      </c>
      <c r="NH38" s="109">
        <v>0</v>
      </c>
      <c r="NI38" s="109">
        <v>0</v>
      </c>
      <c r="NJ38" s="109">
        <v>0</v>
      </c>
      <c r="NK38" s="110">
        <v>0</v>
      </c>
      <c r="NL38" s="298">
        <v>0</v>
      </c>
      <c r="NM38" s="129">
        <v>0</v>
      </c>
      <c r="NN38" s="109">
        <v>0</v>
      </c>
      <c r="NO38" s="110">
        <v>0</v>
      </c>
      <c r="NP38" s="132"/>
      <c r="NQ38" s="109">
        <v>0</v>
      </c>
      <c r="NR38" s="109">
        <v>0</v>
      </c>
      <c r="NS38" s="109">
        <v>0</v>
      </c>
      <c r="NT38" s="109">
        <v>0</v>
      </c>
      <c r="NU38" s="109">
        <v>0</v>
      </c>
      <c r="NV38" s="110">
        <v>0</v>
      </c>
      <c r="NW38" s="111">
        <v>0</v>
      </c>
      <c r="NX38" s="129">
        <v>0</v>
      </c>
      <c r="NY38" s="109">
        <v>0</v>
      </c>
      <c r="NZ38" s="110">
        <v>0</v>
      </c>
      <c r="OA38" s="132"/>
      <c r="OB38" s="109">
        <v>0</v>
      </c>
      <c r="OC38" s="109">
        <v>225449</v>
      </c>
      <c r="OD38" s="109">
        <v>0</v>
      </c>
      <c r="OE38" s="109">
        <v>0</v>
      </c>
      <c r="OF38" s="109">
        <v>0</v>
      </c>
      <c r="OG38" s="110">
        <v>225449</v>
      </c>
      <c r="OH38" s="111">
        <v>225449</v>
      </c>
      <c r="OI38" s="129">
        <v>59741</v>
      </c>
      <c r="OJ38" s="109">
        <v>107600</v>
      </c>
      <c r="OK38" s="128">
        <v>167341</v>
      </c>
      <c r="OL38" s="108">
        <v>0</v>
      </c>
      <c r="OM38" s="109">
        <v>326716</v>
      </c>
      <c r="ON38" s="109">
        <v>414629</v>
      </c>
      <c r="OO38" s="109">
        <v>341878</v>
      </c>
      <c r="OP38" s="109">
        <v>0</v>
      </c>
      <c r="OQ38" s="109">
        <v>0</v>
      </c>
      <c r="OR38" s="110">
        <v>1083223</v>
      </c>
      <c r="OS38" s="130">
        <v>1250564</v>
      </c>
    </row>
    <row r="39" spans="2:409" ht="21" customHeight="1" x14ac:dyDescent="0.2">
      <c r="B39" s="472" t="s">
        <v>34</v>
      </c>
      <c r="C39" s="100">
        <v>0</v>
      </c>
      <c r="D39" s="104">
        <v>19520</v>
      </c>
      <c r="E39" s="161">
        <v>19520</v>
      </c>
      <c r="F39" s="162">
        <v>0</v>
      </c>
      <c r="G39" s="163">
        <v>60984</v>
      </c>
      <c r="H39" s="163">
        <v>412284</v>
      </c>
      <c r="I39" s="163">
        <v>7200</v>
      </c>
      <c r="J39" s="163">
        <v>119952</v>
      </c>
      <c r="K39" s="163">
        <v>350675</v>
      </c>
      <c r="L39" s="164">
        <v>951095</v>
      </c>
      <c r="M39" s="106">
        <v>970615</v>
      </c>
      <c r="N39" s="100">
        <v>0</v>
      </c>
      <c r="O39" s="104">
        <v>0</v>
      </c>
      <c r="P39" s="103">
        <v>0</v>
      </c>
      <c r="Q39" s="100">
        <v>0</v>
      </c>
      <c r="R39" s="104">
        <v>51784</v>
      </c>
      <c r="S39" s="104">
        <v>136628</v>
      </c>
      <c r="T39" s="104">
        <v>0</v>
      </c>
      <c r="U39" s="104">
        <v>71200</v>
      </c>
      <c r="V39" s="104">
        <v>23616</v>
      </c>
      <c r="W39" s="103">
        <v>283228</v>
      </c>
      <c r="X39" s="106">
        <v>283228</v>
      </c>
      <c r="Y39" s="100">
        <v>0</v>
      </c>
      <c r="Z39" s="104">
        <v>0</v>
      </c>
      <c r="AA39" s="103">
        <v>0</v>
      </c>
      <c r="AB39" s="100">
        <v>0</v>
      </c>
      <c r="AC39" s="104">
        <v>0</v>
      </c>
      <c r="AD39" s="104">
        <v>0</v>
      </c>
      <c r="AE39" s="104">
        <v>0</v>
      </c>
      <c r="AF39" s="104">
        <v>0</v>
      </c>
      <c r="AG39" s="104">
        <v>0</v>
      </c>
      <c r="AH39" s="103">
        <v>0</v>
      </c>
      <c r="AI39" s="106">
        <v>0</v>
      </c>
      <c r="AJ39" s="100">
        <v>0</v>
      </c>
      <c r="AK39" s="104">
        <v>0</v>
      </c>
      <c r="AL39" s="103">
        <v>0</v>
      </c>
      <c r="AM39" s="100">
        <v>0</v>
      </c>
      <c r="AN39" s="104">
        <v>0</v>
      </c>
      <c r="AO39" s="104">
        <v>0</v>
      </c>
      <c r="AP39" s="104">
        <v>0</v>
      </c>
      <c r="AQ39" s="104">
        <v>0</v>
      </c>
      <c r="AR39" s="104">
        <v>0</v>
      </c>
      <c r="AS39" s="103">
        <v>0</v>
      </c>
      <c r="AT39" s="106">
        <v>0</v>
      </c>
      <c r="AU39" s="100">
        <v>0</v>
      </c>
      <c r="AV39" s="104">
        <v>0</v>
      </c>
      <c r="AW39" s="103">
        <v>0</v>
      </c>
      <c r="AX39" s="100">
        <v>0</v>
      </c>
      <c r="AY39" s="104">
        <v>51784</v>
      </c>
      <c r="AZ39" s="104">
        <v>57396</v>
      </c>
      <c r="BA39" s="104">
        <v>0</v>
      </c>
      <c r="BB39" s="104">
        <v>71200</v>
      </c>
      <c r="BC39" s="104">
        <v>0</v>
      </c>
      <c r="BD39" s="103">
        <v>180380</v>
      </c>
      <c r="BE39" s="106">
        <v>180380</v>
      </c>
      <c r="BF39" s="100">
        <v>0</v>
      </c>
      <c r="BG39" s="104">
        <v>0</v>
      </c>
      <c r="BH39" s="102">
        <v>0</v>
      </c>
      <c r="BI39" s="101">
        <v>0</v>
      </c>
      <c r="BJ39" s="104">
        <v>0</v>
      </c>
      <c r="BK39" s="104">
        <v>39000</v>
      </c>
      <c r="BL39" s="104">
        <v>0</v>
      </c>
      <c r="BM39" s="104">
        <v>0</v>
      </c>
      <c r="BN39" s="104">
        <v>0</v>
      </c>
      <c r="BO39" s="103">
        <v>39000</v>
      </c>
      <c r="BP39" s="106">
        <v>39000</v>
      </c>
      <c r="BQ39" s="100">
        <v>0</v>
      </c>
      <c r="BR39" s="104">
        <v>0</v>
      </c>
      <c r="BS39" s="103">
        <v>0</v>
      </c>
      <c r="BT39" s="100">
        <v>0</v>
      </c>
      <c r="BU39" s="104">
        <v>0</v>
      </c>
      <c r="BV39" s="104">
        <v>40232</v>
      </c>
      <c r="BW39" s="104">
        <v>0</v>
      </c>
      <c r="BX39" s="104">
        <v>0</v>
      </c>
      <c r="BY39" s="104">
        <v>23616</v>
      </c>
      <c r="BZ39" s="103">
        <v>63848</v>
      </c>
      <c r="CA39" s="106">
        <v>63848</v>
      </c>
      <c r="CB39" s="100">
        <v>0</v>
      </c>
      <c r="CC39" s="104">
        <v>0</v>
      </c>
      <c r="CD39" s="103">
        <v>0</v>
      </c>
      <c r="CE39" s="100">
        <v>0</v>
      </c>
      <c r="CF39" s="104">
        <v>0</v>
      </c>
      <c r="CG39" s="104">
        <v>42376</v>
      </c>
      <c r="CH39" s="104">
        <v>0</v>
      </c>
      <c r="CI39" s="104">
        <v>35392</v>
      </c>
      <c r="CJ39" s="104">
        <v>0</v>
      </c>
      <c r="CK39" s="103">
        <v>77768</v>
      </c>
      <c r="CL39" s="106">
        <v>77768</v>
      </c>
      <c r="CM39" s="100">
        <v>0</v>
      </c>
      <c r="CN39" s="104">
        <v>0</v>
      </c>
      <c r="CO39" s="103">
        <v>0</v>
      </c>
      <c r="CP39" s="101">
        <v>0</v>
      </c>
      <c r="CQ39" s="104">
        <v>0</v>
      </c>
      <c r="CR39" s="104">
        <v>42376</v>
      </c>
      <c r="CS39" s="104">
        <v>0</v>
      </c>
      <c r="CT39" s="104">
        <v>35392</v>
      </c>
      <c r="CU39" s="104">
        <v>0</v>
      </c>
      <c r="CV39" s="103">
        <v>77768</v>
      </c>
      <c r="CW39" s="106">
        <v>77768</v>
      </c>
      <c r="CX39" s="100">
        <v>0</v>
      </c>
      <c r="CY39" s="104">
        <v>0</v>
      </c>
      <c r="CZ39" s="103">
        <v>0</v>
      </c>
      <c r="DA39" s="100">
        <v>0</v>
      </c>
      <c r="DB39" s="104">
        <v>0</v>
      </c>
      <c r="DC39" s="104">
        <v>0</v>
      </c>
      <c r="DD39" s="104">
        <v>0</v>
      </c>
      <c r="DE39" s="104">
        <v>0</v>
      </c>
      <c r="DF39" s="104">
        <v>0</v>
      </c>
      <c r="DG39" s="103">
        <v>0</v>
      </c>
      <c r="DH39" s="106">
        <v>0</v>
      </c>
      <c r="DI39" s="100">
        <v>0</v>
      </c>
      <c r="DJ39" s="104">
        <v>0</v>
      </c>
      <c r="DK39" s="102">
        <v>0</v>
      </c>
      <c r="DL39" s="101">
        <v>0</v>
      </c>
      <c r="DM39" s="104">
        <v>0</v>
      </c>
      <c r="DN39" s="104">
        <v>0</v>
      </c>
      <c r="DO39" s="104">
        <v>0</v>
      </c>
      <c r="DP39" s="104">
        <v>0</v>
      </c>
      <c r="DQ39" s="104">
        <v>0</v>
      </c>
      <c r="DR39" s="103">
        <v>0</v>
      </c>
      <c r="DS39" s="106">
        <v>0</v>
      </c>
      <c r="DT39" s="100">
        <v>0</v>
      </c>
      <c r="DU39" s="104">
        <v>0</v>
      </c>
      <c r="DV39" s="103">
        <v>0</v>
      </c>
      <c r="DW39" s="100">
        <v>0</v>
      </c>
      <c r="DX39" s="104">
        <v>0</v>
      </c>
      <c r="DY39" s="104">
        <v>0</v>
      </c>
      <c r="DZ39" s="104">
        <v>0</v>
      </c>
      <c r="EA39" s="104">
        <v>0</v>
      </c>
      <c r="EB39" s="104">
        <v>0</v>
      </c>
      <c r="EC39" s="103">
        <v>0</v>
      </c>
      <c r="ED39" s="106">
        <v>0</v>
      </c>
      <c r="EE39" s="100">
        <v>0</v>
      </c>
      <c r="EF39" s="102">
        <v>0</v>
      </c>
      <c r="EG39" s="103">
        <v>0</v>
      </c>
      <c r="EH39" s="100">
        <v>0</v>
      </c>
      <c r="EI39" s="104">
        <v>0</v>
      </c>
      <c r="EJ39" s="104">
        <v>0</v>
      </c>
      <c r="EK39" s="104">
        <v>0</v>
      </c>
      <c r="EL39" s="104">
        <v>0</v>
      </c>
      <c r="EM39" s="104">
        <v>0</v>
      </c>
      <c r="EN39" s="102">
        <v>0</v>
      </c>
      <c r="EO39" s="106">
        <v>0</v>
      </c>
      <c r="EP39" s="100">
        <v>0</v>
      </c>
      <c r="EQ39" s="104">
        <v>0</v>
      </c>
      <c r="ER39" s="102">
        <v>0</v>
      </c>
      <c r="ES39" s="101">
        <v>0</v>
      </c>
      <c r="ET39" s="104">
        <v>0</v>
      </c>
      <c r="EU39" s="104">
        <v>0</v>
      </c>
      <c r="EV39" s="104">
        <v>0</v>
      </c>
      <c r="EW39" s="104">
        <v>0</v>
      </c>
      <c r="EX39" s="104">
        <v>0</v>
      </c>
      <c r="EY39" s="103">
        <v>0</v>
      </c>
      <c r="EZ39" s="106">
        <v>0</v>
      </c>
      <c r="FA39" s="100">
        <v>0</v>
      </c>
      <c r="FB39" s="104">
        <v>0</v>
      </c>
      <c r="FC39" s="102">
        <v>0</v>
      </c>
      <c r="FD39" s="324"/>
      <c r="FE39" s="104">
        <v>0</v>
      </c>
      <c r="FF39" s="104">
        <v>0</v>
      </c>
      <c r="FG39" s="104">
        <v>0</v>
      </c>
      <c r="FH39" s="104">
        <v>0</v>
      </c>
      <c r="FI39" s="104">
        <v>0</v>
      </c>
      <c r="FJ39" s="103">
        <v>0</v>
      </c>
      <c r="FK39" s="106">
        <v>0</v>
      </c>
      <c r="FL39" s="100">
        <v>0</v>
      </c>
      <c r="FM39" s="104">
        <v>19520</v>
      </c>
      <c r="FN39" s="103">
        <v>19520</v>
      </c>
      <c r="FO39" s="100">
        <v>0</v>
      </c>
      <c r="FP39" s="104">
        <v>9200</v>
      </c>
      <c r="FQ39" s="104">
        <v>66096</v>
      </c>
      <c r="FR39" s="104">
        <v>7200</v>
      </c>
      <c r="FS39" s="104">
        <v>13360</v>
      </c>
      <c r="FT39" s="104">
        <v>0</v>
      </c>
      <c r="FU39" s="103">
        <v>95856</v>
      </c>
      <c r="FV39" s="106">
        <v>115376</v>
      </c>
      <c r="FW39" s="105">
        <v>0</v>
      </c>
      <c r="FX39" s="104">
        <v>19520</v>
      </c>
      <c r="FY39" s="102">
        <v>19520</v>
      </c>
      <c r="FZ39" s="101">
        <v>0</v>
      </c>
      <c r="GA39" s="104">
        <v>9200</v>
      </c>
      <c r="GB39" s="104">
        <v>66096</v>
      </c>
      <c r="GC39" s="104">
        <v>7200</v>
      </c>
      <c r="GD39" s="104">
        <v>13360</v>
      </c>
      <c r="GE39" s="104">
        <v>0</v>
      </c>
      <c r="GF39" s="103">
        <v>95856</v>
      </c>
      <c r="GG39" s="296">
        <v>115376</v>
      </c>
      <c r="GH39" s="105">
        <v>0</v>
      </c>
      <c r="GI39" s="104">
        <v>0</v>
      </c>
      <c r="GJ39" s="102">
        <v>0</v>
      </c>
      <c r="GK39" s="101">
        <v>0</v>
      </c>
      <c r="GL39" s="104">
        <v>0</v>
      </c>
      <c r="GM39" s="104">
        <v>0</v>
      </c>
      <c r="GN39" s="104">
        <v>0</v>
      </c>
      <c r="GO39" s="104">
        <v>0</v>
      </c>
      <c r="GP39" s="104">
        <v>0</v>
      </c>
      <c r="GQ39" s="103">
        <v>0</v>
      </c>
      <c r="GR39" s="106">
        <v>0</v>
      </c>
      <c r="GS39" s="100">
        <v>0</v>
      </c>
      <c r="GT39" s="104">
        <v>0</v>
      </c>
      <c r="GU39" s="103">
        <v>0</v>
      </c>
      <c r="GV39" s="100">
        <v>0</v>
      </c>
      <c r="GW39" s="104">
        <v>0</v>
      </c>
      <c r="GX39" s="104">
        <v>0</v>
      </c>
      <c r="GY39" s="104">
        <v>0</v>
      </c>
      <c r="GZ39" s="104">
        <v>0</v>
      </c>
      <c r="HA39" s="104">
        <v>0</v>
      </c>
      <c r="HB39" s="102">
        <v>0</v>
      </c>
      <c r="HC39" s="106">
        <v>0</v>
      </c>
      <c r="HD39" s="100">
        <v>0</v>
      </c>
      <c r="HE39" s="104">
        <v>0</v>
      </c>
      <c r="HF39" s="102">
        <v>0</v>
      </c>
      <c r="HG39" s="101">
        <v>0</v>
      </c>
      <c r="HH39" s="104">
        <v>0</v>
      </c>
      <c r="HI39" s="104">
        <v>167184</v>
      </c>
      <c r="HJ39" s="104">
        <v>0</v>
      </c>
      <c r="HK39" s="104">
        <v>0</v>
      </c>
      <c r="HL39" s="104">
        <v>327059</v>
      </c>
      <c r="HM39" s="103">
        <v>494243</v>
      </c>
      <c r="HN39" s="99">
        <v>494243</v>
      </c>
      <c r="HO39" s="306"/>
      <c r="HP39" s="307"/>
      <c r="HQ39" s="308"/>
      <c r="HR39" s="309"/>
      <c r="HS39" s="307"/>
      <c r="HT39" s="307"/>
      <c r="HU39" s="307"/>
      <c r="HV39" s="307"/>
      <c r="HW39" s="307"/>
      <c r="HX39" s="310"/>
      <c r="HY39" s="311"/>
      <c r="HZ39" s="118">
        <v>0</v>
      </c>
      <c r="IA39" s="119">
        <v>0</v>
      </c>
      <c r="IB39" s="120">
        <v>0</v>
      </c>
      <c r="IC39" s="133">
        <v>0</v>
      </c>
      <c r="ID39" s="119">
        <v>89680</v>
      </c>
      <c r="IE39" s="134">
        <v>275472</v>
      </c>
      <c r="IF39" s="120">
        <v>464952</v>
      </c>
      <c r="IG39" s="119">
        <v>0</v>
      </c>
      <c r="IH39" s="120">
        <v>0</v>
      </c>
      <c r="II39" s="135">
        <v>830104</v>
      </c>
      <c r="IJ39" s="126">
        <v>830104</v>
      </c>
      <c r="IK39" s="219">
        <v>0</v>
      </c>
      <c r="IL39" s="223">
        <v>0</v>
      </c>
      <c r="IM39" s="224">
        <v>0</v>
      </c>
      <c r="IN39" s="127"/>
      <c r="IO39" s="109">
        <v>0</v>
      </c>
      <c r="IP39" s="109">
        <v>0</v>
      </c>
      <c r="IQ39" s="109">
        <v>0</v>
      </c>
      <c r="IR39" s="109">
        <v>0</v>
      </c>
      <c r="IS39" s="109">
        <v>0</v>
      </c>
      <c r="IT39" s="128">
        <v>0</v>
      </c>
      <c r="IU39" s="298">
        <v>0</v>
      </c>
      <c r="IV39" s="129">
        <v>0</v>
      </c>
      <c r="IW39" s="109">
        <v>0</v>
      </c>
      <c r="IX39" s="110">
        <v>0</v>
      </c>
      <c r="IY39" s="131"/>
      <c r="IZ39" s="109">
        <v>0</v>
      </c>
      <c r="JA39" s="109">
        <v>0</v>
      </c>
      <c r="JB39" s="109">
        <v>0</v>
      </c>
      <c r="JC39" s="109">
        <v>0</v>
      </c>
      <c r="JD39" s="109">
        <v>0</v>
      </c>
      <c r="JE39" s="110">
        <v>0</v>
      </c>
      <c r="JF39" s="111">
        <v>0</v>
      </c>
      <c r="JG39" s="129">
        <v>0</v>
      </c>
      <c r="JH39" s="109">
        <v>0</v>
      </c>
      <c r="JI39" s="128">
        <v>0</v>
      </c>
      <c r="JJ39" s="108">
        <v>0</v>
      </c>
      <c r="JK39" s="109">
        <v>89680</v>
      </c>
      <c r="JL39" s="109">
        <v>111544</v>
      </c>
      <c r="JM39" s="109">
        <v>0</v>
      </c>
      <c r="JN39" s="109">
        <v>0</v>
      </c>
      <c r="JO39" s="109">
        <v>0</v>
      </c>
      <c r="JP39" s="110">
        <v>201224</v>
      </c>
      <c r="JQ39" s="298">
        <v>201224</v>
      </c>
      <c r="JR39" s="129">
        <v>0</v>
      </c>
      <c r="JS39" s="109">
        <v>0</v>
      </c>
      <c r="JT39" s="128">
        <v>0</v>
      </c>
      <c r="JU39" s="108">
        <v>0</v>
      </c>
      <c r="JV39" s="109">
        <v>0</v>
      </c>
      <c r="JW39" s="109">
        <v>0</v>
      </c>
      <c r="JX39" s="109">
        <v>0</v>
      </c>
      <c r="JY39" s="109">
        <v>0</v>
      </c>
      <c r="JZ39" s="109">
        <v>0</v>
      </c>
      <c r="KA39" s="110">
        <v>0</v>
      </c>
      <c r="KB39" s="298">
        <v>0</v>
      </c>
      <c r="KC39" s="221">
        <v>0</v>
      </c>
      <c r="KD39" s="217">
        <v>0</v>
      </c>
      <c r="KE39" s="110">
        <v>0</v>
      </c>
      <c r="KF39" s="108">
        <v>0</v>
      </c>
      <c r="KG39" s="109">
        <v>0</v>
      </c>
      <c r="KH39" s="109">
        <v>163928</v>
      </c>
      <c r="KI39" s="109">
        <v>219712</v>
      </c>
      <c r="KJ39" s="109">
        <v>0</v>
      </c>
      <c r="KK39" s="109">
        <v>0</v>
      </c>
      <c r="KL39" s="110">
        <v>383640</v>
      </c>
      <c r="KM39" s="130">
        <v>383640</v>
      </c>
      <c r="KN39" s="219">
        <v>0</v>
      </c>
      <c r="KO39" s="223">
        <v>0</v>
      </c>
      <c r="KP39" s="224">
        <v>0</v>
      </c>
      <c r="KQ39" s="127"/>
      <c r="KR39" s="109">
        <v>0</v>
      </c>
      <c r="KS39" s="109">
        <v>0</v>
      </c>
      <c r="KT39" s="109">
        <v>0</v>
      </c>
      <c r="KU39" s="109">
        <v>0</v>
      </c>
      <c r="KV39" s="109">
        <v>0</v>
      </c>
      <c r="KW39" s="110">
        <v>0</v>
      </c>
      <c r="KX39" s="298">
        <v>0</v>
      </c>
      <c r="KY39" s="129">
        <v>0</v>
      </c>
      <c r="KZ39" s="109">
        <v>0</v>
      </c>
      <c r="LA39" s="110">
        <v>0</v>
      </c>
      <c r="LB39" s="132"/>
      <c r="LC39" s="109">
        <v>0</v>
      </c>
      <c r="LD39" s="109">
        <v>0</v>
      </c>
      <c r="LE39" s="109">
        <v>0</v>
      </c>
      <c r="LF39" s="109">
        <v>0</v>
      </c>
      <c r="LG39" s="109">
        <v>0</v>
      </c>
      <c r="LH39" s="110">
        <v>0</v>
      </c>
      <c r="LI39" s="111">
        <v>0</v>
      </c>
      <c r="LJ39" s="129">
        <v>0</v>
      </c>
      <c r="LK39" s="109">
        <v>0</v>
      </c>
      <c r="LL39" s="110">
        <v>0</v>
      </c>
      <c r="LM39" s="132"/>
      <c r="LN39" s="109">
        <v>0</v>
      </c>
      <c r="LO39" s="109">
        <v>0</v>
      </c>
      <c r="LP39" s="109">
        <v>0</v>
      </c>
      <c r="LQ39" s="109">
        <v>0</v>
      </c>
      <c r="LR39" s="109">
        <v>0</v>
      </c>
      <c r="LS39" s="110">
        <v>0</v>
      </c>
      <c r="LT39" s="298">
        <v>0</v>
      </c>
      <c r="LU39" s="129">
        <v>0</v>
      </c>
      <c r="LV39" s="109">
        <v>0</v>
      </c>
      <c r="LW39" s="110">
        <v>0</v>
      </c>
      <c r="LX39" s="132"/>
      <c r="LY39" s="109">
        <v>0</v>
      </c>
      <c r="LZ39" s="109">
        <v>0</v>
      </c>
      <c r="MA39" s="109">
        <v>245240</v>
      </c>
      <c r="MB39" s="109">
        <v>0</v>
      </c>
      <c r="MC39" s="109">
        <v>0</v>
      </c>
      <c r="MD39" s="110">
        <v>245240</v>
      </c>
      <c r="ME39" s="111">
        <v>245240</v>
      </c>
      <c r="MF39" s="129">
        <v>0</v>
      </c>
      <c r="MG39" s="109">
        <v>0</v>
      </c>
      <c r="MH39" s="110">
        <v>0</v>
      </c>
      <c r="MI39" s="132"/>
      <c r="MJ39" s="109">
        <v>0</v>
      </c>
      <c r="MK39" s="109">
        <v>0</v>
      </c>
      <c r="ML39" s="109">
        <v>469120</v>
      </c>
      <c r="MM39" s="109">
        <v>0</v>
      </c>
      <c r="MN39" s="109">
        <v>0</v>
      </c>
      <c r="MO39" s="110">
        <v>469120</v>
      </c>
      <c r="MP39" s="130">
        <v>469120</v>
      </c>
      <c r="MQ39" s="129">
        <v>0</v>
      </c>
      <c r="MR39" s="109">
        <v>0</v>
      </c>
      <c r="MS39" s="110">
        <v>0</v>
      </c>
      <c r="MT39" s="132"/>
      <c r="MU39" s="109">
        <v>0</v>
      </c>
      <c r="MV39" s="109">
        <v>0</v>
      </c>
      <c r="MW39" s="109">
        <v>218736</v>
      </c>
      <c r="MX39" s="109">
        <v>0</v>
      </c>
      <c r="MY39" s="109">
        <v>0</v>
      </c>
      <c r="MZ39" s="110">
        <v>218736</v>
      </c>
      <c r="NA39" s="130">
        <v>218736</v>
      </c>
      <c r="NB39" s="129">
        <v>0</v>
      </c>
      <c r="NC39" s="109">
        <v>0</v>
      </c>
      <c r="ND39" s="110">
        <v>0</v>
      </c>
      <c r="NE39" s="132"/>
      <c r="NF39" s="109">
        <v>0</v>
      </c>
      <c r="NG39" s="109">
        <v>0</v>
      </c>
      <c r="NH39" s="109">
        <v>250384</v>
      </c>
      <c r="NI39" s="109">
        <v>0</v>
      </c>
      <c r="NJ39" s="109">
        <v>0</v>
      </c>
      <c r="NK39" s="110">
        <v>250384</v>
      </c>
      <c r="NL39" s="298">
        <v>250384</v>
      </c>
      <c r="NM39" s="129">
        <v>0</v>
      </c>
      <c r="NN39" s="109">
        <v>0</v>
      </c>
      <c r="NO39" s="110">
        <v>0</v>
      </c>
      <c r="NP39" s="132"/>
      <c r="NQ39" s="109">
        <v>0</v>
      </c>
      <c r="NR39" s="109">
        <v>0</v>
      </c>
      <c r="NS39" s="109">
        <v>0</v>
      </c>
      <c r="NT39" s="109">
        <v>0</v>
      </c>
      <c r="NU39" s="109">
        <v>0</v>
      </c>
      <c r="NV39" s="110">
        <v>0</v>
      </c>
      <c r="NW39" s="111">
        <v>0</v>
      </c>
      <c r="NX39" s="129">
        <v>0</v>
      </c>
      <c r="NY39" s="109">
        <v>0</v>
      </c>
      <c r="NZ39" s="110">
        <v>0</v>
      </c>
      <c r="OA39" s="132"/>
      <c r="OB39" s="109">
        <v>0</v>
      </c>
      <c r="OC39" s="109">
        <v>0</v>
      </c>
      <c r="OD39" s="109">
        <v>0</v>
      </c>
      <c r="OE39" s="109">
        <v>0</v>
      </c>
      <c r="OF39" s="109">
        <v>0</v>
      </c>
      <c r="OG39" s="110">
        <v>0</v>
      </c>
      <c r="OH39" s="111">
        <v>0</v>
      </c>
      <c r="OI39" s="129">
        <v>0</v>
      </c>
      <c r="OJ39" s="109">
        <v>19520</v>
      </c>
      <c r="OK39" s="128">
        <v>19520</v>
      </c>
      <c r="OL39" s="108">
        <v>0</v>
      </c>
      <c r="OM39" s="109">
        <v>150664</v>
      </c>
      <c r="ON39" s="109">
        <v>687756</v>
      </c>
      <c r="OO39" s="109">
        <v>941272</v>
      </c>
      <c r="OP39" s="109">
        <v>119952</v>
      </c>
      <c r="OQ39" s="109">
        <v>350675</v>
      </c>
      <c r="OR39" s="110">
        <v>2250319</v>
      </c>
      <c r="OS39" s="130">
        <v>2269839</v>
      </c>
    </row>
    <row r="40" spans="2:409" ht="21" customHeight="1" x14ac:dyDescent="0.2">
      <c r="B40" s="472" t="s">
        <v>35</v>
      </c>
      <c r="C40" s="100">
        <v>109424</v>
      </c>
      <c r="D40" s="104">
        <v>155711</v>
      </c>
      <c r="E40" s="103">
        <v>265135</v>
      </c>
      <c r="F40" s="99">
        <v>0</v>
      </c>
      <c r="G40" s="104">
        <v>1937763</v>
      </c>
      <c r="H40" s="104">
        <v>372798</v>
      </c>
      <c r="I40" s="104">
        <v>863149</v>
      </c>
      <c r="J40" s="104">
        <v>1072096</v>
      </c>
      <c r="K40" s="104">
        <v>602595</v>
      </c>
      <c r="L40" s="160">
        <v>4848401</v>
      </c>
      <c r="M40" s="106">
        <v>5113536</v>
      </c>
      <c r="N40" s="100">
        <v>30944</v>
      </c>
      <c r="O40" s="104">
        <v>0</v>
      </c>
      <c r="P40" s="103">
        <v>30944</v>
      </c>
      <c r="Q40" s="100">
        <v>0</v>
      </c>
      <c r="R40" s="104">
        <v>476227</v>
      </c>
      <c r="S40" s="104">
        <v>42888</v>
      </c>
      <c r="T40" s="104">
        <v>298875</v>
      </c>
      <c r="U40" s="104">
        <v>277112</v>
      </c>
      <c r="V40" s="104">
        <v>347534</v>
      </c>
      <c r="W40" s="103">
        <v>1442636</v>
      </c>
      <c r="X40" s="106">
        <v>1473580</v>
      </c>
      <c r="Y40" s="100">
        <v>0</v>
      </c>
      <c r="Z40" s="104">
        <v>0</v>
      </c>
      <c r="AA40" s="103">
        <v>0</v>
      </c>
      <c r="AB40" s="100">
        <v>0</v>
      </c>
      <c r="AC40" s="104">
        <v>284659</v>
      </c>
      <c r="AD40" s="104">
        <v>0</v>
      </c>
      <c r="AE40" s="104">
        <v>188283</v>
      </c>
      <c r="AF40" s="104">
        <v>136640</v>
      </c>
      <c r="AG40" s="104">
        <v>209950</v>
      </c>
      <c r="AH40" s="103">
        <v>819532</v>
      </c>
      <c r="AI40" s="106">
        <v>819532</v>
      </c>
      <c r="AJ40" s="100">
        <v>0</v>
      </c>
      <c r="AK40" s="104">
        <v>0</v>
      </c>
      <c r="AL40" s="103">
        <v>0</v>
      </c>
      <c r="AM40" s="100">
        <v>0</v>
      </c>
      <c r="AN40" s="104">
        <v>0</v>
      </c>
      <c r="AO40" s="104">
        <v>0</v>
      </c>
      <c r="AP40" s="104">
        <v>0</v>
      </c>
      <c r="AQ40" s="104">
        <v>98344</v>
      </c>
      <c r="AR40" s="104">
        <v>100136</v>
      </c>
      <c r="AS40" s="103">
        <v>198480</v>
      </c>
      <c r="AT40" s="106">
        <v>198480</v>
      </c>
      <c r="AU40" s="100">
        <v>0</v>
      </c>
      <c r="AV40" s="104">
        <v>0</v>
      </c>
      <c r="AW40" s="103">
        <v>0</v>
      </c>
      <c r="AX40" s="100">
        <v>0</v>
      </c>
      <c r="AY40" s="104">
        <v>41504</v>
      </c>
      <c r="AZ40" s="104">
        <v>0</v>
      </c>
      <c r="BA40" s="104">
        <v>51440</v>
      </c>
      <c r="BB40" s="104">
        <v>0</v>
      </c>
      <c r="BC40" s="104">
        <v>0</v>
      </c>
      <c r="BD40" s="103">
        <v>92944</v>
      </c>
      <c r="BE40" s="106">
        <v>92944</v>
      </c>
      <c r="BF40" s="100">
        <v>20032</v>
      </c>
      <c r="BG40" s="104">
        <v>0</v>
      </c>
      <c r="BH40" s="102">
        <v>20032</v>
      </c>
      <c r="BI40" s="101">
        <v>0</v>
      </c>
      <c r="BJ40" s="104">
        <v>29760</v>
      </c>
      <c r="BK40" s="104">
        <v>0</v>
      </c>
      <c r="BL40" s="104">
        <v>0</v>
      </c>
      <c r="BM40" s="104">
        <v>0</v>
      </c>
      <c r="BN40" s="104">
        <v>0</v>
      </c>
      <c r="BO40" s="103">
        <v>29760</v>
      </c>
      <c r="BP40" s="106">
        <v>49792</v>
      </c>
      <c r="BQ40" s="100">
        <v>10912</v>
      </c>
      <c r="BR40" s="104">
        <v>0</v>
      </c>
      <c r="BS40" s="103">
        <v>10912</v>
      </c>
      <c r="BT40" s="100">
        <v>0</v>
      </c>
      <c r="BU40" s="104">
        <v>120304</v>
      </c>
      <c r="BV40" s="104">
        <v>42888</v>
      </c>
      <c r="BW40" s="104">
        <v>59152</v>
      </c>
      <c r="BX40" s="104">
        <v>42128</v>
      </c>
      <c r="BY40" s="104">
        <v>37448</v>
      </c>
      <c r="BZ40" s="103">
        <v>301920</v>
      </c>
      <c r="CA40" s="106">
        <v>312832</v>
      </c>
      <c r="CB40" s="100">
        <v>20728</v>
      </c>
      <c r="CC40" s="104">
        <v>40815</v>
      </c>
      <c r="CD40" s="103">
        <v>61543</v>
      </c>
      <c r="CE40" s="100">
        <v>0</v>
      </c>
      <c r="CF40" s="104">
        <v>318144</v>
      </c>
      <c r="CG40" s="104">
        <v>134432</v>
      </c>
      <c r="CH40" s="104">
        <v>248667</v>
      </c>
      <c r="CI40" s="104">
        <v>117576</v>
      </c>
      <c r="CJ40" s="104">
        <v>0</v>
      </c>
      <c r="CK40" s="103">
        <v>818819</v>
      </c>
      <c r="CL40" s="106">
        <v>880362</v>
      </c>
      <c r="CM40" s="100">
        <v>0</v>
      </c>
      <c r="CN40" s="104">
        <v>0</v>
      </c>
      <c r="CO40" s="103">
        <v>0</v>
      </c>
      <c r="CP40" s="101">
        <v>0</v>
      </c>
      <c r="CQ40" s="104">
        <v>318144</v>
      </c>
      <c r="CR40" s="104">
        <v>134432</v>
      </c>
      <c r="CS40" s="104">
        <v>195939</v>
      </c>
      <c r="CT40" s="104">
        <v>0</v>
      </c>
      <c r="CU40" s="104">
        <v>0</v>
      </c>
      <c r="CV40" s="103">
        <v>648515</v>
      </c>
      <c r="CW40" s="106">
        <v>648515</v>
      </c>
      <c r="CX40" s="100">
        <v>20728</v>
      </c>
      <c r="CY40" s="104">
        <v>40815</v>
      </c>
      <c r="CZ40" s="103">
        <v>61543</v>
      </c>
      <c r="DA40" s="100">
        <v>0</v>
      </c>
      <c r="DB40" s="104">
        <v>0</v>
      </c>
      <c r="DC40" s="104">
        <v>0</v>
      </c>
      <c r="DD40" s="104">
        <v>52728</v>
      </c>
      <c r="DE40" s="104">
        <v>117576</v>
      </c>
      <c r="DF40" s="104">
        <v>0</v>
      </c>
      <c r="DG40" s="103">
        <v>170304</v>
      </c>
      <c r="DH40" s="106">
        <v>231847</v>
      </c>
      <c r="DI40" s="100">
        <v>0</v>
      </c>
      <c r="DJ40" s="104">
        <v>0</v>
      </c>
      <c r="DK40" s="102">
        <v>0</v>
      </c>
      <c r="DL40" s="101">
        <v>0</v>
      </c>
      <c r="DM40" s="104">
        <v>15064</v>
      </c>
      <c r="DN40" s="104">
        <v>0</v>
      </c>
      <c r="DO40" s="104">
        <v>0</v>
      </c>
      <c r="DP40" s="104">
        <v>0</v>
      </c>
      <c r="DQ40" s="104">
        <v>0</v>
      </c>
      <c r="DR40" s="103">
        <v>15064</v>
      </c>
      <c r="DS40" s="106">
        <v>15064</v>
      </c>
      <c r="DT40" s="100">
        <v>0</v>
      </c>
      <c r="DU40" s="104">
        <v>0</v>
      </c>
      <c r="DV40" s="103">
        <v>0</v>
      </c>
      <c r="DW40" s="100">
        <v>0</v>
      </c>
      <c r="DX40" s="104">
        <v>15064</v>
      </c>
      <c r="DY40" s="104">
        <v>0</v>
      </c>
      <c r="DZ40" s="104">
        <v>0</v>
      </c>
      <c r="EA40" s="104">
        <v>0</v>
      </c>
      <c r="EB40" s="104">
        <v>0</v>
      </c>
      <c r="EC40" s="103">
        <v>15064</v>
      </c>
      <c r="ED40" s="106">
        <v>15064</v>
      </c>
      <c r="EE40" s="100">
        <v>0</v>
      </c>
      <c r="EF40" s="102">
        <v>0</v>
      </c>
      <c r="EG40" s="103">
        <v>0</v>
      </c>
      <c r="EH40" s="100">
        <v>0</v>
      </c>
      <c r="EI40" s="104">
        <v>0</v>
      </c>
      <c r="EJ40" s="104">
        <v>0</v>
      </c>
      <c r="EK40" s="104">
        <v>0</v>
      </c>
      <c r="EL40" s="104">
        <v>0</v>
      </c>
      <c r="EM40" s="104">
        <v>0</v>
      </c>
      <c r="EN40" s="102">
        <v>0</v>
      </c>
      <c r="EO40" s="106">
        <v>0</v>
      </c>
      <c r="EP40" s="100">
        <v>0</v>
      </c>
      <c r="EQ40" s="104">
        <v>0</v>
      </c>
      <c r="ER40" s="102">
        <v>0</v>
      </c>
      <c r="ES40" s="101">
        <v>0</v>
      </c>
      <c r="ET40" s="104">
        <v>0</v>
      </c>
      <c r="EU40" s="104">
        <v>0</v>
      </c>
      <c r="EV40" s="104">
        <v>0</v>
      </c>
      <c r="EW40" s="104">
        <v>0</v>
      </c>
      <c r="EX40" s="104">
        <v>0</v>
      </c>
      <c r="EY40" s="103">
        <v>0</v>
      </c>
      <c r="EZ40" s="106">
        <v>0</v>
      </c>
      <c r="FA40" s="100">
        <v>0</v>
      </c>
      <c r="FB40" s="104">
        <v>0</v>
      </c>
      <c r="FC40" s="102">
        <v>0</v>
      </c>
      <c r="FD40" s="324"/>
      <c r="FE40" s="104">
        <v>0</v>
      </c>
      <c r="FF40" s="104">
        <v>0</v>
      </c>
      <c r="FG40" s="104">
        <v>0</v>
      </c>
      <c r="FH40" s="104">
        <v>0</v>
      </c>
      <c r="FI40" s="104">
        <v>0</v>
      </c>
      <c r="FJ40" s="103">
        <v>0</v>
      </c>
      <c r="FK40" s="106">
        <v>0</v>
      </c>
      <c r="FL40" s="100">
        <v>0</v>
      </c>
      <c r="FM40" s="104">
        <v>21472</v>
      </c>
      <c r="FN40" s="103">
        <v>21472</v>
      </c>
      <c r="FO40" s="100">
        <v>0</v>
      </c>
      <c r="FP40" s="104">
        <v>23904</v>
      </c>
      <c r="FQ40" s="104">
        <v>8880</v>
      </c>
      <c r="FR40" s="104">
        <v>115912</v>
      </c>
      <c r="FS40" s="104">
        <v>106328</v>
      </c>
      <c r="FT40" s="104">
        <v>9600</v>
      </c>
      <c r="FU40" s="103">
        <v>264624</v>
      </c>
      <c r="FV40" s="106">
        <v>286096</v>
      </c>
      <c r="FW40" s="105">
        <v>0</v>
      </c>
      <c r="FX40" s="104">
        <v>21472</v>
      </c>
      <c r="FY40" s="102">
        <v>21472</v>
      </c>
      <c r="FZ40" s="101">
        <v>0</v>
      </c>
      <c r="GA40" s="104">
        <v>23904</v>
      </c>
      <c r="GB40" s="104">
        <v>8880</v>
      </c>
      <c r="GC40" s="104">
        <v>62480</v>
      </c>
      <c r="GD40" s="104">
        <v>37600</v>
      </c>
      <c r="GE40" s="104">
        <v>9600</v>
      </c>
      <c r="GF40" s="103">
        <v>142464</v>
      </c>
      <c r="GG40" s="296">
        <v>163936</v>
      </c>
      <c r="GH40" s="105">
        <v>0</v>
      </c>
      <c r="GI40" s="104">
        <v>0</v>
      </c>
      <c r="GJ40" s="102">
        <v>0</v>
      </c>
      <c r="GK40" s="101">
        <v>0</v>
      </c>
      <c r="GL40" s="104">
        <v>0</v>
      </c>
      <c r="GM40" s="104">
        <v>0</v>
      </c>
      <c r="GN40" s="104">
        <v>53432</v>
      </c>
      <c r="GO40" s="104">
        <v>0</v>
      </c>
      <c r="GP40" s="104">
        <v>0</v>
      </c>
      <c r="GQ40" s="103">
        <v>53432</v>
      </c>
      <c r="GR40" s="106">
        <v>53432</v>
      </c>
      <c r="GS40" s="100">
        <v>0</v>
      </c>
      <c r="GT40" s="104">
        <v>0</v>
      </c>
      <c r="GU40" s="103">
        <v>0</v>
      </c>
      <c r="GV40" s="100">
        <v>0</v>
      </c>
      <c r="GW40" s="104">
        <v>0</v>
      </c>
      <c r="GX40" s="104">
        <v>0</v>
      </c>
      <c r="GY40" s="104">
        <v>0</v>
      </c>
      <c r="GZ40" s="104">
        <v>68728</v>
      </c>
      <c r="HA40" s="104">
        <v>0</v>
      </c>
      <c r="HB40" s="102">
        <v>68728</v>
      </c>
      <c r="HC40" s="106">
        <v>68728</v>
      </c>
      <c r="HD40" s="100">
        <v>57752</v>
      </c>
      <c r="HE40" s="104">
        <v>93424</v>
      </c>
      <c r="HF40" s="102">
        <v>151176</v>
      </c>
      <c r="HG40" s="101">
        <v>0</v>
      </c>
      <c r="HH40" s="104">
        <v>1104424</v>
      </c>
      <c r="HI40" s="104">
        <v>186598</v>
      </c>
      <c r="HJ40" s="104">
        <v>199695</v>
      </c>
      <c r="HK40" s="104">
        <v>571080</v>
      </c>
      <c r="HL40" s="104">
        <v>245461</v>
      </c>
      <c r="HM40" s="103">
        <v>2307258</v>
      </c>
      <c r="HN40" s="99">
        <v>2458434</v>
      </c>
      <c r="HO40" s="306"/>
      <c r="HP40" s="307"/>
      <c r="HQ40" s="308"/>
      <c r="HR40" s="309"/>
      <c r="HS40" s="307"/>
      <c r="HT40" s="307"/>
      <c r="HU40" s="307"/>
      <c r="HV40" s="307"/>
      <c r="HW40" s="307"/>
      <c r="HX40" s="310"/>
      <c r="HY40" s="311"/>
      <c r="HZ40" s="137">
        <v>0</v>
      </c>
      <c r="IA40" s="122">
        <v>0</v>
      </c>
      <c r="IB40" s="137">
        <v>0</v>
      </c>
      <c r="IC40" s="133">
        <v>0</v>
      </c>
      <c r="ID40" s="119">
        <v>0</v>
      </c>
      <c r="IE40" s="134">
        <v>613160</v>
      </c>
      <c r="IF40" s="120">
        <v>303560</v>
      </c>
      <c r="IG40" s="119">
        <v>0</v>
      </c>
      <c r="IH40" s="120">
        <v>0</v>
      </c>
      <c r="II40" s="135">
        <v>916720</v>
      </c>
      <c r="IJ40" s="137">
        <v>916720</v>
      </c>
      <c r="IK40" s="219">
        <v>0</v>
      </c>
      <c r="IL40" s="223">
        <v>0</v>
      </c>
      <c r="IM40" s="224">
        <v>0</v>
      </c>
      <c r="IN40" s="127"/>
      <c r="IO40" s="109">
        <v>0</v>
      </c>
      <c r="IP40" s="109">
        <v>0</v>
      </c>
      <c r="IQ40" s="109">
        <v>252384</v>
      </c>
      <c r="IR40" s="109">
        <v>0</v>
      </c>
      <c r="IS40" s="109">
        <v>0</v>
      </c>
      <c r="IT40" s="128">
        <v>252384</v>
      </c>
      <c r="IU40" s="298">
        <v>252384</v>
      </c>
      <c r="IV40" s="129">
        <v>0</v>
      </c>
      <c r="IW40" s="109">
        <v>0</v>
      </c>
      <c r="IX40" s="110">
        <v>0</v>
      </c>
      <c r="IY40" s="131"/>
      <c r="IZ40" s="109">
        <v>0</v>
      </c>
      <c r="JA40" s="109">
        <v>0</v>
      </c>
      <c r="JB40" s="109">
        <v>0</v>
      </c>
      <c r="JC40" s="109">
        <v>0</v>
      </c>
      <c r="JD40" s="109">
        <v>0</v>
      </c>
      <c r="JE40" s="110">
        <v>0</v>
      </c>
      <c r="JF40" s="111">
        <v>0</v>
      </c>
      <c r="JG40" s="129">
        <v>0</v>
      </c>
      <c r="JH40" s="109">
        <v>0</v>
      </c>
      <c r="JI40" s="128">
        <v>0</v>
      </c>
      <c r="JJ40" s="108">
        <v>0</v>
      </c>
      <c r="JK40" s="109">
        <v>0</v>
      </c>
      <c r="JL40" s="109">
        <v>0</v>
      </c>
      <c r="JM40" s="109">
        <v>0</v>
      </c>
      <c r="JN40" s="109">
        <v>0</v>
      </c>
      <c r="JO40" s="109">
        <v>0</v>
      </c>
      <c r="JP40" s="110">
        <v>0</v>
      </c>
      <c r="JQ40" s="298">
        <v>0</v>
      </c>
      <c r="JR40" s="129">
        <v>0</v>
      </c>
      <c r="JS40" s="109">
        <v>0</v>
      </c>
      <c r="JT40" s="128">
        <v>0</v>
      </c>
      <c r="JU40" s="108">
        <v>0</v>
      </c>
      <c r="JV40" s="109">
        <v>0</v>
      </c>
      <c r="JW40" s="109">
        <v>0</v>
      </c>
      <c r="JX40" s="109">
        <v>0</v>
      </c>
      <c r="JY40" s="109">
        <v>0</v>
      </c>
      <c r="JZ40" s="109">
        <v>0</v>
      </c>
      <c r="KA40" s="110">
        <v>0</v>
      </c>
      <c r="KB40" s="298">
        <v>0</v>
      </c>
      <c r="KC40" s="221">
        <v>0</v>
      </c>
      <c r="KD40" s="217">
        <v>0</v>
      </c>
      <c r="KE40" s="110">
        <v>0</v>
      </c>
      <c r="KF40" s="108">
        <v>0</v>
      </c>
      <c r="KG40" s="109">
        <v>0</v>
      </c>
      <c r="KH40" s="109">
        <v>169720</v>
      </c>
      <c r="KI40" s="109">
        <v>51176</v>
      </c>
      <c r="KJ40" s="109">
        <v>0</v>
      </c>
      <c r="KK40" s="109">
        <v>0</v>
      </c>
      <c r="KL40" s="110">
        <v>220896</v>
      </c>
      <c r="KM40" s="130">
        <v>220896</v>
      </c>
      <c r="KN40" s="219">
        <v>0</v>
      </c>
      <c r="KO40" s="223">
        <v>0</v>
      </c>
      <c r="KP40" s="224">
        <v>0</v>
      </c>
      <c r="KQ40" s="127"/>
      <c r="KR40" s="109">
        <v>0</v>
      </c>
      <c r="KS40" s="109">
        <v>443440</v>
      </c>
      <c r="KT40" s="109">
        <v>0</v>
      </c>
      <c r="KU40" s="109">
        <v>0</v>
      </c>
      <c r="KV40" s="109">
        <v>0</v>
      </c>
      <c r="KW40" s="110">
        <v>443440</v>
      </c>
      <c r="KX40" s="298">
        <v>443440</v>
      </c>
      <c r="KY40" s="129">
        <v>0</v>
      </c>
      <c r="KZ40" s="109">
        <v>0</v>
      </c>
      <c r="LA40" s="110">
        <v>0</v>
      </c>
      <c r="LB40" s="132"/>
      <c r="LC40" s="109">
        <v>0</v>
      </c>
      <c r="LD40" s="109">
        <v>0</v>
      </c>
      <c r="LE40" s="109">
        <v>0</v>
      </c>
      <c r="LF40" s="109">
        <v>0</v>
      </c>
      <c r="LG40" s="109">
        <v>0</v>
      </c>
      <c r="LH40" s="110">
        <v>0</v>
      </c>
      <c r="LI40" s="111">
        <v>0</v>
      </c>
      <c r="LJ40" s="129">
        <v>0</v>
      </c>
      <c r="LK40" s="109">
        <v>0</v>
      </c>
      <c r="LL40" s="110">
        <v>0</v>
      </c>
      <c r="LM40" s="132"/>
      <c r="LN40" s="109">
        <v>0</v>
      </c>
      <c r="LO40" s="109">
        <v>0</v>
      </c>
      <c r="LP40" s="109">
        <v>0</v>
      </c>
      <c r="LQ40" s="109">
        <v>0</v>
      </c>
      <c r="LR40" s="109">
        <v>0</v>
      </c>
      <c r="LS40" s="110">
        <v>0</v>
      </c>
      <c r="LT40" s="298">
        <v>0</v>
      </c>
      <c r="LU40" s="129">
        <v>0</v>
      </c>
      <c r="LV40" s="109">
        <v>0</v>
      </c>
      <c r="LW40" s="110">
        <v>0</v>
      </c>
      <c r="LX40" s="132"/>
      <c r="LY40" s="109">
        <v>0</v>
      </c>
      <c r="LZ40" s="109">
        <v>0</v>
      </c>
      <c r="MA40" s="109">
        <v>0</v>
      </c>
      <c r="MB40" s="109">
        <v>0</v>
      </c>
      <c r="MC40" s="109">
        <v>0</v>
      </c>
      <c r="MD40" s="110">
        <v>0</v>
      </c>
      <c r="ME40" s="111">
        <v>0</v>
      </c>
      <c r="MF40" s="129">
        <v>0</v>
      </c>
      <c r="MG40" s="109">
        <v>0</v>
      </c>
      <c r="MH40" s="110">
        <v>0</v>
      </c>
      <c r="MI40" s="132"/>
      <c r="MJ40" s="109">
        <v>216616</v>
      </c>
      <c r="MK40" s="109">
        <v>0</v>
      </c>
      <c r="ML40" s="109">
        <v>335524</v>
      </c>
      <c r="MM40" s="109">
        <v>265080</v>
      </c>
      <c r="MN40" s="109">
        <v>796656</v>
      </c>
      <c r="MO40" s="110">
        <v>1613876</v>
      </c>
      <c r="MP40" s="130">
        <v>1613876</v>
      </c>
      <c r="MQ40" s="129">
        <v>0</v>
      </c>
      <c r="MR40" s="109">
        <v>0</v>
      </c>
      <c r="MS40" s="110">
        <v>0</v>
      </c>
      <c r="MT40" s="132"/>
      <c r="MU40" s="109">
        <v>0</v>
      </c>
      <c r="MV40" s="109">
        <v>0</v>
      </c>
      <c r="MW40" s="109">
        <v>0</v>
      </c>
      <c r="MX40" s="109">
        <v>265080</v>
      </c>
      <c r="MY40" s="109">
        <v>796656</v>
      </c>
      <c r="MZ40" s="110">
        <v>1061736</v>
      </c>
      <c r="NA40" s="130">
        <v>1061736</v>
      </c>
      <c r="NB40" s="129">
        <v>0</v>
      </c>
      <c r="NC40" s="109">
        <v>0</v>
      </c>
      <c r="ND40" s="110">
        <v>0</v>
      </c>
      <c r="NE40" s="132"/>
      <c r="NF40" s="109">
        <v>216616</v>
      </c>
      <c r="NG40" s="109">
        <v>0</v>
      </c>
      <c r="NH40" s="109">
        <v>335524</v>
      </c>
      <c r="NI40" s="109">
        <v>0</v>
      </c>
      <c r="NJ40" s="109">
        <v>0</v>
      </c>
      <c r="NK40" s="110">
        <v>552140</v>
      </c>
      <c r="NL40" s="298">
        <v>552140</v>
      </c>
      <c r="NM40" s="129">
        <v>0</v>
      </c>
      <c r="NN40" s="109">
        <v>0</v>
      </c>
      <c r="NO40" s="110">
        <v>0</v>
      </c>
      <c r="NP40" s="132"/>
      <c r="NQ40" s="109">
        <v>0</v>
      </c>
      <c r="NR40" s="109">
        <v>0</v>
      </c>
      <c r="NS40" s="109">
        <v>0</v>
      </c>
      <c r="NT40" s="109">
        <v>0</v>
      </c>
      <c r="NU40" s="109">
        <v>0</v>
      </c>
      <c r="NV40" s="110">
        <v>0</v>
      </c>
      <c r="NW40" s="111">
        <v>0</v>
      </c>
      <c r="NX40" s="129">
        <v>0</v>
      </c>
      <c r="NY40" s="109">
        <v>0</v>
      </c>
      <c r="NZ40" s="110">
        <v>0</v>
      </c>
      <c r="OA40" s="132"/>
      <c r="OB40" s="109">
        <v>0</v>
      </c>
      <c r="OC40" s="109">
        <v>0</v>
      </c>
      <c r="OD40" s="109">
        <v>0</v>
      </c>
      <c r="OE40" s="109">
        <v>0</v>
      </c>
      <c r="OF40" s="109">
        <v>0</v>
      </c>
      <c r="OG40" s="110">
        <v>0</v>
      </c>
      <c r="OH40" s="111">
        <v>0</v>
      </c>
      <c r="OI40" s="129">
        <v>109424</v>
      </c>
      <c r="OJ40" s="109">
        <v>155711</v>
      </c>
      <c r="OK40" s="128">
        <v>265135</v>
      </c>
      <c r="OL40" s="108">
        <v>0</v>
      </c>
      <c r="OM40" s="109">
        <v>2154379</v>
      </c>
      <c r="ON40" s="109">
        <v>985958</v>
      </c>
      <c r="OO40" s="109">
        <v>1502233</v>
      </c>
      <c r="OP40" s="109">
        <v>1337176</v>
      </c>
      <c r="OQ40" s="109">
        <v>1399251</v>
      </c>
      <c r="OR40" s="110">
        <v>7378997</v>
      </c>
      <c r="OS40" s="130">
        <v>7644132</v>
      </c>
    </row>
    <row r="41" spans="2:409" ht="21" customHeight="1" x14ac:dyDescent="0.2">
      <c r="B41" s="472" t="s">
        <v>36</v>
      </c>
      <c r="C41" s="100">
        <v>44453</v>
      </c>
      <c r="D41" s="104">
        <v>78483</v>
      </c>
      <c r="E41" s="103">
        <v>122936</v>
      </c>
      <c r="F41" s="99">
        <v>0</v>
      </c>
      <c r="G41" s="104">
        <v>368700</v>
      </c>
      <c r="H41" s="104">
        <v>410156</v>
      </c>
      <c r="I41" s="104">
        <v>438000</v>
      </c>
      <c r="J41" s="104">
        <v>398834</v>
      </c>
      <c r="K41" s="104">
        <v>418863</v>
      </c>
      <c r="L41" s="160">
        <v>2034553</v>
      </c>
      <c r="M41" s="106">
        <v>2157489</v>
      </c>
      <c r="N41" s="100">
        <v>23535</v>
      </c>
      <c r="O41" s="104">
        <v>41187</v>
      </c>
      <c r="P41" s="103">
        <v>64722</v>
      </c>
      <c r="Q41" s="100">
        <v>0</v>
      </c>
      <c r="R41" s="104">
        <v>111547</v>
      </c>
      <c r="S41" s="104">
        <v>35987</v>
      </c>
      <c r="T41" s="104">
        <v>130529</v>
      </c>
      <c r="U41" s="104">
        <v>212207</v>
      </c>
      <c r="V41" s="104">
        <v>409343</v>
      </c>
      <c r="W41" s="103">
        <v>899613</v>
      </c>
      <c r="X41" s="106">
        <v>964335</v>
      </c>
      <c r="Y41" s="100">
        <v>0</v>
      </c>
      <c r="Z41" s="104">
        <v>0</v>
      </c>
      <c r="AA41" s="103">
        <v>0</v>
      </c>
      <c r="AB41" s="100">
        <v>0</v>
      </c>
      <c r="AC41" s="104">
        <v>39422</v>
      </c>
      <c r="AD41" s="104">
        <v>0</v>
      </c>
      <c r="AE41" s="104">
        <v>41651</v>
      </c>
      <c r="AF41" s="104">
        <v>37358</v>
      </c>
      <c r="AG41" s="104">
        <v>334644</v>
      </c>
      <c r="AH41" s="103">
        <v>453075</v>
      </c>
      <c r="AI41" s="106">
        <v>453075</v>
      </c>
      <c r="AJ41" s="100">
        <v>0</v>
      </c>
      <c r="AK41" s="104">
        <v>0</v>
      </c>
      <c r="AL41" s="103">
        <v>0</v>
      </c>
      <c r="AM41" s="100">
        <v>0</v>
      </c>
      <c r="AN41" s="104">
        <v>0</v>
      </c>
      <c r="AO41" s="104">
        <v>0</v>
      </c>
      <c r="AP41" s="104">
        <v>0</v>
      </c>
      <c r="AQ41" s="104">
        <v>46716</v>
      </c>
      <c r="AR41" s="104">
        <v>0</v>
      </c>
      <c r="AS41" s="103">
        <v>46716</v>
      </c>
      <c r="AT41" s="106">
        <v>46716</v>
      </c>
      <c r="AU41" s="100">
        <v>23535</v>
      </c>
      <c r="AV41" s="104">
        <v>0</v>
      </c>
      <c r="AW41" s="103">
        <v>23535</v>
      </c>
      <c r="AX41" s="100">
        <v>0</v>
      </c>
      <c r="AY41" s="104">
        <v>46429</v>
      </c>
      <c r="AZ41" s="104">
        <v>0</v>
      </c>
      <c r="BA41" s="104">
        <v>69054</v>
      </c>
      <c r="BB41" s="104">
        <v>84594</v>
      </c>
      <c r="BC41" s="104">
        <v>35369</v>
      </c>
      <c r="BD41" s="103">
        <v>235446</v>
      </c>
      <c r="BE41" s="106">
        <v>258981</v>
      </c>
      <c r="BF41" s="100">
        <v>0</v>
      </c>
      <c r="BG41" s="104">
        <v>41187</v>
      </c>
      <c r="BH41" s="102">
        <v>41187</v>
      </c>
      <c r="BI41" s="101">
        <v>0</v>
      </c>
      <c r="BJ41" s="104">
        <v>0</v>
      </c>
      <c r="BK41" s="104">
        <v>20931</v>
      </c>
      <c r="BL41" s="104">
        <v>0</v>
      </c>
      <c r="BM41" s="104">
        <v>20931</v>
      </c>
      <c r="BN41" s="104">
        <v>15698</v>
      </c>
      <c r="BO41" s="103">
        <v>57560</v>
      </c>
      <c r="BP41" s="106">
        <v>98747</v>
      </c>
      <c r="BQ41" s="100">
        <v>0</v>
      </c>
      <c r="BR41" s="104">
        <v>0</v>
      </c>
      <c r="BS41" s="103">
        <v>0</v>
      </c>
      <c r="BT41" s="100">
        <v>0</v>
      </c>
      <c r="BU41" s="104">
        <v>25696</v>
      </c>
      <c r="BV41" s="104">
        <v>15056</v>
      </c>
      <c r="BW41" s="104">
        <v>19824</v>
      </c>
      <c r="BX41" s="104">
        <v>22608</v>
      </c>
      <c r="BY41" s="104">
        <v>23632</v>
      </c>
      <c r="BZ41" s="103">
        <v>106816</v>
      </c>
      <c r="CA41" s="106">
        <v>106816</v>
      </c>
      <c r="CB41" s="100">
        <v>19318</v>
      </c>
      <c r="CC41" s="104">
        <v>37296</v>
      </c>
      <c r="CD41" s="103">
        <v>56614</v>
      </c>
      <c r="CE41" s="100">
        <v>0</v>
      </c>
      <c r="CF41" s="104">
        <v>77642</v>
      </c>
      <c r="CG41" s="104">
        <v>89865</v>
      </c>
      <c r="CH41" s="104">
        <v>0</v>
      </c>
      <c r="CI41" s="104">
        <v>74803</v>
      </c>
      <c r="CJ41" s="104">
        <v>0</v>
      </c>
      <c r="CK41" s="103">
        <v>242310</v>
      </c>
      <c r="CL41" s="106">
        <v>298924</v>
      </c>
      <c r="CM41" s="100">
        <v>0</v>
      </c>
      <c r="CN41" s="104">
        <v>0</v>
      </c>
      <c r="CO41" s="103">
        <v>0</v>
      </c>
      <c r="CP41" s="101">
        <v>0</v>
      </c>
      <c r="CQ41" s="104">
        <v>77642</v>
      </c>
      <c r="CR41" s="104">
        <v>89865</v>
      </c>
      <c r="CS41" s="104">
        <v>0</v>
      </c>
      <c r="CT41" s="104">
        <v>0</v>
      </c>
      <c r="CU41" s="104">
        <v>0</v>
      </c>
      <c r="CV41" s="103">
        <v>167507</v>
      </c>
      <c r="CW41" s="106">
        <v>167507</v>
      </c>
      <c r="CX41" s="100">
        <v>19318</v>
      </c>
      <c r="CY41" s="104">
        <v>37296</v>
      </c>
      <c r="CZ41" s="103">
        <v>56614</v>
      </c>
      <c r="DA41" s="100">
        <v>0</v>
      </c>
      <c r="DB41" s="104">
        <v>0</v>
      </c>
      <c r="DC41" s="104">
        <v>0</v>
      </c>
      <c r="DD41" s="104">
        <v>0</v>
      </c>
      <c r="DE41" s="104">
        <v>74803</v>
      </c>
      <c r="DF41" s="104">
        <v>0</v>
      </c>
      <c r="DG41" s="103">
        <v>74803</v>
      </c>
      <c r="DH41" s="106">
        <v>131417</v>
      </c>
      <c r="DI41" s="100">
        <v>0</v>
      </c>
      <c r="DJ41" s="104">
        <v>0</v>
      </c>
      <c r="DK41" s="102">
        <v>0</v>
      </c>
      <c r="DL41" s="101">
        <v>0</v>
      </c>
      <c r="DM41" s="104">
        <v>0</v>
      </c>
      <c r="DN41" s="104">
        <v>58543</v>
      </c>
      <c r="DO41" s="104">
        <v>0</v>
      </c>
      <c r="DP41" s="104">
        <v>0</v>
      </c>
      <c r="DQ41" s="104">
        <v>0</v>
      </c>
      <c r="DR41" s="103">
        <v>58543</v>
      </c>
      <c r="DS41" s="106">
        <v>58543</v>
      </c>
      <c r="DT41" s="100">
        <v>0</v>
      </c>
      <c r="DU41" s="104">
        <v>0</v>
      </c>
      <c r="DV41" s="103">
        <v>0</v>
      </c>
      <c r="DW41" s="100">
        <v>0</v>
      </c>
      <c r="DX41" s="104">
        <v>0</v>
      </c>
      <c r="DY41" s="104">
        <v>58543</v>
      </c>
      <c r="DZ41" s="104">
        <v>0</v>
      </c>
      <c r="EA41" s="104">
        <v>0</v>
      </c>
      <c r="EB41" s="104">
        <v>0</v>
      </c>
      <c r="EC41" s="103">
        <v>58543</v>
      </c>
      <c r="ED41" s="106">
        <v>58543</v>
      </c>
      <c r="EE41" s="100">
        <v>0</v>
      </c>
      <c r="EF41" s="102">
        <v>0</v>
      </c>
      <c r="EG41" s="103">
        <v>0</v>
      </c>
      <c r="EH41" s="100">
        <v>0</v>
      </c>
      <c r="EI41" s="104">
        <v>0</v>
      </c>
      <c r="EJ41" s="104">
        <v>0</v>
      </c>
      <c r="EK41" s="104">
        <v>0</v>
      </c>
      <c r="EL41" s="104">
        <v>0</v>
      </c>
      <c r="EM41" s="104">
        <v>0</v>
      </c>
      <c r="EN41" s="102">
        <v>0</v>
      </c>
      <c r="EO41" s="106">
        <v>0</v>
      </c>
      <c r="EP41" s="100">
        <v>0</v>
      </c>
      <c r="EQ41" s="104">
        <v>0</v>
      </c>
      <c r="ER41" s="102">
        <v>0</v>
      </c>
      <c r="ES41" s="101">
        <v>0</v>
      </c>
      <c r="ET41" s="104">
        <v>0</v>
      </c>
      <c r="EU41" s="104">
        <v>0</v>
      </c>
      <c r="EV41" s="104">
        <v>0</v>
      </c>
      <c r="EW41" s="104">
        <v>0</v>
      </c>
      <c r="EX41" s="104">
        <v>0</v>
      </c>
      <c r="EY41" s="103">
        <v>0</v>
      </c>
      <c r="EZ41" s="106">
        <v>0</v>
      </c>
      <c r="FA41" s="100">
        <v>0</v>
      </c>
      <c r="FB41" s="104">
        <v>0</v>
      </c>
      <c r="FC41" s="102">
        <v>0</v>
      </c>
      <c r="FD41" s="324"/>
      <c r="FE41" s="104">
        <v>0</v>
      </c>
      <c r="FF41" s="104">
        <v>0</v>
      </c>
      <c r="FG41" s="104">
        <v>0</v>
      </c>
      <c r="FH41" s="104">
        <v>0</v>
      </c>
      <c r="FI41" s="104">
        <v>0</v>
      </c>
      <c r="FJ41" s="103">
        <v>0</v>
      </c>
      <c r="FK41" s="106">
        <v>0</v>
      </c>
      <c r="FL41" s="100">
        <v>1600</v>
      </c>
      <c r="FM41" s="104">
        <v>0</v>
      </c>
      <c r="FN41" s="103">
        <v>1600</v>
      </c>
      <c r="FO41" s="100">
        <v>0</v>
      </c>
      <c r="FP41" s="104">
        <v>22800</v>
      </c>
      <c r="FQ41" s="104">
        <v>50400</v>
      </c>
      <c r="FR41" s="104">
        <v>35600</v>
      </c>
      <c r="FS41" s="104">
        <v>111824</v>
      </c>
      <c r="FT41" s="104">
        <v>9520</v>
      </c>
      <c r="FU41" s="103">
        <v>230144</v>
      </c>
      <c r="FV41" s="106">
        <v>231744</v>
      </c>
      <c r="FW41" s="105">
        <v>1600</v>
      </c>
      <c r="FX41" s="104">
        <v>0</v>
      </c>
      <c r="FY41" s="102">
        <v>1600</v>
      </c>
      <c r="FZ41" s="101">
        <v>0</v>
      </c>
      <c r="GA41" s="104">
        <v>22800</v>
      </c>
      <c r="GB41" s="104">
        <v>50400</v>
      </c>
      <c r="GC41" s="104">
        <v>35600</v>
      </c>
      <c r="GD41" s="104">
        <v>92624</v>
      </c>
      <c r="GE41" s="104">
        <v>9520</v>
      </c>
      <c r="GF41" s="103">
        <v>210944</v>
      </c>
      <c r="GG41" s="296">
        <v>212544</v>
      </c>
      <c r="GH41" s="105">
        <v>0</v>
      </c>
      <c r="GI41" s="104">
        <v>0</v>
      </c>
      <c r="GJ41" s="102">
        <v>0</v>
      </c>
      <c r="GK41" s="101">
        <v>0</v>
      </c>
      <c r="GL41" s="104">
        <v>0</v>
      </c>
      <c r="GM41" s="104">
        <v>0</v>
      </c>
      <c r="GN41" s="104">
        <v>0</v>
      </c>
      <c r="GO41" s="104">
        <v>19200</v>
      </c>
      <c r="GP41" s="104">
        <v>0</v>
      </c>
      <c r="GQ41" s="103">
        <v>19200</v>
      </c>
      <c r="GR41" s="106">
        <v>19200</v>
      </c>
      <c r="GS41" s="100">
        <v>0</v>
      </c>
      <c r="GT41" s="104">
        <v>0</v>
      </c>
      <c r="GU41" s="103">
        <v>0</v>
      </c>
      <c r="GV41" s="100">
        <v>0</v>
      </c>
      <c r="GW41" s="104">
        <v>0</v>
      </c>
      <c r="GX41" s="104">
        <v>0</v>
      </c>
      <c r="GY41" s="104">
        <v>0</v>
      </c>
      <c r="GZ41" s="104">
        <v>0</v>
      </c>
      <c r="HA41" s="104">
        <v>0</v>
      </c>
      <c r="HB41" s="102">
        <v>0</v>
      </c>
      <c r="HC41" s="106">
        <v>0</v>
      </c>
      <c r="HD41" s="100">
        <v>0</v>
      </c>
      <c r="HE41" s="104">
        <v>0</v>
      </c>
      <c r="HF41" s="102">
        <v>0</v>
      </c>
      <c r="HG41" s="101">
        <v>0</v>
      </c>
      <c r="HH41" s="104">
        <v>156711</v>
      </c>
      <c r="HI41" s="104">
        <v>175361</v>
      </c>
      <c r="HJ41" s="104">
        <v>271871</v>
      </c>
      <c r="HK41" s="104">
        <v>0</v>
      </c>
      <c r="HL41" s="104">
        <v>0</v>
      </c>
      <c r="HM41" s="103">
        <v>603943</v>
      </c>
      <c r="HN41" s="99">
        <v>603943</v>
      </c>
      <c r="HO41" s="306"/>
      <c r="HP41" s="307"/>
      <c r="HQ41" s="308"/>
      <c r="HR41" s="309"/>
      <c r="HS41" s="307"/>
      <c r="HT41" s="307"/>
      <c r="HU41" s="307"/>
      <c r="HV41" s="307"/>
      <c r="HW41" s="307"/>
      <c r="HX41" s="310"/>
      <c r="HY41" s="311"/>
      <c r="HZ41" s="118">
        <v>0</v>
      </c>
      <c r="IA41" s="119">
        <v>0</v>
      </c>
      <c r="IB41" s="120">
        <v>0</v>
      </c>
      <c r="IC41" s="133">
        <v>0</v>
      </c>
      <c r="ID41" s="119">
        <v>71077</v>
      </c>
      <c r="IE41" s="134">
        <v>33481</v>
      </c>
      <c r="IF41" s="120">
        <v>0</v>
      </c>
      <c r="IG41" s="119">
        <v>348970</v>
      </c>
      <c r="IH41" s="120">
        <v>0</v>
      </c>
      <c r="II41" s="135">
        <v>453528</v>
      </c>
      <c r="IJ41" s="126">
        <v>453528</v>
      </c>
      <c r="IK41" s="219">
        <v>0</v>
      </c>
      <c r="IL41" s="223">
        <v>0</v>
      </c>
      <c r="IM41" s="224">
        <v>0</v>
      </c>
      <c r="IN41" s="127"/>
      <c r="IO41" s="109">
        <v>0</v>
      </c>
      <c r="IP41" s="109">
        <v>0</v>
      </c>
      <c r="IQ41" s="109">
        <v>0</v>
      </c>
      <c r="IR41" s="109">
        <v>0</v>
      </c>
      <c r="IS41" s="109">
        <v>0</v>
      </c>
      <c r="IT41" s="128">
        <v>0</v>
      </c>
      <c r="IU41" s="298">
        <v>0</v>
      </c>
      <c r="IV41" s="129">
        <v>0</v>
      </c>
      <c r="IW41" s="109">
        <v>0</v>
      </c>
      <c r="IX41" s="110">
        <v>0</v>
      </c>
      <c r="IY41" s="131"/>
      <c r="IZ41" s="109">
        <v>0</v>
      </c>
      <c r="JA41" s="109">
        <v>0</v>
      </c>
      <c r="JB41" s="109">
        <v>0</v>
      </c>
      <c r="JC41" s="109">
        <v>0</v>
      </c>
      <c r="JD41" s="109">
        <v>0</v>
      </c>
      <c r="JE41" s="110">
        <v>0</v>
      </c>
      <c r="JF41" s="111">
        <v>0</v>
      </c>
      <c r="JG41" s="129">
        <v>0</v>
      </c>
      <c r="JH41" s="109">
        <v>0</v>
      </c>
      <c r="JI41" s="128">
        <v>0</v>
      </c>
      <c r="JJ41" s="108">
        <v>0</v>
      </c>
      <c r="JK41" s="109">
        <v>71077</v>
      </c>
      <c r="JL41" s="109">
        <v>33481</v>
      </c>
      <c r="JM41" s="109">
        <v>0</v>
      </c>
      <c r="JN41" s="109">
        <v>89309</v>
      </c>
      <c r="JO41" s="109">
        <v>0</v>
      </c>
      <c r="JP41" s="110">
        <v>193867</v>
      </c>
      <c r="JQ41" s="298">
        <v>193867</v>
      </c>
      <c r="JR41" s="129">
        <v>0</v>
      </c>
      <c r="JS41" s="109">
        <v>0</v>
      </c>
      <c r="JT41" s="128">
        <v>0</v>
      </c>
      <c r="JU41" s="108">
        <v>0</v>
      </c>
      <c r="JV41" s="109">
        <v>0</v>
      </c>
      <c r="JW41" s="109">
        <v>0</v>
      </c>
      <c r="JX41" s="109">
        <v>0</v>
      </c>
      <c r="JY41" s="109">
        <v>0</v>
      </c>
      <c r="JZ41" s="109">
        <v>0</v>
      </c>
      <c r="KA41" s="110">
        <v>0</v>
      </c>
      <c r="KB41" s="298">
        <v>0</v>
      </c>
      <c r="KC41" s="221">
        <v>0</v>
      </c>
      <c r="KD41" s="217">
        <v>0</v>
      </c>
      <c r="KE41" s="110">
        <v>0</v>
      </c>
      <c r="KF41" s="108">
        <v>0</v>
      </c>
      <c r="KG41" s="109">
        <v>0</v>
      </c>
      <c r="KH41" s="109">
        <v>0</v>
      </c>
      <c r="KI41" s="109">
        <v>0</v>
      </c>
      <c r="KJ41" s="109">
        <v>0</v>
      </c>
      <c r="KK41" s="109">
        <v>0</v>
      </c>
      <c r="KL41" s="110">
        <v>0</v>
      </c>
      <c r="KM41" s="130">
        <v>0</v>
      </c>
      <c r="KN41" s="219">
        <v>0</v>
      </c>
      <c r="KO41" s="223">
        <v>0</v>
      </c>
      <c r="KP41" s="224">
        <v>0</v>
      </c>
      <c r="KQ41" s="127"/>
      <c r="KR41" s="109">
        <v>0</v>
      </c>
      <c r="KS41" s="109">
        <v>0</v>
      </c>
      <c r="KT41" s="109">
        <v>0</v>
      </c>
      <c r="KU41" s="109">
        <v>259661</v>
      </c>
      <c r="KV41" s="109">
        <v>0</v>
      </c>
      <c r="KW41" s="110">
        <v>259661</v>
      </c>
      <c r="KX41" s="298">
        <v>259661</v>
      </c>
      <c r="KY41" s="129">
        <v>0</v>
      </c>
      <c r="KZ41" s="109">
        <v>0</v>
      </c>
      <c r="LA41" s="110">
        <v>0</v>
      </c>
      <c r="LB41" s="132"/>
      <c r="LC41" s="109">
        <v>0</v>
      </c>
      <c r="LD41" s="109">
        <v>0</v>
      </c>
      <c r="LE41" s="109">
        <v>0</v>
      </c>
      <c r="LF41" s="109">
        <v>0</v>
      </c>
      <c r="LG41" s="109">
        <v>0</v>
      </c>
      <c r="LH41" s="110">
        <v>0</v>
      </c>
      <c r="LI41" s="111">
        <v>0</v>
      </c>
      <c r="LJ41" s="129">
        <v>0</v>
      </c>
      <c r="LK41" s="109">
        <v>0</v>
      </c>
      <c r="LL41" s="110">
        <v>0</v>
      </c>
      <c r="LM41" s="132"/>
      <c r="LN41" s="109">
        <v>0</v>
      </c>
      <c r="LO41" s="109">
        <v>0</v>
      </c>
      <c r="LP41" s="109">
        <v>0</v>
      </c>
      <c r="LQ41" s="109">
        <v>0</v>
      </c>
      <c r="LR41" s="109">
        <v>0</v>
      </c>
      <c r="LS41" s="110">
        <v>0</v>
      </c>
      <c r="LT41" s="298">
        <v>0</v>
      </c>
      <c r="LU41" s="129">
        <v>0</v>
      </c>
      <c r="LV41" s="109">
        <v>0</v>
      </c>
      <c r="LW41" s="110">
        <v>0</v>
      </c>
      <c r="LX41" s="132"/>
      <c r="LY41" s="109">
        <v>0</v>
      </c>
      <c r="LZ41" s="109">
        <v>0</v>
      </c>
      <c r="MA41" s="109">
        <v>0</v>
      </c>
      <c r="MB41" s="109">
        <v>0</v>
      </c>
      <c r="MC41" s="109">
        <v>0</v>
      </c>
      <c r="MD41" s="110">
        <v>0</v>
      </c>
      <c r="ME41" s="111">
        <v>0</v>
      </c>
      <c r="MF41" s="129">
        <v>0</v>
      </c>
      <c r="MG41" s="109">
        <v>0</v>
      </c>
      <c r="MH41" s="110">
        <v>0</v>
      </c>
      <c r="MI41" s="132"/>
      <c r="MJ41" s="109">
        <v>0</v>
      </c>
      <c r="MK41" s="109">
        <v>0</v>
      </c>
      <c r="ML41" s="109">
        <v>0</v>
      </c>
      <c r="MM41" s="109">
        <v>856960</v>
      </c>
      <c r="MN41" s="109">
        <v>595992</v>
      </c>
      <c r="MO41" s="110">
        <v>1452952</v>
      </c>
      <c r="MP41" s="130">
        <v>1452952</v>
      </c>
      <c r="MQ41" s="129">
        <v>0</v>
      </c>
      <c r="MR41" s="109">
        <v>0</v>
      </c>
      <c r="MS41" s="110">
        <v>0</v>
      </c>
      <c r="MT41" s="132"/>
      <c r="MU41" s="109">
        <v>0</v>
      </c>
      <c r="MV41" s="109">
        <v>0</v>
      </c>
      <c r="MW41" s="109">
        <v>0</v>
      </c>
      <c r="MX41" s="109">
        <v>529927</v>
      </c>
      <c r="MY41" s="109">
        <v>595992</v>
      </c>
      <c r="MZ41" s="110">
        <v>1125919</v>
      </c>
      <c r="NA41" s="130">
        <v>1125919</v>
      </c>
      <c r="NB41" s="129">
        <v>0</v>
      </c>
      <c r="NC41" s="109">
        <v>0</v>
      </c>
      <c r="ND41" s="110">
        <v>0</v>
      </c>
      <c r="NE41" s="132"/>
      <c r="NF41" s="109">
        <v>0</v>
      </c>
      <c r="NG41" s="109">
        <v>0</v>
      </c>
      <c r="NH41" s="109">
        <v>0</v>
      </c>
      <c r="NI41" s="109">
        <v>327033</v>
      </c>
      <c r="NJ41" s="109">
        <v>0</v>
      </c>
      <c r="NK41" s="110">
        <v>327033</v>
      </c>
      <c r="NL41" s="298">
        <v>327033</v>
      </c>
      <c r="NM41" s="129">
        <v>0</v>
      </c>
      <c r="NN41" s="109">
        <v>0</v>
      </c>
      <c r="NO41" s="110">
        <v>0</v>
      </c>
      <c r="NP41" s="132"/>
      <c r="NQ41" s="109">
        <v>0</v>
      </c>
      <c r="NR41" s="109">
        <v>0</v>
      </c>
      <c r="NS41" s="109">
        <v>0</v>
      </c>
      <c r="NT41" s="109">
        <v>0</v>
      </c>
      <c r="NU41" s="109">
        <v>0</v>
      </c>
      <c r="NV41" s="110">
        <v>0</v>
      </c>
      <c r="NW41" s="111">
        <v>0</v>
      </c>
      <c r="NX41" s="129">
        <v>0</v>
      </c>
      <c r="NY41" s="109">
        <v>0</v>
      </c>
      <c r="NZ41" s="110">
        <v>0</v>
      </c>
      <c r="OA41" s="132"/>
      <c r="OB41" s="109">
        <v>0</v>
      </c>
      <c r="OC41" s="109">
        <v>0</v>
      </c>
      <c r="OD41" s="109">
        <v>0</v>
      </c>
      <c r="OE41" s="109">
        <v>0</v>
      </c>
      <c r="OF41" s="109">
        <v>0</v>
      </c>
      <c r="OG41" s="110">
        <v>0</v>
      </c>
      <c r="OH41" s="111">
        <v>0</v>
      </c>
      <c r="OI41" s="129">
        <v>44453</v>
      </c>
      <c r="OJ41" s="109">
        <v>78483</v>
      </c>
      <c r="OK41" s="128">
        <v>122936</v>
      </c>
      <c r="OL41" s="108">
        <v>0</v>
      </c>
      <c r="OM41" s="109">
        <v>439777</v>
      </c>
      <c r="ON41" s="109">
        <v>443637</v>
      </c>
      <c r="OO41" s="109">
        <v>438000</v>
      </c>
      <c r="OP41" s="109">
        <v>1604764</v>
      </c>
      <c r="OQ41" s="109">
        <v>1014855</v>
      </c>
      <c r="OR41" s="110">
        <v>3941033</v>
      </c>
      <c r="OS41" s="130">
        <v>4063969</v>
      </c>
    </row>
    <row r="42" spans="2:409" ht="21" customHeight="1" thickBot="1" x14ac:dyDescent="0.25">
      <c r="B42" s="473" t="s">
        <v>37</v>
      </c>
      <c r="C42" s="107">
        <v>0</v>
      </c>
      <c r="D42" s="165">
        <v>0</v>
      </c>
      <c r="E42" s="166">
        <v>0</v>
      </c>
      <c r="F42" s="167">
        <v>0</v>
      </c>
      <c r="G42" s="165">
        <v>20311</v>
      </c>
      <c r="H42" s="165">
        <v>98251</v>
      </c>
      <c r="I42" s="165">
        <v>0</v>
      </c>
      <c r="J42" s="165">
        <v>178399</v>
      </c>
      <c r="K42" s="165">
        <v>0</v>
      </c>
      <c r="L42" s="167">
        <v>296961</v>
      </c>
      <c r="M42" s="168">
        <v>296961</v>
      </c>
      <c r="N42" s="107">
        <v>0</v>
      </c>
      <c r="O42" s="165">
        <v>0</v>
      </c>
      <c r="P42" s="166">
        <v>0</v>
      </c>
      <c r="Q42" s="107">
        <v>0</v>
      </c>
      <c r="R42" s="165">
        <v>0</v>
      </c>
      <c r="S42" s="165">
        <v>0</v>
      </c>
      <c r="T42" s="165">
        <v>0</v>
      </c>
      <c r="U42" s="165">
        <v>6488</v>
      </c>
      <c r="V42" s="165">
        <v>0</v>
      </c>
      <c r="W42" s="166">
        <v>6488</v>
      </c>
      <c r="X42" s="168">
        <v>6488</v>
      </c>
      <c r="Y42" s="107">
        <v>0</v>
      </c>
      <c r="Z42" s="165">
        <v>0</v>
      </c>
      <c r="AA42" s="166">
        <v>0</v>
      </c>
      <c r="AB42" s="107">
        <v>0</v>
      </c>
      <c r="AC42" s="165">
        <v>0</v>
      </c>
      <c r="AD42" s="165">
        <v>0</v>
      </c>
      <c r="AE42" s="165">
        <v>0</v>
      </c>
      <c r="AF42" s="165">
        <v>0</v>
      </c>
      <c r="AG42" s="165">
        <v>0</v>
      </c>
      <c r="AH42" s="166">
        <v>0</v>
      </c>
      <c r="AI42" s="168">
        <v>0</v>
      </c>
      <c r="AJ42" s="107">
        <v>0</v>
      </c>
      <c r="AK42" s="165">
        <v>0</v>
      </c>
      <c r="AL42" s="166">
        <v>0</v>
      </c>
      <c r="AM42" s="107">
        <v>0</v>
      </c>
      <c r="AN42" s="165">
        <v>0</v>
      </c>
      <c r="AO42" s="165">
        <v>0</v>
      </c>
      <c r="AP42" s="165">
        <v>0</v>
      </c>
      <c r="AQ42" s="165">
        <v>0</v>
      </c>
      <c r="AR42" s="165">
        <v>0</v>
      </c>
      <c r="AS42" s="166">
        <v>0</v>
      </c>
      <c r="AT42" s="168">
        <v>0</v>
      </c>
      <c r="AU42" s="107">
        <v>0</v>
      </c>
      <c r="AV42" s="165">
        <v>0</v>
      </c>
      <c r="AW42" s="166">
        <v>0</v>
      </c>
      <c r="AX42" s="107">
        <v>0</v>
      </c>
      <c r="AY42" s="165">
        <v>0</v>
      </c>
      <c r="AZ42" s="165">
        <v>0</v>
      </c>
      <c r="BA42" s="165">
        <v>0</v>
      </c>
      <c r="BB42" s="165">
        <v>0</v>
      </c>
      <c r="BC42" s="165">
        <v>0</v>
      </c>
      <c r="BD42" s="166">
        <v>0</v>
      </c>
      <c r="BE42" s="168">
        <v>0</v>
      </c>
      <c r="BF42" s="107">
        <v>0</v>
      </c>
      <c r="BG42" s="165">
        <v>0</v>
      </c>
      <c r="BH42" s="170">
        <v>0</v>
      </c>
      <c r="BI42" s="169">
        <v>0</v>
      </c>
      <c r="BJ42" s="165">
        <v>0</v>
      </c>
      <c r="BK42" s="165">
        <v>0</v>
      </c>
      <c r="BL42" s="165">
        <v>0</v>
      </c>
      <c r="BM42" s="165">
        <v>0</v>
      </c>
      <c r="BN42" s="165">
        <v>0</v>
      </c>
      <c r="BO42" s="166">
        <v>0</v>
      </c>
      <c r="BP42" s="168">
        <v>0</v>
      </c>
      <c r="BQ42" s="107">
        <v>0</v>
      </c>
      <c r="BR42" s="165">
        <v>0</v>
      </c>
      <c r="BS42" s="166">
        <v>0</v>
      </c>
      <c r="BT42" s="107">
        <v>0</v>
      </c>
      <c r="BU42" s="165">
        <v>0</v>
      </c>
      <c r="BV42" s="165">
        <v>0</v>
      </c>
      <c r="BW42" s="165">
        <v>0</v>
      </c>
      <c r="BX42" s="165">
        <v>6488</v>
      </c>
      <c r="BY42" s="165">
        <v>0</v>
      </c>
      <c r="BZ42" s="166">
        <v>6488</v>
      </c>
      <c r="CA42" s="168">
        <v>6488</v>
      </c>
      <c r="CB42" s="107">
        <v>0</v>
      </c>
      <c r="CC42" s="165">
        <v>0</v>
      </c>
      <c r="CD42" s="166">
        <v>0</v>
      </c>
      <c r="CE42" s="107">
        <v>0</v>
      </c>
      <c r="CF42" s="165">
        <v>19111</v>
      </c>
      <c r="CG42" s="165">
        <v>79243</v>
      </c>
      <c r="CH42" s="165">
        <v>0</v>
      </c>
      <c r="CI42" s="165">
        <v>0</v>
      </c>
      <c r="CJ42" s="165">
        <v>0</v>
      </c>
      <c r="CK42" s="166">
        <v>98354</v>
      </c>
      <c r="CL42" s="168">
        <v>98354</v>
      </c>
      <c r="CM42" s="107">
        <v>0</v>
      </c>
      <c r="CN42" s="165">
        <v>0</v>
      </c>
      <c r="CO42" s="166">
        <v>0</v>
      </c>
      <c r="CP42" s="169">
        <v>0</v>
      </c>
      <c r="CQ42" s="165">
        <v>0</v>
      </c>
      <c r="CR42" s="165">
        <v>79243</v>
      </c>
      <c r="CS42" s="165">
        <v>0</v>
      </c>
      <c r="CT42" s="165">
        <v>0</v>
      </c>
      <c r="CU42" s="165">
        <v>0</v>
      </c>
      <c r="CV42" s="166">
        <v>79243</v>
      </c>
      <c r="CW42" s="168">
        <v>79243</v>
      </c>
      <c r="CX42" s="107">
        <v>0</v>
      </c>
      <c r="CY42" s="165">
        <v>0</v>
      </c>
      <c r="CZ42" s="166">
        <v>0</v>
      </c>
      <c r="DA42" s="107">
        <v>0</v>
      </c>
      <c r="DB42" s="165">
        <v>19111</v>
      </c>
      <c r="DC42" s="165">
        <v>0</v>
      </c>
      <c r="DD42" s="165">
        <v>0</v>
      </c>
      <c r="DE42" s="165">
        <v>0</v>
      </c>
      <c r="DF42" s="165">
        <v>0</v>
      </c>
      <c r="DG42" s="166">
        <v>19111</v>
      </c>
      <c r="DH42" s="168">
        <v>19111</v>
      </c>
      <c r="DI42" s="107">
        <v>0</v>
      </c>
      <c r="DJ42" s="165">
        <v>0</v>
      </c>
      <c r="DK42" s="170">
        <v>0</v>
      </c>
      <c r="DL42" s="169">
        <v>0</v>
      </c>
      <c r="DM42" s="165">
        <v>0</v>
      </c>
      <c r="DN42" s="165">
        <v>0</v>
      </c>
      <c r="DO42" s="165">
        <v>0</v>
      </c>
      <c r="DP42" s="165">
        <v>0</v>
      </c>
      <c r="DQ42" s="165">
        <v>0</v>
      </c>
      <c r="DR42" s="166">
        <v>0</v>
      </c>
      <c r="DS42" s="168">
        <v>0</v>
      </c>
      <c r="DT42" s="107">
        <v>0</v>
      </c>
      <c r="DU42" s="165">
        <v>0</v>
      </c>
      <c r="DV42" s="166">
        <v>0</v>
      </c>
      <c r="DW42" s="107">
        <v>0</v>
      </c>
      <c r="DX42" s="165">
        <v>0</v>
      </c>
      <c r="DY42" s="165">
        <v>0</v>
      </c>
      <c r="DZ42" s="165">
        <v>0</v>
      </c>
      <c r="EA42" s="165">
        <v>0</v>
      </c>
      <c r="EB42" s="165">
        <v>0</v>
      </c>
      <c r="EC42" s="166">
        <v>0</v>
      </c>
      <c r="ED42" s="168">
        <v>0</v>
      </c>
      <c r="EE42" s="107">
        <v>0</v>
      </c>
      <c r="EF42" s="170">
        <v>0</v>
      </c>
      <c r="EG42" s="166">
        <v>0</v>
      </c>
      <c r="EH42" s="107">
        <v>0</v>
      </c>
      <c r="EI42" s="165">
        <v>0</v>
      </c>
      <c r="EJ42" s="165">
        <v>0</v>
      </c>
      <c r="EK42" s="165">
        <v>0</v>
      </c>
      <c r="EL42" s="165">
        <v>0</v>
      </c>
      <c r="EM42" s="165">
        <v>0</v>
      </c>
      <c r="EN42" s="170">
        <v>0</v>
      </c>
      <c r="EO42" s="168">
        <v>0</v>
      </c>
      <c r="EP42" s="107">
        <v>0</v>
      </c>
      <c r="EQ42" s="165">
        <v>0</v>
      </c>
      <c r="ER42" s="170">
        <v>0</v>
      </c>
      <c r="ES42" s="169">
        <v>0</v>
      </c>
      <c r="ET42" s="165">
        <v>0</v>
      </c>
      <c r="EU42" s="165">
        <v>0</v>
      </c>
      <c r="EV42" s="165">
        <v>0</v>
      </c>
      <c r="EW42" s="165">
        <v>0</v>
      </c>
      <c r="EX42" s="165">
        <v>0</v>
      </c>
      <c r="EY42" s="166">
        <v>0</v>
      </c>
      <c r="EZ42" s="168">
        <v>0</v>
      </c>
      <c r="FA42" s="107">
        <v>0</v>
      </c>
      <c r="FB42" s="165">
        <v>0</v>
      </c>
      <c r="FC42" s="170">
        <v>0</v>
      </c>
      <c r="FD42" s="325"/>
      <c r="FE42" s="165">
        <v>0</v>
      </c>
      <c r="FF42" s="165">
        <v>0</v>
      </c>
      <c r="FG42" s="165">
        <v>0</v>
      </c>
      <c r="FH42" s="165">
        <v>0</v>
      </c>
      <c r="FI42" s="165">
        <v>0</v>
      </c>
      <c r="FJ42" s="166">
        <v>0</v>
      </c>
      <c r="FK42" s="168">
        <v>0</v>
      </c>
      <c r="FL42" s="107">
        <v>0</v>
      </c>
      <c r="FM42" s="165">
        <v>0</v>
      </c>
      <c r="FN42" s="166">
        <v>0</v>
      </c>
      <c r="FO42" s="107">
        <v>0</v>
      </c>
      <c r="FP42" s="165">
        <v>1200</v>
      </c>
      <c r="FQ42" s="165">
        <v>19008</v>
      </c>
      <c r="FR42" s="165">
        <v>0</v>
      </c>
      <c r="FS42" s="165">
        <v>0</v>
      </c>
      <c r="FT42" s="165">
        <v>0</v>
      </c>
      <c r="FU42" s="166">
        <v>20208</v>
      </c>
      <c r="FV42" s="168">
        <v>20208</v>
      </c>
      <c r="FW42" s="171">
        <v>0</v>
      </c>
      <c r="FX42" s="165">
        <v>0</v>
      </c>
      <c r="FY42" s="170">
        <v>0</v>
      </c>
      <c r="FZ42" s="169">
        <v>0</v>
      </c>
      <c r="GA42" s="165">
        <v>1200</v>
      </c>
      <c r="GB42" s="165">
        <v>19008</v>
      </c>
      <c r="GC42" s="165">
        <v>0</v>
      </c>
      <c r="GD42" s="165">
        <v>0</v>
      </c>
      <c r="GE42" s="165">
        <v>0</v>
      </c>
      <c r="GF42" s="166">
        <v>20208</v>
      </c>
      <c r="GG42" s="297">
        <v>20208</v>
      </c>
      <c r="GH42" s="171">
        <v>0</v>
      </c>
      <c r="GI42" s="165">
        <v>0</v>
      </c>
      <c r="GJ42" s="170">
        <v>0</v>
      </c>
      <c r="GK42" s="169">
        <v>0</v>
      </c>
      <c r="GL42" s="165">
        <v>0</v>
      </c>
      <c r="GM42" s="165">
        <v>0</v>
      </c>
      <c r="GN42" s="165">
        <v>0</v>
      </c>
      <c r="GO42" s="165">
        <v>0</v>
      </c>
      <c r="GP42" s="165">
        <v>0</v>
      </c>
      <c r="GQ42" s="166">
        <v>0</v>
      </c>
      <c r="GR42" s="168">
        <v>0</v>
      </c>
      <c r="GS42" s="107">
        <v>0</v>
      </c>
      <c r="GT42" s="165">
        <v>0</v>
      </c>
      <c r="GU42" s="166">
        <v>0</v>
      </c>
      <c r="GV42" s="107">
        <v>0</v>
      </c>
      <c r="GW42" s="165">
        <v>0</v>
      </c>
      <c r="GX42" s="165">
        <v>0</v>
      </c>
      <c r="GY42" s="165">
        <v>0</v>
      </c>
      <c r="GZ42" s="165">
        <v>0</v>
      </c>
      <c r="HA42" s="165">
        <v>0</v>
      </c>
      <c r="HB42" s="170">
        <v>0</v>
      </c>
      <c r="HC42" s="168">
        <v>0</v>
      </c>
      <c r="HD42" s="107">
        <v>0</v>
      </c>
      <c r="HE42" s="165">
        <v>0</v>
      </c>
      <c r="HF42" s="170">
        <v>0</v>
      </c>
      <c r="HG42" s="169">
        <v>0</v>
      </c>
      <c r="HH42" s="165">
        <v>0</v>
      </c>
      <c r="HI42" s="165">
        <v>0</v>
      </c>
      <c r="HJ42" s="165">
        <v>0</v>
      </c>
      <c r="HK42" s="165">
        <v>171911</v>
      </c>
      <c r="HL42" s="165">
        <v>0</v>
      </c>
      <c r="HM42" s="166">
        <v>171911</v>
      </c>
      <c r="HN42" s="167">
        <v>171911</v>
      </c>
      <c r="HO42" s="312"/>
      <c r="HP42" s="313"/>
      <c r="HQ42" s="314"/>
      <c r="HR42" s="315"/>
      <c r="HS42" s="313"/>
      <c r="HT42" s="313"/>
      <c r="HU42" s="313"/>
      <c r="HV42" s="313"/>
      <c r="HW42" s="313"/>
      <c r="HX42" s="316"/>
      <c r="HY42" s="317"/>
      <c r="HZ42" s="138">
        <v>0</v>
      </c>
      <c r="IA42" s="139">
        <v>0</v>
      </c>
      <c r="IB42" s="140">
        <v>0</v>
      </c>
      <c r="IC42" s="141">
        <v>0</v>
      </c>
      <c r="ID42" s="142">
        <v>0</v>
      </c>
      <c r="IE42" s="143">
        <v>0</v>
      </c>
      <c r="IF42" s="144">
        <v>0</v>
      </c>
      <c r="IG42" s="142">
        <v>0</v>
      </c>
      <c r="IH42" s="144">
        <v>0</v>
      </c>
      <c r="II42" s="145">
        <v>0</v>
      </c>
      <c r="IJ42" s="146">
        <v>0</v>
      </c>
      <c r="IK42" s="220">
        <v>0</v>
      </c>
      <c r="IL42" s="225">
        <v>0</v>
      </c>
      <c r="IM42" s="226">
        <v>0</v>
      </c>
      <c r="IN42" s="147"/>
      <c r="IO42" s="148">
        <v>0</v>
      </c>
      <c r="IP42" s="148">
        <v>0</v>
      </c>
      <c r="IQ42" s="148">
        <v>0</v>
      </c>
      <c r="IR42" s="148">
        <v>0</v>
      </c>
      <c r="IS42" s="148">
        <v>0</v>
      </c>
      <c r="IT42" s="149">
        <v>0</v>
      </c>
      <c r="IU42" s="299">
        <v>0</v>
      </c>
      <c r="IV42" s="150">
        <v>0</v>
      </c>
      <c r="IW42" s="148">
        <v>0</v>
      </c>
      <c r="IX42" s="152">
        <v>0</v>
      </c>
      <c r="IY42" s="155"/>
      <c r="IZ42" s="148">
        <v>0</v>
      </c>
      <c r="JA42" s="148">
        <v>0</v>
      </c>
      <c r="JB42" s="148">
        <v>0</v>
      </c>
      <c r="JC42" s="148">
        <v>0</v>
      </c>
      <c r="JD42" s="148">
        <v>0</v>
      </c>
      <c r="JE42" s="152">
        <v>0</v>
      </c>
      <c r="JF42" s="153">
        <v>0</v>
      </c>
      <c r="JG42" s="150">
        <v>0</v>
      </c>
      <c r="JH42" s="148">
        <v>0</v>
      </c>
      <c r="JI42" s="149">
        <v>0</v>
      </c>
      <c r="JJ42" s="151">
        <v>0</v>
      </c>
      <c r="JK42" s="148">
        <v>0</v>
      </c>
      <c r="JL42" s="148">
        <v>0</v>
      </c>
      <c r="JM42" s="148">
        <v>0</v>
      </c>
      <c r="JN42" s="148">
        <v>0</v>
      </c>
      <c r="JO42" s="148">
        <v>0</v>
      </c>
      <c r="JP42" s="152">
        <v>0</v>
      </c>
      <c r="JQ42" s="299">
        <v>0</v>
      </c>
      <c r="JR42" s="150">
        <v>0</v>
      </c>
      <c r="JS42" s="148">
        <v>0</v>
      </c>
      <c r="JT42" s="149">
        <v>0</v>
      </c>
      <c r="JU42" s="151">
        <v>0</v>
      </c>
      <c r="JV42" s="148">
        <v>0</v>
      </c>
      <c r="JW42" s="148">
        <v>0</v>
      </c>
      <c r="JX42" s="148">
        <v>0</v>
      </c>
      <c r="JY42" s="148">
        <v>0</v>
      </c>
      <c r="JZ42" s="148">
        <v>0</v>
      </c>
      <c r="KA42" s="152">
        <v>0</v>
      </c>
      <c r="KB42" s="299">
        <v>0</v>
      </c>
      <c r="KC42" s="222">
        <v>0</v>
      </c>
      <c r="KD42" s="218">
        <v>0</v>
      </c>
      <c r="KE42" s="152">
        <v>0</v>
      </c>
      <c r="KF42" s="151">
        <v>0</v>
      </c>
      <c r="KG42" s="148">
        <v>0</v>
      </c>
      <c r="KH42" s="148">
        <v>0</v>
      </c>
      <c r="KI42" s="148">
        <v>0</v>
      </c>
      <c r="KJ42" s="148">
        <v>0</v>
      </c>
      <c r="KK42" s="148">
        <v>0</v>
      </c>
      <c r="KL42" s="152">
        <v>0</v>
      </c>
      <c r="KM42" s="154">
        <v>0</v>
      </c>
      <c r="KN42" s="220">
        <v>0</v>
      </c>
      <c r="KO42" s="225">
        <v>0</v>
      </c>
      <c r="KP42" s="226">
        <v>0</v>
      </c>
      <c r="KQ42" s="147"/>
      <c r="KR42" s="148">
        <v>0</v>
      </c>
      <c r="KS42" s="148">
        <v>0</v>
      </c>
      <c r="KT42" s="148">
        <v>0</v>
      </c>
      <c r="KU42" s="148">
        <v>0</v>
      </c>
      <c r="KV42" s="148">
        <v>0</v>
      </c>
      <c r="KW42" s="152">
        <v>0</v>
      </c>
      <c r="KX42" s="299">
        <v>0</v>
      </c>
      <c r="KY42" s="150">
        <v>0</v>
      </c>
      <c r="KZ42" s="148">
        <v>0</v>
      </c>
      <c r="LA42" s="152">
        <v>0</v>
      </c>
      <c r="LB42" s="156"/>
      <c r="LC42" s="148">
        <v>0</v>
      </c>
      <c r="LD42" s="148">
        <v>0</v>
      </c>
      <c r="LE42" s="148">
        <v>0</v>
      </c>
      <c r="LF42" s="148">
        <v>0</v>
      </c>
      <c r="LG42" s="148">
        <v>0</v>
      </c>
      <c r="LH42" s="152">
        <v>0</v>
      </c>
      <c r="LI42" s="153">
        <v>0</v>
      </c>
      <c r="LJ42" s="150">
        <v>0</v>
      </c>
      <c r="LK42" s="148">
        <v>0</v>
      </c>
      <c r="LL42" s="152">
        <v>0</v>
      </c>
      <c r="LM42" s="156"/>
      <c r="LN42" s="148">
        <v>0</v>
      </c>
      <c r="LO42" s="148">
        <v>0</v>
      </c>
      <c r="LP42" s="148">
        <v>0</v>
      </c>
      <c r="LQ42" s="148">
        <v>0</v>
      </c>
      <c r="LR42" s="148">
        <v>0</v>
      </c>
      <c r="LS42" s="152">
        <v>0</v>
      </c>
      <c r="LT42" s="299">
        <v>0</v>
      </c>
      <c r="LU42" s="150">
        <v>0</v>
      </c>
      <c r="LV42" s="148">
        <v>0</v>
      </c>
      <c r="LW42" s="152">
        <v>0</v>
      </c>
      <c r="LX42" s="156"/>
      <c r="LY42" s="148">
        <v>0</v>
      </c>
      <c r="LZ42" s="148">
        <v>0</v>
      </c>
      <c r="MA42" s="148">
        <v>0</v>
      </c>
      <c r="MB42" s="148">
        <v>0</v>
      </c>
      <c r="MC42" s="148">
        <v>0</v>
      </c>
      <c r="MD42" s="152">
        <v>0</v>
      </c>
      <c r="ME42" s="153">
        <v>0</v>
      </c>
      <c r="MF42" s="150">
        <v>0</v>
      </c>
      <c r="MG42" s="148">
        <v>0</v>
      </c>
      <c r="MH42" s="152">
        <v>0</v>
      </c>
      <c r="MI42" s="156"/>
      <c r="MJ42" s="148">
        <v>0</v>
      </c>
      <c r="MK42" s="148">
        <v>0</v>
      </c>
      <c r="ML42" s="148">
        <v>229442</v>
      </c>
      <c r="MM42" s="148">
        <v>0</v>
      </c>
      <c r="MN42" s="148">
        <v>0</v>
      </c>
      <c r="MO42" s="152">
        <v>229442</v>
      </c>
      <c r="MP42" s="154">
        <v>229442</v>
      </c>
      <c r="MQ42" s="150">
        <v>0</v>
      </c>
      <c r="MR42" s="148">
        <v>0</v>
      </c>
      <c r="MS42" s="152">
        <v>0</v>
      </c>
      <c r="MT42" s="156"/>
      <c r="MU42" s="148">
        <v>0</v>
      </c>
      <c r="MV42" s="148">
        <v>0</v>
      </c>
      <c r="MW42" s="148">
        <v>229442</v>
      </c>
      <c r="MX42" s="148">
        <v>0</v>
      </c>
      <c r="MY42" s="148">
        <v>0</v>
      </c>
      <c r="MZ42" s="152">
        <v>229442</v>
      </c>
      <c r="NA42" s="154">
        <v>229442</v>
      </c>
      <c r="NB42" s="150">
        <v>0</v>
      </c>
      <c r="NC42" s="148">
        <v>0</v>
      </c>
      <c r="ND42" s="152">
        <v>0</v>
      </c>
      <c r="NE42" s="156"/>
      <c r="NF42" s="148">
        <v>0</v>
      </c>
      <c r="NG42" s="148">
        <v>0</v>
      </c>
      <c r="NH42" s="148">
        <v>0</v>
      </c>
      <c r="NI42" s="148">
        <v>0</v>
      </c>
      <c r="NJ42" s="148">
        <v>0</v>
      </c>
      <c r="NK42" s="152">
        <v>0</v>
      </c>
      <c r="NL42" s="299">
        <v>0</v>
      </c>
      <c r="NM42" s="150">
        <v>0</v>
      </c>
      <c r="NN42" s="148">
        <v>0</v>
      </c>
      <c r="NO42" s="152">
        <v>0</v>
      </c>
      <c r="NP42" s="156"/>
      <c r="NQ42" s="148">
        <v>0</v>
      </c>
      <c r="NR42" s="148">
        <v>0</v>
      </c>
      <c r="NS42" s="148">
        <v>0</v>
      </c>
      <c r="NT42" s="148">
        <v>0</v>
      </c>
      <c r="NU42" s="148">
        <v>0</v>
      </c>
      <c r="NV42" s="152">
        <v>0</v>
      </c>
      <c r="NW42" s="153">
        <v>0</v>
      </c>
      <c r="NX42" s="150">
        <v>0</v>
      </c>
      <c r="NY42" s="148">
        <v>0</v>
      </c>
      <c r="NZ42" s="152">
        <v>0</v>
      </c>
      <c r="OA42" s="156"/>
      <c r="OB42" s="148">
        <v>0</v>
      </c>
      <c r="OC42" s="148">
        <v>0</v>
      </c>
      <c r="OD42" s="148">
        <v>0</v>
      </c>
      <c r="OE42" s="148">
        <v>0</v>
      </c>
      <c r="OF42" s="148">
        <v>0</v>
      </c>
      <c r="OG42" s="152">
        <v>0</v>
      </c>
      <c r="OH42" s="153">
        <v>0</v>
      </c>
      <c r="OI42" s="150">
        <v>0</v>
      </c>
      <c r="OJ42" s="148">
        <v>0</v>
      </c>
      <c r="OK42" s="149">
        <v>0</v>
      </c>
      <c r="OL42" s="151">
        <v>0</v>
      </c>
      <c r="OM42" s="148">
        <v>20311</v>
      </c>
      <c r="ON42" s="148">
        <v>98251</v>
      </c>
      <c r="OO42" s="148">
        <v>229442</v>
      </c>
      <c r="OP42" s="148">
        <v>178399</v>
      </c>
      <c r="OQ42" s="148">
        <v>0</v>
      </c>
      <c r="OR42" s="152">
        <v>526403</v>
      </c>
      <c r="OS42" s="154">
        <v>526403</v>
      </c>
    </row>
    <row r="43" spans="2:409" x14ac:dyDescent="0.2">
      <c r="B43" s="39" t="s">
        <v>84</v>
      </c>
    </row>
  </sheetData>
  <mergeCells count="158">
    <mergeCell ref="OH7:OH8"/>
    <mergeCell ref="OI7:OK7"/>
    <mergeCell ref="OL7:OR7"/>
    <mergeCell ref="OS7:OS8"/>
    <mergeCell ref="NL7:NL8"/>
    <mergeCell ref="NM7:NO7"/>
    <mergeCell ref="NP7:NV7"/>
    <mergeCell ref="NW7:NW8"/>
    <mergeCell ref="NX7:NZ7"/>
    <mergeCell ref="NA7:NA8"/>
    <mergeCell ref="NB7:ND7"/>
    <mergeCell ref="NE7:NK7"/>
    <mergeCell ref="LX7:MD7"/>
    <mergeCell ref="ME7:ME8"/>
    <mergeCell ref="MF7:MH7"/>
    <mergeCell ref="MI7:MO7"/>
    <mergeCell ref="MP7:MP8"/>
    <mergeCell ref="OA7:OG7"/>
    <mergeCell ref="LT7:LT8"/>
    <mergeCell ref="LU7:LW7"/>
    <mergeCell ref="KN7:KP7"/>
    <mergeCell ref="KQ7:KW7"/>
    <mergeCell ref="KX7:KX8"/>
    <mergeCell ref="KY7:LA7"/>
    <mergeCell ref="LB7:LH7"/>
    <mergeCell ref="MQ7:MS7"/>
    <mergeCell ref="MT7:MZ7"/>
    <mergeCell ref="JU7:KA7"/>
    <mergeCell ref="KB7:KB8"/>
    <mergeCell ref="KC7:KE7"/>
    <mergeCell ref="KF7:KL7"/>
    <mergeCell ref="KM7:KM8"/>
    <mergeCell ref="NB5:NL6"/>
    <mergeCell ref="NM5:NW6"/>
    <mergeCell ref="NX5:OH6"/>
    <mergeCell ref="HZ7:IB7"/>
    <mergeCell ref="IC7:II7"/>
    <mergeCell ref="IJ7:IJ8"/>
    <mergeCell ref="IK7:IM7"/>
    <mergeCell ref="IN7:IT7"/>
    <mergeCell ref="IU7:IU8"/>
    <mergeCell ref="IV7:IX7"/>
    <mergeCell ref="IY7:JE7"/>
    <mergeCell ref="JF7:JF8"/>
    <mergeCell ref="JG7:JI7"/>
    <mergeCell ref="JJ7:JP7"/>
    <mergeCell ref="JQ7:JQ8"/>
    <mergeCell ref="JR7:JT7"/>
    <mergeCell ref="LI7:LI8"/>
    <mergeCell ref="LJ7:LL7"/>
    <mergeCell ref="LM7:LS7"/>
    <mergeCell ref="ID1:IE1"/>
    <mergeCell ref="HZ4:ME4"/>
    <mergeCell ref="MF4:OH4"/>
    <mergeCell ref="OI4:OS6"/>
    <mergeCell ref="HZ5:IJ6"/>
    <mergeCell ref="IK5:IU6"/>
    <mergeCell ref="IV5:JF6"/>
    <mergeCell ref="JG5:JQ6"/>
    <mergeCell ref="JR5:KB6"/>
    <mergeCell ref="KC5:KM6"/>
    <mergeCell ref="KN5:KX6"/>
    <mergeCell ref="KY5:LI6"/>
    <mergeCell ref="LJ5:LT6"/>
    <mergeCell ref="LU5:ME6"/>
    <mergeCell ref="MF5:MP6"/>
    <mergeCell ref="MQ5:NA6"/>
    <mergeCell ref="DI5:FK5"/>
    <mergeCell ref="B4:B8"/>
    <mergeCell ref="C4:M6"/>
    <mergeCell ref="N4:HY4"/>
    <mergeCell ref="N5:CA5"/>
    <mergeCell ref="CB5:DH5"/>
    <mergeCell ref="FL5:HC5"/>
    <mergeCell ref="HD5:HN6"/>
    <mergeCell ref="HO5:HY6"/>
    <mergeCell ref="EE6:EO6"/>
    <mergeCell ref="N6:X6"/>
    <mergeCell ref="Y6:AI6"/>
    <mergeCell ref="AJ6:AT6"/>
    <mergeCell ref="AU6:BE6"/>
    <mergeCell ref="BF6:BP6"/>
    <mergeCell ref="BQ6:CA6"/>
    <mergeCell ref="CB6:CL6"/>
    <mergeCell ref="CM6:CW6"/>
    <mergeCell ref="CX6:DH6"/>
    <mergeCell ref="DI6:DS6"/>
    <mergeCell ref="DT6:ED6"/>
    <mergeCell ref="C7:E7"/>
    <mergeCell ref="F7:L7"/>
    <mergeCell ref="M7:M8"/>
    <mergeCell ref="N7:P7"/>
    <mergeCell ref="Q7:W7"/>
    <mergeCell ref="BI7:BO7"/>
    <mergeCell ref="X7:X8"/>
    <mergeCell ref="Y7:AA7"/>
    <mergeCell ref="AB7:AH7"/>
    <mergeCell ref="AI7:AI8"/>
    <mergeCell ref="AJ7:AL7"/>
    <mergeCell ref="AM7:AS7"/>
    <mergeCell ref="AT7:AT8"/>
    <mergeCell ref="AU7:AW7"/>
    <mergeCell ref="AX7:BD7"/>
    <mergeCell ref="EP7:ER7"/>
    <mergeCell ref="BE7:BE8"/>
    <mergeCell ref="BF7:BH7"/>
    <mergeCell ref="DA7:DG7"/>
    <mergeCell ref="BP7:BP8"/>
    <mergeCell ref="BQ7:BS7"/>
    <mergeCell ref="BT7:BZ7"/>
    <mergeCell ref="CA7:CA8"/>
    <mergeCell ref="CB7:CD7"/>
    <mergeCell ref="CE7:CK7"/>
    <mergeCell ref="CL7:CL8"/>
    <mergeCell ref="CM7:CO7"/>
    <mergeCell ref="CP7:CV7"/>
    <mergeCell ref="CW7:CW8"/>
    <mergeCell ref="CX7:CZ7"/>
    <mergeCell ref="DW7:EC7"/>
    <mergeCell ref="ED7:ED8"/>
    <mergeCell ref="EE7:EG7"/>
    <mergeCell ref="DH7:DH8"/>
    <mergeCell ref="DI7:DK7"/>
    <mergeCell ref="DL7:DR7"/>
    <mergeCell ref="DS7:DS8"/>
    <mergeCell ref="GH6:GR6"/>
    <mergeCell ref="GR7:GR8"/>
    <mergeCell ref="GS7:GU7"/>
    <mergeCell ref="ES7:EY7"/>
    <mergeCell ref="FA7:FC7"/>
    <mergeCell ref="FD7:FJ7"/>
    <mergeCell ref="FK7:FK8"/>
    <mergeCell ref="GS6:HC6"/>
    <mergeCell ref="FA6:FK6"/>
    <mergeCell ref="G1:H1"/>
    <mergeCell ref="HY7:HY8"/>
    <mergeCell ref="HC7:HC8"/>
    <mergeCell ref="HD7:HF7"/>
    <mergeCell ref="HG7:HM7"/>
    <mergeCell ref="HN7:HN8"/>
    <mergeCell ref="HO7:HQ7"/>
    <mergeCell ref="HR7:HX7"/>
    <mergeCell ref="GV7:HB7"/>
    <mergeCell ref="EZ7:EZ8"/>
    <mergeCell ref="FL7:FN7"/>
    <mergeCell ref="FO7:FU7"/>
    <mergeCell ref="FV7:FV8"/>
    <mergeCell ref="FW7:FY7"/>
    <mergeCell ref="FZ7:GF7"/>
    <mergeCell ref="GG7:GG8"/>
    <mergeCell ref="EH7:EN7"/>
    <mergeCell ref="EO7:EO8"/>
    <mergeCell ref="DT7:DV7"/>
    <mergeCell ref="GH7:GJ7"/>
    <mergeCell ref="GK7:GQ7"/>
    <mergeCell ref="EP6:EZ6"/>
    <mergeCell ref="FL6:FV6"/>
    <mergeCell ref="FW6:GG6"/>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4">
    <tabColor theme="6"/>
  </sheetPr>
  <dimension ref="B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3.77734375" style="39" customWidth="1"/>
    <col min="2" max="2" width="9.77734375" style="39" customWidth="1"/>
    <col min="3" max="3" width="8.21875" style="39" customWidth="1"/>
    <col min="4" max="5" width="10" style="39" customWidth="1"/>
    <col min="6" max="6" width="7.77734375" style="39" customWidth="1"/>
    <col min="7" max="8" width="10" style="39" customWidth="1"/>
    <col min="9" max="9" width="9.88671875" style="39" customWidth="1"/>
    <col min="10" max="10" width="9.77734375" style="39" customWidth="1"/>
    <col min="11" max="11" width="9.88671875" style="39" customWidth="1"/>
    <col min="12" max="12" width="10.88671875" style="39" customWidth="1"/>
    <col min="13" max="13" width="11.109375" style="39" customWidth="1"/>
    <col min="14" max="16" width="8.21875" style="39" customWidth="1"/>
    <col min="17" max="17" width="7.21875" style="39" customWidth="1"/>
    <col min="18" max="18" width="8.21875" style="39" customWidth="1"/>
    <col min="19" max="19" width="10.109375" style="39" customWidth="1"/>
    <col min="20" max="20" width="9.109375" style="39" customWidth="1"/>
    <col min="21" max="21" width="9.77734375" style="39" customWidth="1"/>
    <col min="22" max="22" width="10.33203125" style="39" customWidth="1"/>
    <col min="23" max="23" width="10.44140625" style="39" customWidth="1"/>
    <col min="24" max="24" width="11" style="39" customWidth="1"/>
    <col min="25" max="27" width="8.21875" style="39" customWidth="1"/>
    <col min="28" max="28" width="7" style="39" customWidth="1"/>
    <col min="29" max="33" width="8.21875" style="39" customWidth="1"/>
    <col min="34" max="34" width="10.6640625" style="39" customWidth="1"/>
    <col min="35" max="35" width="10" style="39" customWidth="1"/>
    <col min="36" max="38" width="8.21875" style="39" customWidth="1"/>
    <col min="39" max="39" width="7" style="39" customWidth="1"/>
    <col min="40" max="49" width="8.21875" style="39" customWidth="1"/>
    <col min="50" max="50" width="7.21875" style="39" customWidth="1"/>
    <col min="51" max="55" width="8.21875" style="39" customWidth="1"/>
    <col min="56" max="57" width="9.33203125" style="39" customWidth="1"/>
    <col min="58" max="60" width="8.21875" style="39" customWidth="1"/>
    <col min="61" max="61" width="6.88671875" style="39" customWidth="1"/>
    <col min="62" max="71" width="8.21875" style="39" customWidth="1"/>
    <col min="72" max="72" width="7.21875" style="39" customWidth="1"/>
    <col min="73" max="79" width="8.21875" style="39" customWidth="1"/>
    <col min="80" max="82" width="8.21875" style="302" customWidth="1"/>
    <col min="83" max="83" width="7.6640625" style="302" customWidth="1"/>
    <col min="84" max="84" width="9.88671875" style="302" customWidth="1"/>
    <col min="85" max="85" width="10" style="302" customWidth="1"/>
    <col min="86" max="86" width="9.77734375" style="302" customWidth="1"/>
    <col min="87" max="87" width="9.21875" style="302" customWidth="1"/>
    <col min="88" max="88" width="8.77734375" style="302" customWidth="1"/>
    <col min="89" max="89" width="9.88671875" style="302" customWidth="1"/>
    <col min="90" max="90" width="9.77734375" style="302" customWidth="1"/>
    <col min="91" max="93" width="8.21875" style="39" customWidth="1"/>
    <col min="94" max="94" width="7.33203125" style="39" customWidth="1"/>
    <col min="95" max="95" width="9.88671875" style="39" bestFit="1" customWidth="1"/>
    <col min="96" max="96" width="10" style="39" customWidth="1"/>
    <col min="97" max="97" width="9.6640625" style="39" customWidth="1"/>
    <col min="98" max="99" width="8.21875" style="39" customWidth="1"/>
    <col min="100" max="101" width="9.88671875" style="39" customWidth="1"/>
    <col min="102" max="104" width="8.21875" style="39" customWidth="1"/>
    <col min="105" max="105" width="7.44140625" style="39" customWidth="1"/>
    <col min="106" max="110" width="8.21875" style="39" customWidth="1"/>
    <col min="111" max="111" width="10" style="39" customWidth="1"/>
    <col min="112" max="112" width="9.88671875" style="39" customWidth="1"/>
    <col min="113" max="115" width="8.21875" style="302" customWidth="1"/>
    <col min="116" max="116" width="7.21875" style="302" customWidth="1"/>
    <col min="117" max="121" width="8.21875" style="302" customWidth="1"/>
    <col min="122" max="122" width="10.109375" style="302" customWidth="1"/>
    <col min="123" max="123" width="9.77734375" style="302" customWidth="1"/>
    <col min="124" max="126" width="8.21875" style="39" customWidth="1"/>
    <col min="127" max="127" width="7.33203125" style="39" customWidth="1"/>
    <col min="128" max="132" width="8.21875" style="39" customWidth="1"/>
    <col min="133" max="133" width="10.33203125" style="39" customWidth="1"/>
    <col min="134" max="134" width="10.109375" style="39" customWidth="1"/>
    <col min="135" max="137" width="8.21875" style="39" customWidth="1"/>
    <col min="138" max="138" width="7.109375" style="39" customWidth="1"/>
    <col min="139" max="148" width="8.21875" style="39" customWidth="1"/>
    <col min="149" max="149" width="7.21875" style="39" customWidth="1"/>
    <col min="150" max="159" width="8.21875" style="39" customWidth="1"/>
    <col min="160" max="160" width="7.21875" style="39" customWidth="1"/>
    <col min="161" max="167" width="8.21875" style="39" customWidth="1"/>
    <col min="168" max="170" width="8.21875" style="302" customWidth="1"/>
    <col min="171" max="171" width="6.6640625" style="302" customWidth="1"/>
    <col min="172" max="176" width="8.21875" style="302" customWidth="1"/>
    <col min="177" max="177" width="10.109375" style="302" customWidth="1"/>
    <col min="178" max="178" width="9.88671875" style="302" customWidth="1"/>
    <col min="179" max="181" width="8.21875" style="39" customWidth="1"/>
    <col min="182" max="182" width="7.33203125" style="39" customWidth="1"/>
    <col min="183" max="187" width="8.21875" style="39" customWidth="1"/>
    <col min="188" max="188" width="10" style="39" customWidth="1"/>
    <col min="189" max="189" width="10.6640625" style="39" customWidth="1"/>
    <col min="190" max="192" width="8.21875" style="39" customWidth="1"/>
    <col min="193" max="193" width="7.21875" style="39" customWidth="1"/>
    <col min="194" max="203" width="8.21875" style="39" customWidth="1"/>
    <col min="204" max="204" width="7.109375" style="39" customWidth="1"/>
    <col min="205" max="214" width="8.21875" style="39" customWidth="1"/>
    <col min="215" max="215" width="7.109375" style="39" customWidth="1"/>
    <col min="216" max="220" width="8.21875" style="39" customWidth="1"/>
    <col min="221" max="222" width="9.77734375" style="39" customWidth="1"/>
    <col min="223" max="225" width="8.21875" style="39" customWidth="1"/>
    <col min="226" max="226" width="7.21875" style="39" customWidth="1"/>
    <col min="227" max="231" width="8.21875" style="39" customWidth="1"/>
    <col min="232" max="233" width="10" style="39" customWidth="1"/>
    <col min="234" max="235" width="7.44140625" style="34" customWidth="1"/>
    <col min="236" max="236" width="9.33203125" style="34" customWidth="1"/>
    <col min="237" max="237" width="7.44140625" style="34" customWidth="1"/>
    <col min="238" max="244" width="10.109375" style="34" customWidth="1"/>
    <col min="245" max="247" width="10.109375" style="1" customWidth="1"/>
    <col min="248" max="248" width="7.109375" style="1" customWidth="1"/>
    <col min="249" max="258" width="10.109375" style="1" customWidth="1"/>
    <col min="259" max="259" width="7.33203125" style="1" customWidth="1"/>
    <col min="260" max="269" width="10.109375" style="1" customWidth="1"/>
    <col min="270" max="270" width="7.21875" style="1" customWidth="1"/>
    <col min="271" max="280" width="10.109375" style="1" customWidth="1"/>
    <col min="281" max="281" width="7.6640625" style="1" customWidth="1"/>
    <col min="282" max="291" width="10.109375" style="1" customWidth="1"/>
    <col min="292" max="292" width="6.33203125" style="1" customWidth="1"/>
    <col min="293" max="302" width="10.109375" style="1" customWidth="1"/>
    <col min="303" max="303" width="7.44140625" style="1" customWidth="1"/>
    <col min="304" max="310" width="10.109375" style="1" customWidth="1"/>
    <col min="311" max="313" width="10.109375" style="34" customWidth="1"/>
    <col min="314" max="314" width="7.109375" style="34" customWidth="1"/>
    <col min="315" max="324" width="10.109375" style="34" customWidth="1"/>
    <col min="325" max="325" width="7.44140625" style="34" customWidth="1"/>
    <col min="326" max="335" width="10.109375" style="34" customWidth="1"/>
    <col min="336" max="336" width="6.88671875" style="34" customWidth="1"/>
    <col min="337" max="343" width="10.109375" style="34" customWidth="1"/>
    <col min="344" max="346" width="10.109375" style="1" customWidth="1"/>
    <col min="347" max="347" width="7.21875" style="1" customWidth="1"/>
    <col min="348" max="357" width="10.109375" style="1" customWidth="1"/>
    <col min="358" max="358" width="7.21875" style="1" customWidth="1"/>
    <col min="359" max="368" width="10.109375" style="1" customWidth="1"/>
    <col min="369" max="369" width="7" style="1" customWidth="1"/>
    <col min="370" max="379" width="10.109375" style="1" customWidth="1"/>
    <col min="380" max="380" width="6.88671875" style="1" customWidth="1"/>
    <col min="381" max="385" width="10.109375" style="1" customWidth="1"/>
    <col min="386" max="387" width="10.33203125" style="1" customWidth="1"/>
    <col min="388" max="390" width="10.109375" style="1" customWidth="1"/>
    <col min="391" max="391" width="6.88671875" style="1" customWidth="1"/>
    <col min="392" max="396" width="10.109375" style="1" customWidth="1"/>
    <col min="397" max="398" width="10.33203125" style="1" customWidth="1"/>
    <col min="399" max="401" width="9.21875" style="1" customWidth="1"/>
    <col min="402" max="402" width="7" style="1" customWidth="1"/>
    <col min="403" max="404" width="9.21875" style="1" customWidth="1"/>
    <col min="405" max="405" width="10.44140625" style="1" customWidth="1"/>
    <col min="406" max="406" width="12.109375" style="1" customWidth="1"/>
    <col min="407" max="407" width="10.109375" style="1" customWidth="1"/>
    <col min="408" max="409" width="10.33203125" style="1" customWidth="1"/>
    <col min="410" max="16384" width="8.21875" style="39"/>
  </cols>
  <sheetData>
    <row r="1" spans="2:409" ht="24" customHeight="1" x14ac:dyDescent="0.2">
      <c r="B1" s="15" t="s">
        <v>134</v>
      </c>
      <c r="E1" s="468">
        <f>第１表!F2</f>
        <v>5</v>
      </c>
      <c r="F1" s="233">
        <f>第１表!G2</f>
        <v>12</v>
      </c>
      <c r="G1" s="655">
        <f>IF(F1&lt;3,F1-2+12,F1-2)</f>
        <v>10</v>
      </c>
      <c r="H1" s="655"/>
      <c r="IB1" s="341"/>
      <c r="IC1" s="239"/>
      <c r="ID1" s="625"/>
      <c r="IE1" s="625"/>
    </row>
    <row r="2" spans="2:409" ht="24" customHeight="1" x14ac:dyDescent="0.2">
      <c r="B2" s="15" t="s">
        <v>145</v>
      </c>
      <c r="E2" s="236"/>
      <c r="F2" s="237"/>
      <c r="G2" s="330"/>
      <c r="H2" s="330"/>
      <c r="IB2" s="238"/>
      <c r="IC2" s="239"/>
      <c r="ID2" s="344"/>
      <c r="IE2" s="344"/>
    </row>
    <row r="3" spans="2:409" ht="24" customHeight="1" thickBot="1" x14ac:dyDescent="0.25">
      <c r="B3" s="15" t="s">
        <v>154</v>
      </c>
    </row>
    <row r="4" spans="2:409" ht="21" customHeight="1" thickBot="1" x14ac:dyDescent="0.25">
      <c r="B4" s="685" t="s">
        <v>42</v>
      </c>
      <c r="C4" s="688" t="s">
        <v>63</v>
      </c>
      <c r="D4" s="688"/>
      <c r="E4" s="688"/>
      <c r="F4" s="688"/>
      <c r="G4" s="688"/>
      <c r="H4" s="688"/>
      <c r="I4" s="688"/>
      <c r="J4" s="688"/>
      <c r="K4" s="688"/>
      <c r="L4" s="688"/>
      <c r="M4" s="688"/>
      <c r="N4" s="691"/>
      <c r="O4" s="691"/>
      <c r="P4" s="691"/>
      <c r="Q4" s="691"/>
      <c r="R4" s="691"/>
      <c r="S4" s="691"/>
      <c r="T4" s="691"/>
      <c r="U4" s="691"/>
      <c r="V4" s="691"/>
      <c r="W4" s="691"/>
      <c r="X4" s="691"/>
      <c r="Y4" s="691"/>
      <c r="Z4" s="691"/>
      <c r="AA4" s="691"/>
      <c r="AB4" s="691"/>
      <c r="AC4" s="691"/>
      <c r="AD4" s="691"/>
      <c r="AE4" s="691"/>
      <c r="AF4" s="691"/>
      <c r="AG4" s="691"/>
      <c r="AH4" s="691"/>
      <c r="AI4" s="691"/>
      <c r="AJ4" s="691"/>
      <c r="AK4" s="691"/>
      <c r="AL4" s="691"/>
      <c r="AM4" s="691"/>
      <c r="AN4" s="691"/>
      <c r="AO4" s="691"/>
      <c r="AP4" s="691"/>
      <c r="AQ4" s="691"/>
      <c r="AR4" s="691"/>
      <c r="AS4" s="691"/>
      <c r="AT4" s="691"/>
      <c r="AU4" s="691"/>
      <c r="AV4" s="691"/>
      <c r="AW4" s="691"/>
      <c r="AX4" s="691"/>
      <c r="AY4" s="691"/>
      <c r="AZ4" s="691"/>
      <c r="BA4" s="691"/>
      <c r="BB4" s="691"/>
      <c r="BC4" s="691"/>
      <c r="BD4" s="691"/>
      <c r="BE4" s="691"/>
      <c r="BF4" s="691"/>
      <c r="BG4" s="691"/>
      <c r="BH4" s="691"/>
      <c r="BI4" s="691"/>
      <c r="BJ4" s="691"/>
      <c r="BK4" s="691"/>
      <c r="BL4" s="691"/>
      <c r="BM4" s="691"/>
      <c r="BN4" s="691"/>
      <c r="BO4" s="691"/>
      <c r="BP4" s="691"/>
      <c r="BQ4" s="691"/>
      <c r="BR4" s="691"/>
      <c r="BS4" s="691"/>
      <c r="BT4" s="691"/>
      <c r="BU4" s="691"/>
      <c r="BV4" s="691"/>
      <c r="BW4" s="691"/>
      <c r="BX4" s="691"/>
      <c r="BY4" s="691"/>
      <c r="BZ4" s="691"/>
      <c r="CA4" s="691"/>
      <c r="CB4" s="691"/>
      <c r="CC4" s="691"/>
      <c r="CD4" s="691"/>
      <c r="CE4" s="691"/>
      <c r="CF4" s="691"/>
      <c r="CG4" s="691"/>
      <c r="CH4" s="691"/>
      <c r="CI4" s="691"/>
      <c r="CJ4" s="691"/>
      <c r="CK4" s="691"/>
      <c r="CL4" s="691"/>
      <c r="CM4" s="691"/>
      <c r="CN4" s="691"/>
      <c r="CO4" s="691"/>
      <c r="CP4" s="691"/>
      <c r="CQ4" s="691"/>
      <c r="CR4" s="691"/>
      <c r="CS4" s="691"/>
      <c r="CT4" s="691"/>
      <c r="CU4" s="691"/>
      <c r="CV4" s="691"/>
      <c r="CW4" s="691"/>
      <c r="CX4" s="691"/>
      <c r="CY4" s="691"/>
      <c r="CZ4" s="691"/>
      <c r="DA4" s="691"/>
      <c r="DB4" s="691"/>
      <c r="DC4" s="691"/>
      <c r="DD4" s="691"/>
      <c r="DE4" s="691"/>
      <c r="DF4" s="691"/>
      <c r="DG4" s="691"/>
      <c r="DH4" s="691"/>
      <c r="DI4" s="691"/>
      <c r="DJ4" s="691"/>
      <c r="DK4" s="691"/>
      <c r="DL4" s="691"/>
      <c r="DM4" s="691"/>
      <c r="DN4" s="691"/>
      <c r="DO4" s="691"/>
      <c r="DP4" s="691"/>
      <c r="DQ4" s="691"/>
      <c r="DR4" s="691"/>
      <c r="DS4" s="691"/>
      <c r="DT4" s="691"/>
      <c r="DU4" s="691"/>
      <c r="DV4" s="691"/>
      <c r="DW4" s="691"/>
      <c r="DX4" s="691"/>
      <c r="DY4" s="691"/>
      <c r="DZ4" s="691"/>
      <c r="EA4" s="691"/>
      <c r="EB4" s="691"/>
      <c r="EC4" s="691"/>
      <c r="ED4" s="691"/>
      <c r="EE4" s="691"/>
      <c r="EF4" s="691"/>
      <c r="EG4" s="691"/>
      <c r="EH4" s="691"/>
      <c r="EI4" s="691"/>
      <c r="EJ4" s="691"/>
      <c r="EK4" s="691"/>
      <c r="EL4" s="691"/>
      <c r="EM4" s="691"/>
      <c r="EN4" s="691"/>
      <c r="EO4" s="691"/>
      <c r="EP4" s="691"/>
      <c r="EQ4" s="691"/>
      <c r="ER4" s="691"/>
      <c r="ES4" s="691"/>
      <c r="ET4" s="691"/>
      <c r="EU4" s="691"/>
      <c r="EV4" s="691"/>
      <c r="EW4" s="691"/>
      <c r="EX4" s="691"/>
      <c r="EY4" s="691"/>
      <c r="EZ4" s="691"/>
      <c r="FA4" s="691"/>
      <c r="FB4" s="691"/>
      <c r="FC4" s="691"/>
      <c r="FD4" s="691"/>
      <c r="FE4" s="691"/>
      <c r="FF4" s="691"/>
      <c r="FG4" s="691"/>
      <c r="FH4" s="691"/>
      <c r="FI4" s="691"/>
      <c r="FJ4" s="691"/>
      <c r="FK4" s="691"/>
      <c r="FL4" s="691"/>
      <c r="FM4" s="691"/>
      <c r="FN4" s="691"/>
      <c r="FO4" s="691"/>
      <c r="FP4" s="691"/>
      <c r="FQ4" s="691"/>
      <c r="FR4" s="691"/>
      <c r="FS4" s="691"/>
      <c r="FT4" s="691"/>
      <c r="FU4" s="691"/>
      <c r="FV4" s="691"/>
      <c r="FW4" s="691"/>
      <c r="FX4" s="691"/>
      <c r="FY4" s="691"/>
      <c r="FZ4" s="691"/>
      <c r="GA4" s="691"/>
      <c r="GB4" s="691"/>
      <c r="GC4" s="691"/>
      <c r="GD4" s="691"/>
      <c r="GE4" s="691"/>
      <c r="GF4" s="691"/>
      <c r="GG4" s="691"/>
      <c r="GH4" s="691"/>
      <c r="GI4" s="691"/>
      <c r="GJ4" s="691"/>
      <c r="GK4" s="691"/>
      <c r="GL4" s="691"/>
      <c r="GM4" s="691"/>
      <c r="GN4" s="691"/>
      <c r="GO4" s="691"/>
      <c r="GP4" s="691"/>
      <c r="GQ4" s="691"/>
      <c r="GR4" s="691"/>
      <c r="GS4" s="691"/>
      <c r="GT4" s="691"/>
      <c r="GU4" s="691"/>
      <c r="GV4" s="691"/>
      <c r="GW4" s="691"/>
      <c r="GX4" s="691"/>
      <c r="GY4" s="691"/>
      <c r="GZ4" s="691"/>
      <c r="HA4" s="691"/>
      <c r="HB4" s="691"/>
      <c r="HC4" s="691"/>
      <c r="HD4" s="691"/>
      <c r="HE4" s="691"/>
      <c r="HF4" s="691"/>
      <c r="HG4" s="691"/>
      <c r="HH4" s="691"/>
      <c r="HI4" s="691"/>
      <c r="HJ4" s="691"/>
      <c r="HK4" s="691"/>
      <c r="HL4" s="691"/>
      <c r="HM4" s="691"/>
      <c r="HN4" s="691"/>
      <c r="HO4" s="691"/>
      <c r="HP4" s="691"/>
      <c r="HQ4" s="691"/>
      <c r="HR4" s="691"/>
      <c r="HS4" s="691"/>
      <c r="HT4" s="691"/>
      <c r="HU4" s="691"/>
      <c r="HV4" s="691"/>
      <c r="HW4" s="691"/>
      <c r="HX4" s="691"/>
      <c r="HY4" s="692"/>
      <c r="HZ4" s="586" t="s">
        <v>85</v>
      </c>
      <c r="IA4" s="587"/>
      <c r="IB4" s="587"/>
      <c r="IC4" s="587"/>
      <c r="ID4" s="587"/>
      <c r="IE4" s="587"/>
      <c r="IF4" s="587"/>
      <c r="IG4" s="587"/>
      <c r="IH4" s="587"/>
      <c r="II4" s="587"/>
      <c r="IJ4" s="587"/>
      <c r="IK4" s="587"/>
      <c r="IL4" s="587"/>
      <c r="IM4" s="587"/>
      <c r="IN4" s="587"/>
      <c r="IO4" s="587"/>
      <c r="IP4" s="587"/>
      <c r="IQ4" s="587"/>
      <c r="IR4" s="587"/>
      <c r="IS4" s="587"/>
      <c r="IT4" s="587"/>
      <c r="IU4" s="587"/>
      <c r="IV4" s="587"/>
      <c r="IW4" s="587"/>
      <c r="IX4" s="587"/>
      <c r="IY4" s="587"/>
      <c r="IZ4" s="587"/>
      <c r="JA4" s="587"/>
      <c r="JB4" s="587"/>
      <c r="JC4" s="587"/>
      <c r="JD4" s="587"/>
      <c r="JE4" s="587"/>
      <c r="JF4" s="587"/>
      <c r="JG4" s="587"/>
      <c r="JH4" s="587"/>
      <c r="JI4" s="587"/>
      <c r="JJ4" s="587"/>
      <c r="JK4" s="587"/>
      <c r="JL4" s="587"/>
      <c r="JM4" s="587"/>
      <c r="JN4" s="587"/>
      <c r="JO4" s="587"/>
      <c r="JP4" s="587"/>
      <c r="JQ4" s="587"/>
      <c r="JR4" s="587"/>
      <c r="JS4" s="587"/>
      <c r="JT4" s="587"/>
      <c r="JU4" s="587"/>
      <c r="JV4" s="587"/>
      <c r="JW4" s="587"/>
      <c r="JX4" s="587"/>
      <c r="JY4" s="587"/>
      <c r="JZ4" s="587"/>
      <c r="KA4" s="587"/>
      <c r="KB4" s="587"/>
      <c r="KC4" s="587"/>
      <c r="KD4" s="587"/>
      <c r="KE4" s="587"/>
      <c r="KF4" s="587"/>
      <c r="KG4" s="587"/>
      <c r="KH4" s="587"/>
      <c r="KI4" s="587"/>
      <c r="KJ4" s="587"/>
      <c r="KK4" s="587"/>
      <c r="KL4" s="587"/>
      <c r="KM4" s="587"/>
      <c r="KN4" s="587"/>
      <c r="KO4" s="587"/>
      <c r="KP4" s="587"/>
      <c r="KQ4" s="587"/>
      <c r="KR4" s="587"/>
      <c r="KS4" s="587"/>
      <c r="KT4" s="587"/>
      <c r="KU4" s="587"/>
      <c r="KV4" s="587"/>
      <c r="KW4" s="587"/>
      <c r="KX4" s="587"/>
      <c r="KY4" s="587"/>
      <c r="KZ4" s="587"/>
      <c r="LA4" s="587"/>
      <c r="LB4" s="587"/>
      <c r="LC4" s="587"/>
      <c r="LD4" s="587"/>
      <c r="LE4" s="587"/>
      <c r="LF4" s="587"/>
      <c r="LG4" s="587"/>
      <c r="LH4" s="587"/>
      <c r="LI4" s="587"/>
      <c r="LJ4" s="587"/>
      <c r="LK4" s="587"/>
      <c r="LL4" s="587"/>
      <c r="LM4" s="587"/>
      <c r="LN4" s="587"/>
      <c r="LO4" s="587"/>
      <c r="LP4" s="587"/>
      <c r="LQ4" s="587"/>
      <c r="LR4" s="587"/>
      <c r="LS4" s="587"/>
      <c r="LT4" s="587"/>
      <c r="LU4" s="587"/>
      <c r="LV4" s="587"/>
      <c r="LW4" s="587"/>
      <c r="LX4" s="587"/>
      <c r="LY4" s="587"/>
      <c r="LZ4" s="587"/>
      <c r="MA4" s="587"/>
      <c r="MB4" s="587"/>
      <c r="MC4" s="587"/>
      <c r="MD4" s="587"/>
      <c r="ME4" s="588"/>
      <c r="MF4" s="586" t="s">
        <v>86</v>
      </c>
      <c r="MG4" s="587"/>
      <c r="MH4" s="587"/>
      <c r="MI4" s="587"/>
      <c r="MJ4" s="587"/>
      <c r="MK4" s="587"/>
      <c r="ML4" s="587"/>
      <c r="MM4" s="587"/>
      <c r="MN4" s="587"/>
      <c r="MO4" s="587"/>
      <c r="MP4" s="587"/>
      <c r="MQ4" s="587"/>
      <c r="MR4" s="587"/>
      <c r="MS4" s="587"/>
      <c r="MT4" s="587"/>
      <c r="MU4" s="587"/>
      <c r="MV4" s="587"/>
      <c r="MW4" s="587"/>
      <c r="MX4" s="587"/>
      <c r="MY4" s="587"/>
      <c r="MZ4" s="587"/>
      <c r="NA4" s="587"/>
      <c r="NB4" s="587"/>
      <c r="NC4" s="587"/>
      <c r="ND4" s="587"/>
      <c r="NE4" s="587"/>
      <c r="NF4" s="587"/>
      <c r="NG4" s="587"/>
      <c r="NH4" s="587"/>
      <c r="NI4" s="587"/>
      <c r="NJ4" s="587"/>
      <c r="NK4" s="587"/>
      <c r="NL4" s="587"/>
      <c r="NM4" s="587"/>
      <c r="NN4" s="587"/>
      <c r="NO4" s="587"/>
      <c r="NP4" s="587"/>
      <c r="NQ4" s="587"/>
      <c r="NR4" s="587"/>
      <c r="NS4" s="587"/>
      <c r="NT4" s="587"/>
      <c r="NU4" s="587"/>
      <c r="NV4" s="587"/>
      <c r="NW4" s="587"/>
      <c r="NX4" s="587"/>
      <c r="NY4" s="587"/>
      <c r="NZ4" s="587"/>
      <c r="OA4" s="587"/>
      <c r="OB4" s="587"/>
      <c r="OC4" s="587"/>
      <c r="OD4" s="587"/>
      <c r="OE4" s="587"/>
      <c r="OF4" s="587"/>
      <c r="OG4" s="587"/>
      <c r="OH4" s="588"/>
      <c r="OI4" s="575" t="s">
        <v>60</v>
      </c>
      <c r="OJ4" s="480"/>
      <c r="OK4" s="480"/>
      <c r="OL4" s="480"/>
      <c r="OM4" s="480"/>
      <c r="ON4" s="480"/>
      <c r="OO4" s="480"/>
      <c r="OP4" s="480"/>
      <c r="OQ4" s="480"/>
      <c r="OR4" s="480"/>
      <c r="OS4" s="481"/>
    </row>
    <row r="5" spans="2:409" ht="21" customHeight="1" thickBot="1" x14ac:dyDescent="0.25">
      <c r="B5" s="686"/>
      <c r="C5" s="689"/>
      <c r="D5" s="689"/>
      <c r="E5" s="689"/>
      <c r="F5" s="689"/>
      <c r="G5" s="689"/>
      <c r="H5" s="689"/>
      <c r="I5" s="689"/>
      <c r="J5" s="689"/>
      <c r="K5" s="689"/>
      <c r="L5" s="689"/>
      <c r="M5" s="689"/>
      <c r="N5" s="693" t="s">
        <v>64</v>
      </c>
      <c r="O5" s="694"/>
      <c r="P5" s="694"/>
      <c r="Q5" s="694"/>
      <c r="R5" s="694"/>
      <c r="S5" s="694"/>
      <c r="T5" s="694"/>
      <c r="U5" s="694"/>
      <c r="V5" s="694"/>
      <c r="W5" s="694"/>
      <c r="X5" s="694"/>
      <c r="Y5" s="694"/>
      <c r="Z5" s="694"/>
      <c r="AA5" s="694"/>
      <c r="AB5" s="694"/>
      <c r="AC5" s="694"/>
      <c r="AD5" s="694"/>
      <c r="AE5" s="694"/>
      <c r="AF5" s="694"/>
      <c r="AG5" s="694"/>
      <c r="AH5" s="694"/>
      <c r="AI5" s="694"/>
      <c r="AJ5" s="694"/>
      <c r="AK5" s="694"/>
      <c r="AL5" s="694"/>
      <c r="AM5" s="694"/>
      <c r="AN5" s="694"/>
      <c r="AO5" s="694"/>
      <c r="AP5" s="694"/>
      <c r="AQ5" s="694"/>
      <c r="AR5" s="694"/>
      <c r="AS5" s="694"/>
      <c r="AT5" s="694"/>
      <c r="AU5" s="694"/>
      <c r="AV5" s="694"/>
      <c r="AW5" s="694"/>
      <c r="AX5" s="694"/>
      <c r="AY5" s="694"/>
      <c r="AZ5" s="694"/>
      <c r="BA5" s="694"/>
      <c r="BB5" s="694"/>
      <c r="BC5" s="694"/>
      <c r="BD5" s="694"/>
      <c r="BE5" s="694"/>
      <c r="BF5" s="694"/>
      <c r="BG5" s="694"/>
      <c r="BH5" s="694"/>
      <c r="BI5" s="694"/>
      <c r="BJ5" s="694"/>
      <c r="BK5" s="694"/>
      <c r="BL5" s="694"/>
      <c r="BM5" s="694"/>
      <c r="BN5" s="694"/>
      <c r="BO5" s="694"/>
      <c r="BP5" s="694"/>
      <c r="BQ5" s="694"/>
      <c r="BR5" s="694"/>
      <c r="BS5" s="694"/>
      <c r="BT5" s="694"/>
      <c r="BU5" s="694"/>
      <c r="BV5" s="694"/>
      <c r="BW5" s="694"/>
      <c r="BX5" s="694"/>
      <c r="BY5" s="694"/>
      <c r="BZ5" s="694"/>
      <c r="CA5" s="695"/>
      <c r="CB5" s="693" t="s">
        <v>65</v>
      </c>
      <c r="CC5" s="694"/>
      <c r="CD5" s="694"/>
      <c r="CE5" s="694"/>
      <c r="CF5" s="694"/>
      <c r="CG5" s="694"/>
      <c r="CH5" s="694"/>
      <c r="CI5" s="694"/>
      <c r="CJ5" s="694"/>
      <c r="CK5" s="694"/>
      <c r="CL5" s="694"/>
      <c r="CM5" s="694"/>
      <c r="CN5" s="694"/>
      <c r="CO5" s="694"/>
      <c r="CP5" s="694"/>
      <c r="CQ5" s="694"/>
      <c r="CR5" s="694"/>
      <c r="CS5" s="694"/>
      <c r="CT5" s="694"/>
      <c r="CU5" s="694"/>
      <c r="CV5" s="694"/>
      <c r="CW5" s="694"/>
      <c r="CX5" s="694"/>
      <c r="CY5" s="694"/>
      <c r="CZ5" s="694"/>
      <c r="DA5" s="694"/>
      <c r="DB5" s="694"/>
      <c r="DC5" s="694"/>
      <c r="DD5" s="694"/>
      <c r="DE5" s="694"/>
      <c r="DF5" s="694"/>
      <c r="DG5" s="694"/>
      <c r="DH5" s="695"/>
      <c r="DI5" s="497" t="s">
        <v>66</v>
      </c>
      <c r="DJ5" s="498"/>
      <c r="DK5" s="498"/>
      <c r="DL5" s="498"/>
      <c r="DM5" s="498"/>
      <c r="DN5" s="498"/>
      <c r="DO5" s="498"/>
      <c r="DP5" s="498"/>
      <c r="DQ5" s="498"/>
      <c r="DR5" s="498"/>
      <c r="DS5" s="498"/>
      <c r="DT5" s="498"/>
      <c r="DU5" s="498"/>
      <c r="DV5" s="498"/>
      <c r="DW5" s="498"/>
      <c r="DX5" s="498"/>
      <c r="DY5" s="498"/>
      <c r="DZ5" s="498"/>
      <c r="EA5" s="498"/>
      <c r="EB5" s="498"/>
      <c r="EC5" s="498"/>
      <c r="ED5" s="498"/>
      <c r="EE5" s="498"/>
      <c r="EF5" s="498"/>
      <c r="EG5" s="498"/>
      <c r="EH5" s="498"/>
      <c r="EI5" s="498"/>
      <c r="EJ5" s="498"/>
      <c r="EK5" s="498"/>
      <c r="EL5" s="498"/>
      <c r="EM5" s="498"/>
      <c r="EN5" s="498"/>
      <c r="EO5" s="498"/>
      <c r="EP5" s="498"/>
      <c r="EQ5" s="498"/>
      <c r="ER5" s="498"/>
      <c r="ES5" s="498"/>
      <c r="ET5" s="498"/>
      <c r="EU5" s="498"/>
      <c r="EV5" s="498"/>
      <c r="EW5" s="498"/>
      <c r="EX5" s="498"/>
      <c r="EY5" s="498"/>
      <c r="EZ5" s="498"/>
      <c r="FA5" s="498"/>
      <c r="FB5" s="498"/>
      <c r="FC5" s="498"/>
      <c r="FD5" s="498"/>
      <c r="FE5" s="498"/>
      <c r="FF5" s="498"/>
      <c r="FG5" s="498"/>
      <c r="FH5" s="498"/>
      <c r="FI5" s="498"/>
      <c r="FJ5" s="498"/>
      <c r="FK5" s="499"/>
      <c r="FL5" s="693" t="s">
        <v>67</v>
      </c>
      <c r="FM5" s="694"/>
      <c r="FN5" s="694"/>
      <c r="FO5" s="694"/>
      <c r="FP5" s="694"/>
      <c r="FQ5" s="694"/>
      <c r="FR5" s="694"/>
      <c r="FS5" s="694"/>
      <c r="FT5" s="694"/>
      <c r="FU5" s="694"/>
      <c r="FV5" s="694"/>
      <c r="FW5" s="694"/>
      <c r="FX5" s="694"/>
      <c r="FY5" s="694"/>
      <c r="FZ5" s="694"/>
      <c r="GA5" s="694"/>
      <c r="GB5" s="694"/>
      <c r="GC5" s="694"/>
      <c r="GD5" s="694"/>
      <c r="GE5" s="694"/>
      <c r="GF5" s="694"/>
      <c r="GG5" s="694"/>
      <c r="GH5" s="694"/>
      <c r="GI5" s="694"/>
      <c r="GJ5" s="694"/>
      <c r="GK5" s="694"/>
      <c r="GL5" s="694"/>
      <c r="GM5" s="694"/>
      <c r="GN5" s="694"/>
      <c r="GO5" s="694"/>
      <c r="GP5" s="694"/>
      <c r="GQ5" s="694"/>
      <c r="GR5" s="694"/>
      <c r="GS5" s="694"/>
      <c r="GT5" s="694"/>
      <c r="GU5" s="694"/>
      <c r="GV5" s="694"/>
      <c r="GW5" s="694"/>
      <c r="GX5" s="694"/>
      <c r="GY5" s="694"/>
      <c r="GZ5" s="694"/>
      <c r="HA5" s="694"/>
      <c r="HB5" s="694"/>
      <c r="HC5" s="695"/>
      <c r="HD5" s="696" t="s">
        <v>68</v>
      </c>
      <c r="HE5" s="697"/>
      <c r="HF5" s="697"/>
      <c r="HG5" s="697"/>
      <c r="HH5" s="697"/>
      <c r="HI5" s="697"/>
      <c r="HJ5" s="697"/>
      <c r="HK5" s="697"/>
      <c r="HL5" s="697"/>
      <c r="HM5" s="697"/>
      <c r="HN5" s="698"/>
      <c r="HO5" s="696" t="s">
        <v>69</v>
      </c>
      <c r="HP5" s="697"/>
      <c r="HQ5" s="697"/>
      <c r="HR5" s="697"/>
      <c r="HS5" s="697"/>
      <c r="HT5" s="697"/>
      <c r="HU5" s="697"/>
      <c r="HV5" s="697"/>
      <c r="HW5" s="697"/>
      <c r="HX5" s="697"/>
      <c r="HY5" s="698"/>
      <c r="HZ5" s="637"/>
      <c r="IA5" s="638"/>
      <c r="IB5" s="638"/>
      <c r="IC5" s="638"/>
      <c r="ID5" s="638"/>
      <c r="IE5" s="638"/>
      <c r="IF5" s="638"/>
      <c r="IG5" s="638"/>
      <c r="IH5" s="638"/>
      <c r="II5" s="638"/>
      <c r="IJ5" s="639"/>
      <c r="IK5" s="575" t="s">
        <v>94</v>
      </c>
      <c r="IL5" s="480"/>
      <c r="IM5" s="480"/>
      <c r="IN5" s="480"/>
      <c r="IO5" s="480"/>
      <c r="IP5" s="480"/>
      <c r="IQ5" s="480"/>
      <c r="IR5" s="480"/>
      <c r="IS5" s="480"/>
      <c r="IT5" s="480"/>
      <c r="IU5" s="481"/>
      <c r="IV5" s="575" t="s">
        <v>88</v>
      </c>
      <c r="IW5" s="480"/>
      <c r="IX5" s="480"/>
      <c r="IY5" s="480"/>
      <c r="IZ5" s="480"/>
      <c r="JA5" s="480"/>
      <c r="JB5" s="480"/>
      <c r="JC5" s="480"/>
      <c r="JD5" s="480"/>
      <c r="JE5" s="480"/>
      <c r="JF5" s="481"/>
      <c r="JG5" s="640" t="s">
        <v>142</v>
      </c>
      <c r="JH5" s="641"/>
      <c r="JI5" s="641"/>
      <c r="JJ5" s="641"/>
      <c r="JK5" s="641"/>
      <c r="JL5" s="641"/>
      <c r="JM5" s="641"/>
      <c r="JN5" s="641"/>
      <c r="JO5" s="641"/>
      <c r="JP5" s="641"/>
      <c r="JQ5" s="642"/>
      <c r="JR5" s="575" t="s">
        <v>90</v>
      </c>
      <c r="JS5" s="480"/>
      <c r="JT5" s="480"/>
      <c r="JU5" s="480"/>
      <c r="JV5" s="480"/>
      <c r="JW5" s="480"/>
      <c r="JX5" s="480"/>
      <c r="JY5" s="480"/>
      <c r="JZ5" s="480"/>
      <c r="KA5" s="480"/>
      <c r="KB5" s="481"/>
      <c r="KC5" s="575" t="s">
        <v>89</v>
      </c>
      <c r="KD5" s="480"/>
      <c r="KE5" s="480"/>
      <c r="KF5" s="480"/>
      <c r="KG5" s="480"/>
      <c r="KH5" s="480"/>
      <c r="KI5" s="480"/>
      <c r="KJ5" s="480"/>
      <c r="KK5" s="480"/>
      <c r="KL5" s="480"/>
      <c r="KM5" s="481"/>
      <c r="KN5" s="575" t="s">
        <v>91</v>
      </c>
      <c r="KO5" s="480"/>
      <c r="KP5" s="480"/>
      <c r="KQ5" s="480"/>
      <c r="KR5" s="480"/>
      <c r="KS5" s="480"/>
      <c r="KT5" s="480"/>
      <c r="KU5" s="480"/>
      <c r="KV5" s="480"/>
      <c r="KW5" s="480"/>
      <c r="KX5" s="481"/>
      <c r="KY5" s="575" t="s">
        <v>92</v>
      </c>
      <c r="KZ5" s="480"/>
      <c r="LA5" s="480"/>
      <c r="LB5" s="480"/>
      <c r="LC5" s="480"/>
      <c r="LD5" s="480"/>
      <c r="LE5" s="480"/>
      <c r="LF5" s="480"/>
      <c r="LG5" s="480"/>
      <c r="LH5" s="480"/>
      <c r="LI5" s="481"/>
      <c r="LJ5" s="646" t="s">
        <v>93</v>
      </c>
      <c r="LK5" s="647"/>
      <c r="LL5" s="647"/>
      <c r="LM5" s="647"/>
      <c r="LN5" s="647"/>
      <c r="LO5" s="647"/>
      <c r="LP5" s="647"/>
      <c r="LQ5" s="647"/>
      <c r="LR5" s="647"/>
      <c r="LS5" s="647"/>
      <c r="LT5" s="648"/>
      <c r="LU5" s="649" t="s">
        <v>143</v>
      </c>
      <c r="LV5" s="650"/>
      <c r="LW5" s="650"/>
      <c r="LX5" s="650"/>
      <c r="LY5" s="650"/>
      <c r="LZ5" s="650"/>
      <c r="MA5" s="650"/>
      <c r="MB5" s="650"/>
      <c r="MC5" s="650"/>
      <c r="MD5" s="650"/>
      <c r="ME5" s="651"/>
      <c r="MF5" s="637"/>
      <c r="MG5" s="638"/>
      <c r="MH5" s="638"/>
      <c r="MI5" s="638"/>
      <c r="MJ5" s="638"/>
      <c r="MK5" s="638"/>
      <c r="ML5" s="638"/>
      <c r="MM5" s="638"/>
      <c r="MN5" s="638"/>
      <c r="MO5" s="638"/>
      <c r="MP5" s="639"/>
      <c r="MQ5" s="575" t="s">
        <v>57</v>
      </c>
      <c r="MR5" s="480"/>
      <c r="MS5" s="480"/>
      <c r="MT5" s="480"/>
      <c r="MU5" s="480"/>
      <c r="MV5" s="480"/>
      <c r="MW5" s="480"/>
      <c r="MX5" s="480"/>
      <c r="MY5" s="480"/>
      <c r="MZ5" s="480"/>
      <c r="NA5" s="481"/>
      <c r="NB5" s="575" t="s">
        <v>58</v>
      </c>
      <c r="NC5" s="480"/>
      <c r="ND5" s="480"/>
      <c r="NE5" s="480"/>
      <c r="NF5" s="480"/>
      <c r="NG5" s="480"/>
      <c r="NH5" s="480"/>
      <c r="NI5" s="480"/>
      <c r="NJ5" s="480"/>
      <c r="NK5" s="480"/>
      <c r="NL5" s="481"/>
      <c r="NM5" s="575" t="s">
        <v>59</v>
      </c>
      <c r="NN5" s="480"/>
      <c r="NO5" s="480"/>
      <c r="NP5" s="480"/>
      <c r="NQ5" s="480"/>
      <c r="NR5" s="480"/>
      <c r="NS5" s="480"/>
      <c r="NT5" s="480"/>
      <c r="NU5" s="480"/>
      <c r="NV5" s="480"/>
      <c r="NW5" s="481"/>
      <c r="NX5" s="627" t="s">
        <v>149</v>
      </c>
      <c r="NY5" s="628"/>
      <c r="NZ5" s="628"/>
      <c r="OA5" s="628"/>
      <c r="OB5" s="628"/>
      <c r="OC5" s="628"/>
      <c r="OD5" s="628"/>
      <c r="OE5" s="628"/>
      <c r="OF5" s="628"/>
      <c r="OG5" s="628"/>
      <c r="OH5" s="629"/>
      <c r="OI5" s="634"/>
      <c r="OJ5" s="635"/>
      <c r="OK5" s="635"/>
      <c r="OL5" s="635"/>
      <c r="OM5" s="635"/>
      <c r="ON5" s="635"/>
      <c r="OO5" s="635"/>
      <c r="OP5" s="635"/>
      <c r="OQ5" s="635"/>
      <c r="OR5" s="635"/>
      <c r="OS5" s="636"/>
    </row>
    <row r="6" spans="2:409" ht="21" customHeight="1" thickBot="1" x14ac:dyDescent="0.25">
      <c r="B6" s="686"/>
      <c r="C6" s="690"/>
      <c r="D6" s="690"/>
      <c r="E6" s="690"/>
      <c r="F6" s="690"/>
      <c r="G6" s="690"/>
      <c r="H6" s="690"/>
      <c r="I6" s="690"/>
      <c r="J6" s="690"/>
      <c r="K6" s="690"/>
      <c r="L6" s="690"/>
      <c r="M6" s="690"/>
      <c r="N6" s="489"/>
      <c r="O6" s="490"/>
      <c r="P6" s="490"/>
      <c r="Q6" s="490"/>
      <c r="R6" s="490"/>
      <c r="S6" s="490"/>
      <c r="T6" s="490"/>
      <c r="U6" s="490"/>
      <c r="V6" s="490"/>
      <c r="W6" s="490"/>
      <c r="X6" s="491"/>
      <c r="Y6" s="678" t="s">
        <v>70</v>
      </c>
      <c r="Z6" s="493"/>
      <c r="AA6" s="493"/>
      <c r="AB6" s="493"/>
      <c r="AC6" s="493"/>
      <c r="AD6" s="493"/>
      <c r="AE6" s="493"/>
      <c r="AF6" s="493"/>
      <c r="AG6" s="493"/>
      <c r="AH6" s="493"/>
      <c r="AI6" s="494"/>
      <c r="AJ6" s="673" t="s">
        <v>71</v>
      </c>
      <c r="AK6" s="674"/>
      <c r="AL6" s="674"/>
      <c r="AM6" s="674"/>
      <c r="AN6" s="674"/>
      <c r="AO6" s="674"/>
      <c r="AP6" s="674"/>
      <c r="AQ6" s="674"/>
      <c r="AR6" s="674"/>
      <c r="AS6" s="674"/>
      <c r="AT6" s="675"/>
      <c r="AU6" s="673" t="s">
        <v>72</v>
      </c>
      <c r="AV6" s="674"/>
      <c r="AW6" s="674"/>
      <c r="AX6" s="674"/>
      <c r="AY6" s="674"/>
      <c r="AZ6" s="674"/>
      <c r="BA6" s="674"/>
      <c r="BB6" s="674"/>
      <c r="BC6" s="674"/>
      <c r="BD6" s="674"/>
      <c r="BE6" s="675"/>
      <c r="BF6" s="673" t="s">
        <v>73</v>
      </c>
      <c r="BG6" s="674"/>
      <c r="BH6" s="674"/>
      <c r="BI6" s="674"/>
      <c r="BJ6" s="674"/>
      <c r="BK6" s="674"/>
      <c r="BL6" s="674"/>
      <c r="BM6" s="674"/>
      <c r="BN6" s="674"/>
      <c r="BO6" s="674"/>
      <c r="BP6" s="675"/>
      <c r="BQ6" s="673" t="s">
        <v>74</v>
      </c>
      <c r="BR6" s="674"/>
      <c r="BS6" s="674"/>
      <c r="BT6" s="674"/>
      <c r="BU6" s="674"/>
      <c r="BV6" s="674"/>
      <c r="BW6" s="674"/>
      <c r="BX6" s="674"/>
      <c r="BY6" s="674"/>
      <c r="BZ6" s="674"/>
      <c r="CA6" s="675"/>
      <c r="CB6" s="676"/>
      <c r="CC6" s="677"/>
      <c r="CD6" s="677"/>
      <c r="CE6" s="677"/>
      <c r="CF6" s="677"/>
      <c r="CG6" s="677"/>
      <c r="CH6" s="677"/>
      <c r="CI6" s="677"/>
      <c r="CJ6" s="677"/>
      <c r="CK6" s="677"/>
      <c r="CL6" s="702"/>
      <c r="CM6" s="673" t="s">
        <v>75</v>
      </c>
      <c r="CN6" s="674"/>
      <c r="CO6" s="674"/>
      <c r="CP6" s="674"/>
      <c r="CQ6" s="674"/>
      <c r="CR6" s="674"/>
      <c r="CS6" s="674"/>
      <c r="CT6" s="674"/>
      <c r="CU6" s="674"/>
      <c r="CV6" s="674"/>
      <c r="CW6" s="675"/>
      <c r="CX6" s="673" t="s">
        <v>76</v>
      </c>
      <c r="CY6" s="674"/>
      <c r="CZ6" s="674"/>
      <c r="DA6" s="674"/>
      <c r="DB6" s="674"/>
      <c r="DC6" s="674"/>
      <c r="DD6" s="674"/>
      <c r="DE6" s="674"/>
      <c r="DF6" s="674"/>
      <c r="DG6" s="674"/>
      <c r="DH6" s="675"/>
      <c r="DI6" s="676"/>
      <c r="DJ6" s="677"/>
      <c r="DK6" s="677"/>
      <c r="DL6" s="677"/>
      <c r="DM6" s="677"/>
      <c r="DN6" s="677"/>
      <c r="DO6" s="677"/>
      <c r="DP6" s="677"/>
      <c r="DQ6" s="677"/>
      <c r="DR6" s="677"/>
      <c r="DS6" s="677"/>
      <c r="DT6" s="673" t="s">
        <v>77</v>
      </c>
      <c r="DU6" s="674"/>
      <c r="DV6" s="674"/>
      <c r="DW6" s="674"/>
      <c r="DX6" s="674"/>
      <c r="DY6" s="674"/>
      <c r="DZ6" s="674"/>
      <c r="EA6" s="674"/>
      <c r="EB6" s="674"/>
      <c r="EC6" s="674"/>
      <c r="ED6" s="675"/>
      <c r="EE6" s="673" t="s">
        <v>78</v>
      </c>
      <c r="EF6" s="674"/>
      <c r="EG6" s="674"/>
      <c r="EH6" s="674"/>
      <c r="EI6" s="674"/>
      <c r="EJ6" s="674"/>
      <c r="EK6" s="674"/>
      <c r="EL6" s="674"/>
      <c r="EM6" s="674"/>
      <c r="EN6" s="674"/>
      <c r="EO6" s="675"/>
      <c r="EP6" s="673" t="s">
        <v>79</v>
      </c>
      <c r="EQ6" s="674"/>
      <c r="ER6" s="674"/>
      <c r="ES6" s="674"/>
      <c r="ET6" s="674"/>
      <c r="EU6" s="674"/>
      <c r="EV6" s="674"/>
      <c r="EW6" s="674"/>
      <c r="EX6" s="674"/>
      <c r="EY6" s="674"/>
      <c r="EZ6" s="675"/>
      <c r="FA6" s="595" t="s">
        <v>150</v>
      </c>
      <c r="FB6" s="674"/>
      <c r="FC6" s="674"/>
      <c r="FD6" s="674"/>
      <c r="FE6" s="674"/>
      <c r="FF6" s="674"/>
      <c r="FG6" s="674"/>
      <c r="FH6" s="674"/>
      <c r="FI6" s="674"/>
      <c r="FJ6" s="674"/>
      <c r="FK6" s="675"/>
      <c r="FL6" s="676"/>
      <c r="FM6" s="677"/>
      <c r="FN6" s="677"/>
      <c r="FO6" s="677"/>
      <c r="FP6" s="677"/>
      <c r="FQ6" s="677"/>
      <c r="FR6" s="677"/>
      <c r="FS6" s="677"/>
      <c r="FT6" s="677"/>
      <c r="FU6" s="677"/>
      <c r="FV6" s="677"/>
      <c r="FW6" s="673" t="s">
        <v>80</v>
      </c>
      <c r="FX6" s="674"/>
      <c r="FY6" s="674"/>
      <c r="FZ6" s="674"/>
      <c r="GA6" s="674"/>
      <c r="GB6" s="674"/>
      <c r="GC6" s="674"/>
      <c r="GD6" s="674"/>
      <c r="GE6" s="674"/>
      <c r="GF6" s="674"/>
      <c r="GG6" s="675"/>
      <c r="GH6" s="678" t="s">
        <v>81</v>
      </c>
      <c r="GI6" s="493"/>
      <c r="GJ6" s="493"/>
      <c r="GK6" s="493"/>
      <c r="GL6" s="493"/>
      <c r="GM6" s="493"/>
      <c r="GN6" s="493"/>
      <c r="GO6" s="493"/>
      <c r="GP6" s="493"/>
      <c r="GQ6" s="493"/>
      <c r="GR6" s="494"/>
      <c r="GS6" s="678" t="s">
        <v>82</v>
      </c>
      <c r="GT6" s="493"/>
      <c r="GU6" s="493"/>
      <c r="GV6" s="493"/>
      <c r="GW6" s="493"/>
      <c r="GX6" s="493"/>
      <c r="GY6" s="493"/>
      <c r="GZ6" s="493"/>
      <c r="HA6" s="493"/>
      <c r="HB6" s="493"/>
      <c r="HC6" s="494"/>
      <c r="HD6" s="699"/>
      <c r="HE6" s="700"/>
      <c r="HF6" s="700"/>
      <c r="HG6" s="700"/>
      <c r="HH6" s="700"/>
      <c r="HI6" s="700"/>
      <c r="HJ6" s="700"/>
      <c r="HK6" s="700"/>
      <c r="HL6" s="700"/>
      <c r="HM6" s="700"/>
      <c r="HN6" s="701"/>
      <c r="HO6" s="699"/>
      <c r="HP6" s="700"/>
      <c r="HQ6" s="700"/>
      <c r="HR6" s="700"/>
      <c r="HS6" s="700"/>
      <c r="HT6" s="700"/>
      <c r="HU6" s="700"/>
      <c r="HV6" s="700"/>
      <c r="HW6" s="700"/>
      <c r="HX6" s="700"/>
      <c r="HY6" s="701"/>
      <c r="HZ6" s="589"/>
      <c r="IA6" s="590"/>
      <c r="IB6" s="590"/>
      <c r="IC6" s="590"/>
      <c r="ID6" s="590"/>
      <c r="IE6" s="590"/>
      <c r="IF6" s="590"/>
      <c r="IG6" s="590"/>
      <c r="IH6" s="590"/>
      <c r="II6" s="590"/>
      <c r="IJ6" s="591"/>
      <c r="IK6" s="576"/>
      <c r="IL6" s="569"/>
      <c r="IM6" s="569"/>
      <c r="IN6" s="569"/>
      <c r="IO6" s="569"/>
      <c r="IP6" s="569"/>
      <c r="IQ6" s="569"/>
      <c r="IR6" s="569"/>
      <c r="IS6" s="569"/>
      <c r="IT6" s="569"/>
      <c r="IU6" s="577"/>
      <c r="IV6" s="576"/>
      <c r="IW6" s="569"/>
      <c r="IX6" s="569"/>
      <c r="IY6" s="569"/>
      <c r="IZ6" s="569"/>
      <c r="JA6" s="569"/>
      <c r="JB6" s="569"/>
      <c r="JC6" s="569"/>
      <c r="JD6" s="569"/>
      <c r="JE6" s="569"/>
      <c r="JF6" s="577"/>
      <c r="JG6" s="643"/>
      <c r="JH6" s="644"/>
      <c r="JI6" s="644"/>
      <c r="JJ6" s="644"/>
      <c r="JK6" s="644"/>
      <c r="JL6" s="644"/>
      <c r="JM6" s="644"/>
      <c r="JN6" s="644"/>
      <c r="JO6" s="644"/>
      <c r="JP6" s="644"/>
      <c r="JQ6" s="645"/>
      <c r="JR6" s="576"/>
      <c r="JS6" s="569"/>
      <c r="JT6" s="569"/>
      <c r="JU6" s="569"/>
      <c r="JV6" s="569"/>
      <c r="JW6" s="569"/>
      <c r="JX6" s="569"/>
      <c r="JY6" s="569"/>
      <c r="JZ6" s="569"/>
      <c r="KA6" s="569"/>
      <c r="KB6" s="577"/>
      <c r="KC6" s="576"/>
      <c r="KD6" s="569"/>
      <c r="KE6" s="569"/>
      <c r="KF6" s="569"/>
      <c r="KG6" s="569"/>
      <c r="KH6" s="569"/>
      <c r="KI6" s="569"/>
      <c r="KJ6" s="569"/>
      <c r="KK6" s="569"/>
      <c r="KL6" s="569"/>
      <c r="KM6" s="577"/>
      <c r="KN6" s="576"/>
      <c r="KO6" s="569"/>
      <c r="KP6" s="569"/>
      <c r="KQ6" s="569"/>
      <c r="KR6" s="569"/>
      <c r="KS6" s="569"/>
      <c r="KT6" s="569"/>
      <c r="KU6" s="569"/>
      <c r="KV6" s="569"/>
      <c r="KW6" s="569"/>
      <c r="KX6" s="577"/>
      <c r="KY6" s="576"/>
      <c r="KZ6" s="569"/>
      <c r="LA6" s="569"/>
      <c r="LB6" s="569"/>
      <c r="LC6" s="569"/>
      <c r="LD6" s="569"/>
      <c r="LE6" s="569"/>
      <c r="LF6" s="569"/>
      <c r="LG6" s="569"/>
      <c r="LH6" s="569"/>
      <c r="LI6" s="577"/>
      <c r="LJ6" s="589"/>
      <c r="LK6" s="590"/>
      <c r="LL6" s="590"/>
      <c r="LM6" s="590"/>
      <c r="LN6" s="590"/>
      <c r="LO6" s="590"/>
      <c r="LP6" s="590"/>
      <c r="LQ6" s="590"/>
      <c r="LR6" s="590"/>
      <c r="LS6" s="590"/>
      <c r="LT6" s="591"/>
      <c r="LU6" s="652"/>
      <c r="LV6" s="653"/>
      <c r="LW6" s="653"/>
      <c r="LX6" s="653"/>
      <c r="LY6" s="653"/>
      <c r="LZ6" s="653"/>
      <c r="MA6" s="653"/>
      <c r="MB6" s="653"/>
      <c r="MC6" s="653"/>
      <c r="MD6" s="653"/>
      <c r="ME6" s="654"/>
      <c r="MF6" s="589"/>
      <c r="MG6" s="590"/>
      <c r="MH6" s="590"/>
      <c r="MI6" s="590"/>
      <c r="MJ6" s="590"/>
      <c r="MK6" s="590"/>
      <c r="ML6" s="590"/>
      <c r="MM6" s="590"/>
      <c r="MN6" s="590"/>
      <c r="MO6" s="590"/>
      <c r="MP6" s="591"/>
      <c r="MQ6" s="576"/>
      <c r="MR6" s="569"/>
      <c r="MS6" s="569"/>
      <c r="MT6" s="569"/>
      <c r="MU6" s="569"/>
      <c r="MV6" s="569"/>
      <c r="MW6" s="569"/>
      <c r="MX6" s="569"/>
      <c r="MY6" s="569"/>
      <c r="MZ6" s="569"/>
      <c r="NA6" s="577"/>
      <c r="NB6" s="576"/>
      <c r="NC6" s="569"/>
      <c r="ND6" s="569"/>
      <c r="NE6" s="569"/>
      <c r="NF6" s="569"/>
      <c r="NG6" s="569"/>
      <c r="NH6" s="569"/>
      <c r="NI6" s="569"/>
      <c r="NJ6" s="569"/>
      <c r="NK6" s="569"/>
      <c r="NL6" s="577"/>
      <c r="NM6" s="576"/>
      <c r="NN6" s="569"/>
      <c r="NO6" s="569"/>
      <c r="NP6" s="569"/>
      <c r="NQ6" s="569"/>
      <c r="NR6" s="569"/>
      <c r="NS6" s="569"/>
      <c r="NT6" s="569"/>
      <c r="NU6" s="569"/>
      <c r="NV6" s="569"/>
      <c r="NW6" s="577"/>
      <c r="NX6" s="630"/>
      <c r="NY6" s="631"/>
      <c r="NZ6" s="631"/>
      <c r="OA6" s="631"/>
      <c r="OB6" s="631"/>
      <c r="OC6" s="631"/>
      <c r="OD6" s="631"/>
      <c r="OE6" s="631"/>
      <c r="OF6" s="631"/>
      <c r="OG6" s="631"/>
      <c r="OH6" s="632"/>
      <c r="OI6" s="576"/>
      <c r="OJ6" s="569"/>
      <c r="OK6" s="569"/>
      <c r="OL6" s="569"/>
      <c r="OM6" s="569"/>
      <c r="ON6" s="569"/>
      <c r="OO6" s="569"/>
      <c r="OP6" s="569"/>
      <c r="OQ6" s="569"/>
      <c r="OR6" s="569"/>
      <c r="OS6" s="577"/>
    </row>
    <row r="7" spans="2:409" ht="21" customHeight="1" x14ac:dyDescent="0.2">
      <c r="B7" s="686"/>
      <c r="C7" s="671" t="s">
        <v>61</v>
      </c>
      <c r="D7" s="671"/>
      <c r="E7" s="671"/>
      <c r="F7" s="683" t="s">
        <v>62</v>
      </c>
      <c r="G7" s="671"/>
      <c r="H7" s="671"/>
      <c r="I7" s="671"/>
      <c r="J7" s="671"/>
      <c r="K7" s="671"/>
      <c r="L7" s="671"/>
      <c r="M7" s="683" t="s">
        <v>52</v>
      </c>
      <c r="N7" s="682" t="s">
        <v>61</v>
      </c>
      <c r="O7" s="671"/>
      <c r="P7" s="671"/>
      <c r="Q7" s="683" t="s">
        <v>62</v>
      </c>
      <c r="R7" s="671"/>
      <c r="S7" s="671"/>
      <c r="T7" s="671"/>
      <c r="U7" s="671"/>
      <c r="V7" s="671"/>
      <c r="W7" s="684"/>
      <c r="X7" s="679" t="s">
        <v>52</v>
      </c>
      <c r="Y7" s="489" t="s">
        <v>61</v>
      </c>
      <c r="Z7" s="490"/>
      <c r="AA7" s="665"/>
      <c r="AB7" s="664" t="s">
        <v>62</v>
      </c>
      <c r="AC7" s="490"/>
      <c r="AD7" s="490"/>
      <c r="AE7" s="490"/>
      <c r="AF7" s="490"/>
      <c r="AG7" s="490"/>
      <c r="AH7" s="665"/>
      <c r="AI7" s="491" t="s">
        <v>52</v>
      </c>
      <c r="AJ7" s="659" t="s">
        <v>61</v>
      </c>
      <c r="AK7" s="660"/>
      <c r="AL7" s="661"/>
      <c r="AM7" s="662" t="s">
        <v>62</v>
      </c>
      <c r="AN7" s="660"/>
      <c r="AO7" s="660"/>
      <c r="AP7" s="660"/>
      <c r="AQ7" s="660"/>
      <c r="AR7" s="660"/>
      <c r="AS7" s="663"/>
      <c r="AT7" s="491" t="s">
        <v>52</v>
      </c>
      <c r="AU7" s="659" t="s">
        <v>61</v>
      </c>
      <c r="AV7" s="660"/>
      <c r="AW7" s="661"/>
      <c r="AX7" s="662" t="s">
        <v>62</v>
      </c>
      <c r="AY7" s="660"/>
      <c r="AZ7" s="660"/>
      <c r="BA7" s="660"/>
      <c r="BB7" s="660"/>
      <c r="BC7" s="660"/>
      <c r="BD7" s="663"/>
      <c r="BE7" s="491" t="s">
        <v>52</v>
      </c>
      <c r="BF7" s="659" t="s">
        <v>61</v>
      </c>
      <c r="BG7" s="660"/>
      <c r="BH7" s="661"/>
      <c r="BI7" s="662" t="s">
        <v>62</v>
      </c>
      <c r="BJ7" s="660"/>
      <c r="BK7" s="660"/>
      <c r="BL7" s="660"/>
      <c r="BM7" s="660"/>
      <c r="BN7" s="660"/>
      <c r="BO7" s="663"/>
      <c r="BP7" s="491" t="s">
        <v>52</v>
      </c>
      <c r="BQ7" s="659" t="s">
        <v>61</v>
      </c>
      <c r="BR7" s="660"/>
      <c r="BS7" s="661"/>
      <c r="BT7" s="662" t="s">
        <v>62</v>
      </c>
      <c r="BU7" s="660"/>
      <c r="BV7" s="660"/>
      <c r="BW7" s="660"/>
      <c r="BX7" s="660"/>
      <c r="BY7" s="660"/>
      <c r="BZ7" s="663"/>
      <c r="CA7" s="491" t="s">
        <v>52</v>
      </c>
      <c r="CB7" s="666" t="s">
        <v>61</v>
      </c>
      <c r="CC7" s="667"/>
      <c r="CD7" s="668"/>
      <c r="CE7" s="669" t="s">
        <v>62</v>
      </c>
      <c r="CF7" s="667"/>
      <c r="CG7" s="667"/>
      <c r="CH7" s="667"/>
      <c r="CI7" s="667"/>
      <c r="CJ7" s="667"/>
      <c r="CK7" s="670"/>
      <c r="CL7" s="679" t="s">
        <v>52</v>
      </c>
      <c r="CM7" s="659" t="s">
        <v>61</v>
      </c>
      <c r="CN7" s="660"/>
      <c r="CO7" s="663"/>
      <c r="CP7" s="662" t="s">
        <v>62</v>
      </c>
      <c r="CQ7" s="660"/>
      <c r="CR7" s="660"/>
      <c r="CS7" s="660"/>
      <c r="CT7" s="660"/>
      <c r="CU7" s="660"/>
      <c r="CV7" s="663"/>
      <c r="CW7" s="681" t="s">
        <v>52</v>
      </c>
      <c r="CX7" s="659" t="s">
        <v>61</v>
      </c>
      <c r="CY7" s="660"/>
      <c r="CZ7" s="663"/>
      <c r="DA7" s="662" t="s">
        <v>62</v>
      </c>
      <c r="DB7" s="660"/>
      <c r="DC7" s="660"/>
      <c r="DD7" s="660"/>
      <c r="DE7" s="660"/>
      <c r="DF7" s="660"/>
      <c r="DG7" s="663"/>
      <c r="DH7" s="681" t="s">
        <v>52</v>
      </c>
      <c r="DI7" s="666" t="s">
        <v>61</v>
      </c>
      <c r="DJ7" s="667"/>
      <c r="DK7" s="670"/>
      <c r="DL7" s="669" t="s">
        <v>62</v>
      </c>
      <c r="DM7" s="667"/>
      <c r="DN7" s="667"/>
      <c r="DO7" s="667"/>
      <c r="DP7" s="667"/>
      <c r="DQ7" s="667"/>
      <c r="DR7" s="670"/>
      <c r="DS7" s="679" t="s">
        <v>52</v>
      </c>
      <c r="DT7" s="659" t="s">
        <v>61</v>
      </c>
      <c r="DU7" s="660"/>
      <c r="DV7" s="661"/>
      <c r="DW7" s="662" t="s">
        <v>62</v>
      </c>
      <c r="DX7" s="660"/>
      <c r="DY7" s="660"/>
      <c r="DZ7" s="660"/>
      <c r="EA7" s="660"/>
      <c r="EB7" s="660"/>
      <c r="EC7" s="663"/>
      <c r="ED7" s="491" t="s">
        <v>52</v>
      </c>
      <c r="EE7" s="659" t="s">
        <v>61</v>
      </c>
      <c r="EF7" s="660"/>
      <c r="EG7" s="661"/>
      <c r="EH7" s="662" t="s">
        <v>62</v>
      </c>
      <c r="EI7" s="660"/>
      <c r="EJ7" s="660"/>
      <c r="EK7" s="660"/>
      <c r="EL7" s="660"/>
      <c r="EM7" s="660"/>
      <c r="EN7" s="663"/>
      <c r="EO7" s="491" t="s">
        <v>52</v>
      </c>
      <c r="EP7" s="659" t="s">
        <v>61</v>
      </c>
      <c r="EQ7" s="660"/>
      <c r="ER7" s="661"/>
      <c r="ES7" s="662" t="s">
        <v>62</v>
      </c>
      <c r="ET7" s="660"/>
      <c r="EU7" s="660"/>
      <c r="EV7" s="660"/>
      <c r="EW7" s="660"/>
      <c r="EX7" s="660"/>
      <c r="EY7" s="663"/>
      <c r="EZ7" s="491" t="s">
        <v>52</v>
      </c>
      <c r="FA7" s="659" t="s">
        <v>61</v>
      </c>
      <c r="FB7" s="660"/>
      <c r="FC7" s="661"/>
      <c r="FD7" s="662" t="s">
        <v>62</v>
      </c>
      <c r="FE7" s="660"/>
      <c r="FF7" s="660"/>
      <c r="FG7" s="660"/>
      <c r="FH7" s="660"/>
      <c r="FI7" s="660"/>
      <c r="FJ7" s="663"/>
      <c r="FK7" s="491" t="s">
        <v>52</v>
      </c>
      <c r="FL7" s="666" t="s">
        <v>61</v>
      </c>
      <c r="FM7" s="667"/>
      <c r="FN7" s="668"/>
      <c r="FO7" s="669" t="s">
        <v>62</v>
      </c>
      <c r="FP7" s="667"/>
      <c r="FQ7" s="667"/>
      <c r="FR7" s="667"/>
      <c r="FS7" s="667"/>
      <c r="FT7" s="667"/>
      <c r="FU7" s="670"/>
      <c r="FV7" s="671" t="s">
        <v>52</v>
      </c>
      <c r="FW7" s="659" t="s">
        <v>61</v>
      </c>
      <c r="FX7" s="660"/>
      <c r="FY7" s="661"/>
      <c r="FZ7" s="662" t="s">
        <v>62</v>
      </c>
      <c r="GA7" s="660"/>
      <c r="GB7" s="660"/>
      <c r="GC7" s="660"/>
      <c r="GD7" s="660"/>
      <c r="GE7" s="660"/>
      <c r="GF7" s="663"/>
      <c r="GG7" s="491" t="s">
        <v>52</v>
      </c>
      <c r="GH7" s="489" t="s">
        <v>61</v>
      </c>
      <c r="GI7" s="490"/>
      <c r="GJ7" s="490"/>
      <c r="GK7" s="664" t="s">
        <v>62</v>
      </c>
      <c r="GL7" s="490"/>
      <c r="GM7" s="490"/>
      <c r="GN7" s="490"/>
      <c r="GO7" s="490"/>
      <c r="GP7" s="490"/>
      <c r="GQ7" s="665"/>
      <c r="GR7" s="657" t="s">
        <v>52</v>
      </c>
      <c r="GS7" s="489" t="s">
        <v>61</v>
      </c>
      <c r="GT7" s="490"/>
      <c r="GU7" s="665"/>
      <c r="GV7" s="664" t="s">
        <v>62</v>
      </c>
      <c r="GW7" s="490"/>
      <c r="GX7" s="490"/>
      <c r="GY7" s="490"/>
      <c r="GZ7" s="490"/>
      <c r="HA7" s="490"/>
      <c r="HB7" s="665"/>
      <c r="HC7" s="657" t="s">
        <v>52</v>
      </c>
      <c r="HD7" s="659" t="s">
        <v>61</v>
      </c>
      <c r="HE7" s="660"/>
      <c r="HF7" s="661"/>
      <c r="HG7" s="662" t="s">
        <v>62</v>
      </c>
      <c r="HH7" s="660"/>
      <c r="HI7" s="660"/>
      <c r="HJ7" s="660"/>
      <c r="HK7" s="660"/>
      <c r="HL7" s="660"/>
      <c r="HM7" s="663"/>
      <c r="HN7" s="491" t="s">
        <v>52</v>
      </c>
      <c r="HO7" s="659" t="s">
        <v>61</v>
      </c>
      <c r="HP7" s="660"/>
      <c r="HQ7" s="661"/>
      <c r="HR7" s="662" t="s">
        <v>62</v>
      </c>
      <c r="HS7" s="660"/>
      <c r="HT7" s="660"/>
      <c r="HU7" s="660"/>
      <c r="HV7" s="660"/>
      <c r="HW7" s="660"/>
      <c r="HX7" s="663"/>
      <c r="HY7" s="491" t="s">
        <v>52</v>
      </c>
      <c r="HZ7" s="557" t="s">
        <v>61</v>
      </c>
      <c r="IA7" s="558"/>
      <c r="IB7" s="559"/>
      <c r="IC7" s="618" t="s">
        <v>62</v>
      </c>
      <c r="ID7" s="558"/>
      <c r="IE7" s="558"/>
      <c r="IF7" s="558"/>
      <c r="IG7" s="558"/>
      <c r="IH7" s="558"/>
      <c r="II7" s="619"/>
      <c r="IJ7" s="561" t="s">
        <v>52</v>
      </c>
      <c r="IK7" s="565" t="s">
        <v>61</v>
      </c>
      <c r="IL7" s="566"/>
      <c r="IM7" s="567"/>
      <c r="IN7" s="600" t="s">
        <v>62</v>
      </c>
      <c r="IO7" s="566"/>
      <c r="IP7" s="566"/>
      <c r="IQ7" s="566"/>
      <c r="IR7" s="566"/>
      <c r="IS7" s="566"/>
      <c r="IT7" s="601"/>
      <c r="IU7" s="577" t="s">
        <v>52</v>
      </c>
      <c r="IV7" s="565" t="s">
        <v>61</v>
      </c>
      <c r="IW7" s="566"/>
      <c r="IX7" s="601"/>
      <c r="IY7" s="600" t="s">
        <v>62</v>
      </c>
      <c r="IZ7" s="566"/>
      <c r="JA7" s="566"/>
      <c r="JB7" s="566"/>
      <c r="JC7" s="566"/>
      <c r="JD7" s="566"/>
      <c r="JE7" s="601"/>
      <c r="JF7" s="577" t="s">
        <v>52</v>
      </c>
      <c r="JG7" s="565" t="s">
        <v>61</v>
      </c>
      <c r="JH7" s="566"/>
      <c r="JI7" s="567"/>
      <c r="JJ7" s="600" t="s">
        <v>62</v>
      </c>
      <c r="JK7" s="566"/>
      <c r="JL7" s="566"/>
      <c r="JM7" s="566"/>
      <c r="JN7" s="566"/>
      <c r="JO7" s="566"/>
      <c r="JP7" s="601"/>
      <c r="JQ7" s="624" t="s">
        <v>52</v>
      </c>
      <c r="JR7" s="565" t="s">
        <v>61</v>
      </c>
      <c r="JS7" s="566"/>
      <c r="JT7" s="567"/>
      <c r="JU7" s="600" t="s">
        <v>62</v>
      </c>
      <c r="JV7" s="566"/>
      <c r="JW7" s="566"/>
      <c r="JX7" s="566"/>
      <c r="JY7" s="566"/>
      <c r="JZ7" s="566"/>
      <c r="KA7" s="601"/>
      <c r="KB7" s="624" t="s">
        <v>52</v>
      </c>
      <c r="KC7" s="565" t="s">
        <v>61</v>
      </c>
      <c r="KD7" s="566"/>
      <c r="KE7" s="567"/>
      <c r="KF7" s="600" t="s">
        <v>62</v>
      </c>
      <c r="KG7" s="566"/>
      <c r="KH7" s="566"/>
      <c r="KI7" s="566"/>
      <c r="KJ7" s="566"/>
      <c r="KK7" s="566"/>
      <c r="KL7" s="601"/>
      <c r="KM7" s="624" t="s">
        <v>52</v>
      </c>
      <c r="KN7" s="565" t="s">
        <v>61</v>
      </c>
      <c r="KO7" s="566"/>
      <c r="KP7" s="567"/>
      <c r="KQ7" s="600" t="s">
        <v>62</v>
      </c>
      <c r="KR7" s="566"/>
      <c r="KS7" s="566"/>
      <c r="KT7" s="566"/>
      <c r="KU7" s="566"/>
      <c r="KV7" s="566"/>
      <c r="KW7" s="601"/>
      <c r="KX7" s="624" t="s">
        <v>52</v>
      </c>
      <c r="KY7" s="565" t="s">
        <v>61</v>
      </c>
      <c r="KZ7" s="566"/>
      <c r="LA7" s="567"/>
      <c r="LB7" s="600" t="s">
        <v>62</v>
      </c>
      <c r="LC7" s="566"/>
      <c r="LD7" s="566"/>
      <c r="LE7" s="566"/>
      <c r="LF7" s="566"/>
      <c r="LG7" s="566"/>
      <c r="LH7" s="601"/>
      <c r="LI7" s="624" t="s">
        <v>52</v>
      </c>
      <c r="LJ7" s="565" t="s">
        <v>61</v>
      </c>
      <c r="LK7" s="566"/>
      <c r="LL7" s="567"/>
      <c r="LM7" s="600" t="s">
        <v>62</v>
      </c>
      <c r="LN7" s="566"/>
      <c r="LO7" s="566"/>
      <c r="LP7" s="566"/>
      <c r="LQ7" s="566"/>
      <c r="LR7" s="566"/>
      <c r="LS7" s="601"/>
      <c r="LT7" s="624" t="s">
        <v>52</v>
      </c>
      <c r="LU7" s="565" t="s">
        <v>61</v>
      </c>
      <c r="LV7" s="566"/>
      <c r="LW7" s="567"/>
      <c r="LX7" s="600" t="s">
        <v>62</v>
      </c>
      <c r="LY7" s="566"/>
      <c r="LZ7" s="566"/>
      <c r="MA7" s="566"/>
      <c r="MB7" s="566"/>
      <c r="MC7" s="566"/>
      <c r="MD7" s="601"/>
      <c r="ME7" s="624" t="s">
        <v>52</v>
      </c>
      <c r="MF7" s="557" t="s">
        <v>61</v>
      </c>
      <c r="MG7" s="558"/>
      <c r="MH7" s="559"/>
      <c r="MI7" s="618" t="s">
        <v>62</v>
      </c>
      <c r="MJ7" s="558"/>
      <c r="MK7" s="558"/>
      <c r="ML7" s="558"/>
      <c r="MM7" s="558"/>
      <c r="MN7" s="558"/>
      <c r="MO7" s="619"/>
      <c r="MP7" s="602" t="s">
        <v>52</v>
      </c>
      <c r="MQ7" s="565" t="s">
        <v>61</v>
      </c>
      <c r="MR7" s="566"/>
      <c r="MS7" s="567"/>
      <c r="MT7" s="600" t="s">
        <v>62</v>
      </c>
      <c r="MU7" s="566"/>
      <c r="MV7" s="566"/>
      <c r="MW7" s="566"/>
      <c r="MX7" s="566"/>
      <c r="MY7" s="566"/>
      <c r="MZ7" s="601"/>
      <c r="NA7" s="624" t="s">
        <v>52</v>
      </c>
      <c r="NB7" s="565" t="s">
        <v>61</v>
      </c>
      <c r="NC7" s="566"/>
      <c r="ND7" s="567"/>
      <c r="NE7" s="600" t="s">
        <v>62</v>
      </c>
      <c r="NF7" s="566"/>
      <c r="NG7" s="566"/>
      <c r="NH7" s="566"/>
      <c r="NI7" s="566"/>
      <c r="NJ7" s="566"/>
      <c r="NK7" s="601"/>
      <c r="NL7" s="624" t="s">
        <v>52</v>
      </c>
      <c r="NM7" s="565" t="s">
        <v>61</v>
      </c>
      <c r="NN7" s="566"/>
      <c r="NO7" s="567"/>
      <c r="NP7" s="600" t="s">
        <v>62</v>
      </c>
      <c r="NQ7" s="566"/>
      <c r="NR7" s="566"/>
      <c r="NS7" s="566"/>
      <c r="NT7" s="566"/>
      <c r="NU7" s="566"/>
      <c r="NV7" s="601"/>
      <c r="NW7" s="624" t="s">
        <v>52</v>
      </c>
      <c r="NX7" s="565" t="s">
        <v>61</v>
      </c>
      <c r="NY7" s="566"/>
      <c r="NZ7" s="567"/>
      <c r="OA7" s="600" t="s">
        <v>62</v>
      </c>
      <c r="OB7" s="566"/>
      <c r="OC7" s="566"/>
      <c r="OD7" s="566"/>
      <c r="OE7" s="566"/>
      <c r="OF7" s="566"/>
      <c r="OG7" s="601"/>
      <c r="OH7" s="624" t="s">
        <v>52</v>
      </c>
      <c r="OI7" s="557" t="s">
        <v>61</v>
      </c>
      <c r="OJ7" s="558"/>
      <c r="OK7" s="559"/>
      <c r="OL7" s="618" t="s">
        <v>62</v>
      </c>
      <c r="OM7" s="558"/>
      <c r="ON7" s="558"/>
      <c r="OO7" s="558"/>
      <c r="OP7" s="558"/>
      <c r="OQ7" s="558"/>
      <c r="OR7" s="619"/>
      <c r="OS7" s="602" t="s">
        <v>52</v>
      </c>
    </row>
    <row r="8" spans="2:409" ht="30" customHeight="1" thickBot="1" x14ac:dyDescent="0.25">
      <c r="B8" s="687"/>
      <c r="C8" s="303" t="s">
        <v>43</v>
      </c>
      <c r="D8" s="41" t="s">
        <v>44</v>
      </c>
      <c r="E8" s="304" t="s">
        <v>45</v>
      </c>
      <c r="F8" s="44" t="s">
        <v>83</v>
      </c>
      <c r="G8" s="41" t="s">
        <v>47</v>
      </c>
      <c r="H8" s="41" t="s">
        <v>48</v>
      </c>
      <c r="I8" s="41" t="s">
        <v>49</v>
      </c>
      <c r="J8" s="41" t="s">
        <v>50</v>
      </c>
      <c r="K8" s="41" t="s">
        <v>51</v>
      </c>
      <c r="L8" s="42" t="s">
        <v>45</v>
      </c>
      <c r="M8" s="703"/>
      <c r="N8" s="43" t="s">
        <v>43</v>
      </c>
      <c r="O8" s="41" t="s">
        <v>44</v>
      </c>
      <c r="P8" s="42" t="s">
        <v>45</v>
      </c>
      <c r="Q8" s="44" t="s">
        <v>83</v>
      </c>
      <c r="R8" s="41" t="s">
        <v>47</v>
      </c>
      <c r="S8" s="41" t="s">
        <v>48</v>
      </c>
      <c r="T8" s="41" t="s">
        <v>49</v>
      </c>
      <c r="U8" s="41" t="s">
        <v>50</v>
      </c>
      <c r="V8" s="41" t="s">
        <v>51</v>
      </c>
      <c r="W8" s="42" t="s">
        <v>45</v>
      </c>
      <c r="X8" s="680"/>
      <c r="Y8" s="43" t="s">
        <v>43</v>
      </c>
      <c r="Z8" s="41" t="s">
        <v>44</v>
      </c>
      <c r="AA8" s="42" t="s">
        <v>45</v>
      </c>
      <c r="AB8" s="44" t="s">
        <v>83</v>
      </c>
      <c r="AC8" s="41" t="s">
        <v>47</v>
      </c>
      <c r="AD8" s="41" t="s">
        <v>48</v>
      </c>
      <c r="AE8" s="41" t="s">
        <v>49</v>
      </c>
      <c r="AF8" s="41" t="s">
        <v>50</v>
      </c>
      <c r="AG8" s="41" t="s">
        <v>51</v>
      </c>
      <c r="AH8" s="42" t="s">
        <v>45</v>
      </c>
      <c r="AI8" s="656"/>
      <c r="AJ8" s="43" t="s">
        <v>43</v>
      </c>
      <c r="AK8" s="41" t="s">
        <v>44</v>
      </c>
      <c r="AL8" s="304" t="s">
        <v>45</v>
      </c>
      <c r="AM8" s="44" t="s">
        <v>83</v>
      </c>
      <c r="AN8" s="41" t="s">
        <v>47</v>
      </c>
      <c r="AO8" s="41" t="s">
        <v>48</v>
      </c>
      <c r="AP8" s="41" t="s">
        <v>49</v>
      </c>
      <c r="AQ8" s="41" t="s">
        <v>50</v>
      </c>
      <c r="AR8" s="41" t="s">
        <v>51</v>
      </c>
      <c r="AS8" s="42" t="s">
        <v>45</v>
      </c>
      <c r="AT8" s="656"/>
      <c r="AU8" s="43" t="s">
        <v>43</v>
      </c>
      <c r="AV8" s="41" t="s">
        <v>44</v>
      </c>
      <c r="AW8" s="304" t="s">
        <v>45</v>
      </c>
      <c r="AX8" s="44" t="s">
        <v>83</v>
      </c>
      <c r="AY8" s="41" t="s">
        <v>47</v>
      </c>
      <c r="AZ8" s="41" t="s">
        <v>48</v>
      </c>
      <c r="BA8" s="41" t="s">
        <v>49</v>
      </c>
      <c r="BB8" s="41" t="s">
        <v>50</v>
      </c>
      <c r="BC8" s="41" t="s">
        <v>51</v>
      </c>
      <c r="BD8" s="42" t="s">
        <v>45</v>
      </c>
      <c r="BE8" s="656"/>
      <c r="BF8" s="305" t="s">
        <v>43</v>
      </c>
      <c r="BG8" s="41" t="s">
        <v>44</v>
      </c>
      <c r="BH8" s="304" t="s">
        <v>45</v>
      </c>
      <c r="BI8" s="44" t="s">
        <v>83</v>
      </c>
      <c r="BJ8" s="41" t="s">
        <v>47</v>
      </c>
      <c r="BK8" s="41" t="s">
        <v>48</v>
      </c>
      <c r="BL8" s="41" t="s">
        <v>49</v>
      </c>
      <c r="BM8" s="41" t="s">
        <v>50</v>
      </c>
      <c r="BN8" s="41" t="s">
        <v>51</v>
      </c>
      <c r="BO8" s="42" t="s">
        <v>45</v>
      </c>
      <c r="BP8" s="656"/>
      <c r="BQ8" s="43" t="s">
        <v>43</v>
      </c>
      <c r="BR8" s="41" t="s">
        <v>44</v>
      </c>
      <c r="BS8" s="304" t="s">
        <v>45</v>
      </c>
      <c r="BT8" s="44" t="s">
        <v>83</v>
      </c>
      <c r="BU8" s="41" t="s">
        <v>47</v>
      </c>
      <c r="BV8" s="41" t="s">
        <v>48</v>
      </c>
      <c r="BW8" s="41" t="s">
        <v>49</v>
      </c>
      <c r="BX8" s="41" t="s">
        <v>50</v>
      </c>
      <c r="BY8" s="41" t="s">
        <v>51</v>
      </c>
      <c r="BZ8" s="42" t="s">
        <v>45</v>
      </c>
      <c r="CA8" s="656"/>
      <c r="CB8" s="43" t="s">
        <v>43</v>
      </c>
      <c r="CC8" s="41" t="s">
        <v>44</v>
      </c>
      <c r="CD8" s="304" t="s">
        <v>45</v>
      </c>
      <c r="CE8" s="44" t="s">
        <v>83</v>
      </c>
      <c r="CF8" s="41" t="s">
        <v>47</v>
      </c>
      <c r="CG8" s="41" t="s">
        <v>48</v>
      </c>
      <c r="CH8" s="41" t="s">
        <v>49</v>
      </c>
      <c r="CI8" s="41" t="s">
        <v>50</v>
      </c>
      <c r="CJ8" s="41" t="s">
        <v>51</v>
      </c>
      <c r="CK8" s="42" t="s">
        <v>45</v>
      </c>
      <c r="CL8" s="680"/>
      <c r="CM8" s="43" t="s">
        <v>43</v>
      </c>
      <c r="CN8" s="41" t="s">
        <v>44</v>
      </c>
      <c r="CO8" s="42" t="s">
        <v>45</v>
      </c>
      <c r="CP8" s="44" t="s">
        <v>83</v>
      </c>
      <c r="CQ8" s="41" t="s">
        <v>47</v>
      </c>
      <c r="CR8" s="41" t="s">
        <v>48</v>
      </c>
      <c r="CS8" s="41" t="s">
        <v>49</v>
      </c>
      <c r="CT8" s="41" t="s">
        <v>50</v>
      </c>
      <c r="CU8" s="41" t="s">
        <v>51</v>
      </c>
      <c r="CV8" s="42" t="s">
        <v>45</v>
      </c>
      <c r="CW8" s="680"/>
      <c r="CX8" s="43" t="s">
        <v>43</v>
      </c>
      <c r="CY8" s="41" t="s">
        <v>44</v>
      </c>
      <c r="CZ8" s="42" t="s">
        <v>45</v>
      </c>
      <c r="DA8" s="44" t="s">
        <v>83</v>
      </c>
      <c r="DB8" s="41" t="s">
        <v>47</v>
      </c>
      <c r="DC8" s="41" t="s">
        <v>48</v>
      </c>
      <c r="DD8" s="41" t="s">
        <v>49</v>
      </c>
      <c r="DE8" s="41" t="s">
        <v>50</v>
      </c>
      <c r="DF8" s="41" t="s">
        <v>51</v>
      </c>
      <c r="DG8" s="42" t="s">
        <v>45</v>
      </c>
      <c r="DH8" s="680"/>
      <c r="DI8" s="43" t="s">
        <v>43</v>
      </c>
      <c r="DJ8" s="41" t="s">
        <v>44</v>
      </c>
      <c r="DK8" s="42" t="s">
        <v>45</v>
      </c>
      <c r="DL8" s="44" t="s">
        <v>83</v>
      </c>
      <c r="DM8" s="41" t="s">
        <v>47</v>
      </c>
      <c r="DN8" s="41" t="s">
        <v>48</v>
      </c>
      <c r="DO8" s="41" t="s">
        <v>49</v>
      </c>
      <c r="DP8" s="41" t="s">
        <v>50</v>
      </c>
      <c r="DQ8" s="41" t="s">
        <v>51</v>
      </c>
      <c r="DR8" s="42" t="s">
        <v>45</v>
      </c>
      <c r="DS8" s="680"/>
      <c r="DT8" s="43" t="s">
        <v>43</v>
      </c>
      <c r="DU8" s="41" t="s">
        <v>44</v>
      </c>
      <c r="DV8" s="304" t="s">
        <v>45</v>
      </c>
      <c r="DW8" s="44" t="s">
        <v>83</v>
      </c>
      <c r="DX8" s="41" t="s">
        <v>47</v>
      </c>
      <c r="DY8" s="41" t="s">
        <v>48</v>
      </c>
      <c r="DZ8" s="41" t="s">
        <v>49</v>
      </c>
      <c r="EA8" s="41" t="s">
        <v>50</v>
      </c>
      <c r="EB8" s="41" t="s">
        <v>51</v>
      </c>
      <c r="EC8" s="42" t="s">
        <v>45</v>
      </c>
      <c r="ED8" s="656"/>
      <c r="EE8" s="43" t="s">
        <v>43</v>
      </c>
      <c r="EF8" s="41" t="s">
        <v>44</v>
      </c>
      <c r="EG8" s="304" t="s">
        <v>45</v>
      </c>
      <c r="EH8" s="44" t="s">
        <v>83</v>
      </c>
      <c r="EI8" s="41" t="s">
        <v>47</v>
      </c>
      <c r="EJ8" s="41" t="s">
        <v>48</v>
      </c>
      <c r="EK8" s="41" t="s">
        <v>49</v>
      </c>
      <c r="EL8" s="41" t="s">
        <v>50</v>
      </c>
      <c r="EM8" s="41" t="s">
        <v>51</v>
      </c>
      <c r="EN8" s="42" t="s">
        <v>45</v>
      </c>
      <c r="EO8" s="656"/>
      <c r="EP8" s="43" t="s">
        <v>43</v>
      </c>
      <c r="EQ8" s="41" t="s">
        <v>44</v>
      </c>
      <c r="ER8" s="304" t="s">
        <v>45</v>
      </c>
      <c r="ES8" s="44" t="s">
        <v>83</v>
      </c>
      <c r="ET8" s="41" t="s">
        <v>47</v>
      </c>
      <c r="EU8" s="41" t="s">
        <v>48</v>
      </c>
      <c r="EV8" s="41" t="s">
        <v>49</v>
      </c>
      <c r="EW8" s="41" t="s">
        <v>50</v>
      </c>
      <c r="EX8" s="41" t="s">
        <v>51</v>
      </c>
      <c r="EY8" s="42" t="s">
        <v>45</v>
      </c>
      <c r="EZ8" s="656"/>
      <c r="FA8" s="43" t="s">
        <v>43</v>
      </c>
      <c r="FB8" s="41" t="s">
        <v>44</v>
      </c>
      <c r="FC8" s="304" t="s">
        <v>45</v>
      </c>
      <c r="FD8" s="44" t="s">
        <v>83</v>
      </c>
      <c r="FE8" s="41" t="s">
        <v>47</v>
      </c>
      <c r="FF8" s="41" t="s">
        <v>48</v>
      </c>
      <c r="FG8" s="41" t="s">
        <v>49</v>
      </c>
      <c r="FH8" s="41" t="s">
        <v>50</v>
      </c>
      <c r="FI8" s="41" t="s">
        <v>51</v>
      </c>
      <c r="FJ8" s="42" t="s">
        <v>45</v>
      </c>
      <c r="FK8" s="656"/>
      <c r="FL8" s="43" t="s">
        <v>43</v>
      </c>
      <c r="FM8" s="41" t="s">
        <v>44</v>
      </c>
      <c r="FN8" s="304" t="s">
        <v>45</v>
      </c>
      <c r="FO8" s="44" t="s">
        <v>83</v>
      </c>
      <c r="FP8" s="41" t="s">
        <v>47</v>
      </c>
      <c r="FQ8" s="41" t="s">
        <v>48</v>
      </c>
      <c r="FR8" s="41" t="s">
        <v>49</v>
      </c>
      <c r="FS8" s="41" t="s">
        <v>50</v>
      </c>
      <c r="FT8" s="41" t="s">
        <v>51</v>
      </c>
      <c r="FU8" s="42" t="s">
        <v>45</v>
      </c>
      <c r="FV8" s="672"/>
      <c r="FW8" s="43" t="s">
        <v>43</v>
      </c>
      <c r="FX8" s="41" t="s">
        <v>44</v>
      </c>
      <c r="FY8" s="304" t="s">
        <v>45</v>
      </c>
      <c r="FZ8" s="44" t="s">
        <v>83</v>
      </c>
      <c r="GA8" s="41" t="s">
        <v>47</v>
      </c>
      <c r="GB8" s="41" t="s">
        <v>48</v>
      </c>
      <c r="GC8" s="41" t="s">
        <v>49</v>
      </c>
      <c r="GD8" s="41" t="s">
        <v>50</v>
      </c>
      <c r="GE8" s="41" t="s">
        <v>51</v>
      </c>
      <c r="GF8" s="42" t="s">
        <v>45</v>
      </c>
      <c r="GG8" s="656"/>
      <c r="GH8" s="43" t="s">
        <v>43</v>
      </c>
      <c r="GI8" s="41" t="s">
        <v>44</v>
      </c>
      <c r="GJ8" s="304" t="s">
        <v>45</v>
      </c>
      <c r="GK8" s="44" t="s">
        <v>83</v>
      </c>
      <c r="GL8" s="41" t="s">
        <v>47</v>
      </c>
      <c r="GM8" s="41" t="s">
        <v>48</v>
      </c>
      <c r="GN8" s="41" t="s">
        <v>49</v>
      </c>
      <c r="GO8" s="41" t="s">
        <v>50</v>
      </c>
      <c r="GP8" s="41" t="s">
        <v>51</v>
      </c>
      <c r="GQ8" s="42" t="s">
        <v>45</v>
      </c>
      <c r="GR8" s="658"/>
      <c r="GS8" s="43" t="s">
        <v>43</v>
      </c>
      <c r="GT8" s="41" t="s">
        <v>44</v>
      </c>
      <c r="GU8" s="304" t="s">
        <v>45</v>
      </c>
      <c r="GV8" s="44" t="s">
        <v>83</v>
      </c>
      <c r="GW8" s="41" t="s">
        <v>47</v>
      </c>
      <c r="GX8" s="41" t="s">
        <v>48</v>
      </c>
      <c r="GY8" s="41" t="s">
        <v>49</v>
      </c>
      <c r="GZ8" s="41" t="s">
        <v>50</v>
      </c>
      <c r="HA8" s="41" t="s">
        <v>51</v>
      </c>
      <c r="HB8" s="42" t="s">
        <v>45</v>
      </c>
      <c r="HC8" s="658"/>
      <c r="HD8" s="43" t="s">
        <v>43</v>
      </c>
      <c r="HE8" s="41" t="s">
        <v>44</v>
      </c>
      <c r="HF8" s="304" t="s">
        <v>45</v>
      </c>
      <c r="HG8" s="44" t="s">
        <v>83</v>
      </c>
      <c r="HH8" s="41" t="s">
        <v>47</v>
      </c>
      <c r="HI8" s="41" t="s">
        <v>48</v>
      </c>
      <c r="HJ8" s="41" t="s">
        <v>49</v>
      </c>
      <c r="HK8" s="41" t="s">
        <v>50</v>
      </c>
      <c r="HL8" s="41" t="s">
        <v>51</v>
      </c>
      <c r="HM8" s="42" t="s">
        <v>45</v>
      </c>
      <c r="HN8" s="656"/>
      <c r="HO8" s="43" t="s">
        <v>43</v>
      </c>
      <c r="HP8" s="41" t="s">
        <v>44</v>
      </c>
      <c r="HQ8" s="304" t="s">
        <v>45</v>
      </c>
      <c r="HR8" s="44" t="s">
        <v>83</v>
      </c>
      <c r="HS8" s="41" t="s">
        <v>47</v>
      </c>
      <c r="HT8" s="41" t="s">
        <v>48</v>
      </c>
      <c r="HU8" s="41" t="s">
        <v>49</v>
      </c>
      <c r="HV8" s="41" t="s">
        <v>50</v>
      </c>
      <c r="HW8" s="41" t="s">
        <v>51</v>
      </c>
      <c r="HX8" s="42" t="s">
        <v>45</v>
      </c>
      <c r="HY8" s="656"/>
      <c r="HZ8" s="342" t="s">
        <v>43</v>
      </c>
      <c r="IA8" s="343" t="s">
        <v>44</v>
      </c>
      <c r="IB8" s="36" t="s">
        <v>45</v>
      </c>
      <c r="IC8" s="37" t="s">
        <v>83</v>
      </c>
      <c r="ID8" s="343" t="s">
        <v>47</v>
      </c>
      <c r="IE8" s="343" t="s">
        <v>48</v>
      </c>
      <c r="IF8" s="343" t="s">
        <v>49</v>
      </c>
      <c r="IG8" s="343" t="s">
        <v>50</v>
      </c>
      <c r="IH8" s="343" t="s">
        <v>51</v>
      </c>
      <c r="II8" s="14" t="s">
        <v>45</v>
      </c>
      <c r="IJ8" s="623"/>
      <c r="IK8" s="342" t="s">
        <v>43</v>
      </c>
      <c r="IL8" s="343" t="s">
        <v>44</v>
      </c>
      <c r="IM8" s="36" t="s">
        <v>45</v>
      </c>
      <c r="IN8" s="37" t="s">
        <v>83</v>
      </c>
      <c r="IO8" s="51" t="s">
        <v>47</v>
      </c>
      <c r="IP8" s="51" t="s">
        <v>48</v>
      </c>
      <c r="IQ8" s="51" t="s">
        <v>49</v>
      </c>
      <c r="IR8" s="51" t="s">
        <v>50</v>
      </c>
      <c r="IS8" s="51" t="s">
        <v>51</v>
      </c>
      <c r="IT8" s="54" t="s">
        <v>45</v>
      </c>
      <c r="IU8" s="633"/>
      <c r="IV8" s="53" t="s">
        <v>43</v>
      </c>
      <c r="IW8" s="51" t="s">
        <v>44</v>
      </c>
      <c r="IX8" s="54" t="s">
        <v>45</v>
      </c>
      <c r="IY8" s="28" t="s">
        <v>83</v>
      </c>
      <c r="IZ8" s="51" t="s">
        <v>47</v>
      </c>
      <c r="JA8" s="51" t="s">
        <v>48</v>
      </c>
      <c r="JB8" s="51" t="s">
        <v>49</v>
      </c>
      <c r="JC8" s="51" t="s">
        <v>50</v>
      </c>
      <c r="JD8" s="51" t="s">
        <v>51</v>
      </c>
      <c r="JE8" s="54" t="s">
        <v>45</v>
      </c>
      <c r="JF8" s="633"/>
      <c r="JG8" s="53" t="s">
        <v>43</v>
      </c>
      <c r="JH8" s="51" t="s">
        <v>44</v>
      </c>
      <c r="JI8" s="52" t="s">
        <v>45</v>
      </c>
      <c r="JJ8" s="28" t="s">
        <v>83</v>
      </c>
      <c r="JK8" s="51" t="s">
        <v>47</v>
      </c>
      <c r="JL8" s="51" t="s">
        <v>48</v>
      </c>
      <c r="JM8" s="51" t="s">
        <v>49</v>
      </c>
      <c r="JN8" s="51" t="s">
        <v>50</v>
      </c>
      <c r="JO8" s="51" t="s">
        <v>51</v>
      </c>
      <c r="JP8" s="54" t="s">
        <v>45</v>
      </c>
      <c r="JQ8" s="626"/>
      <c r="JR8" s="53" t="s">
        <v>43</v>
      </c>
      <c r="JS8" s="51" t="s">
        <v>44</v>
      </c>
      <c r="JT8" s="52" t="s">
        <v>45</v>
      </c>
      <c r="JU8" s="28" t="s">
        <v>83</v>
      </c>
      <c r="JV8" s="51" t="s">
        <v>47</v>
      </c>
      <c r="JW8" s="51" t="s">
        <v>48</v>
      </c>
      <c r="JX8" s="51" t="s">
        <v>49</v>
      </c>
      <c r="JY8" s="51" t="s">
        <v>50</v>
      </c>
      <c r="JZ8" s="51" t="s">
        <v>51</v>
      </c>
      <c r="KA8" s="54" t="s">
        <v>45</v>
      </c>
      <c r="KB8" s="626"/>
      <c r="KC8" s="53" t="s">
        <v>43</v>
      </c>
      <c r="KD8" s="51" t="s">
        <v>44</v>
      </c>
      <c r="KE8" s="52" t="s">
        <v>45</v>
      </c>
      <c r="KF8" s="28" t="s">
        <v>83</v>
      </c>
      <c r="KG8" s="51" t="s">
        <v>47</v>
      </c>
      <c r="KH8" s="51" t="s">
        <v>48</v>
      </c>
      <c r="KI8" s="51" t="s">
        <v>49</v>
      </c>
      <c r="KJ8" s="51" t="s">
        <v>50</v>
      </c>
      <c r="KK8" s="51" t="s">
        <v>51</v>
      </c>
      <c r="KL8" s="54" t="s">
        <v>45</v>
      </c>
      <c r="KM8" s="626"/>
      <c r="KN8" s="53" t="s">
        <v>43</v>
      </c>
      <c r="KO8" s="51" t="s">
        <v>44</v>
      </c>
      <c r="KP8" s="52" t="s">
        <v>45</v>
      </c>
      <c r="KQ8" s="37" t="s">
        <v>83</v>
      </c>
      <c r="KR8" s="51" t="s">
        <v>47</v>
      </c>
      <c r="KS8" s="51" t="s">
        <v>48</v>
      </c>
      <c r="KT8" s="51" t="s">
        <v>49</v>
      </c>
      <c r="KU8" s="51" t="s">
        <v>50</v>
      </c>
      <c r="KV8" s="51" t="s">
        <v>51</v>
      </c>
      <c r="KW8" s="54" t="s">
        <v>45</v>
      </c>
      <c r="KX8" s="626"/>
      <c r="KY8" s="53" t="s">
        <v>43</v>
      </c>
      <c r="KZ8" s="51" t="s">
        <v>44</v>
      </c>
      <c r="LA8" s="52" t="s">
        <v>45</v>
      </c>
      <c r="LB8" s="37" t="s">
        <v>83</v>
      </c>
      <c r="LC8" s="51" t="s">
        <v>47</v>
      </c>
      <c r="LD8" s="51" t="s">
        <v>48</v>
      </c>
      <c r="LE8" s="51" t="s">
        <v>49</v>
      </c>
      <c r="LF8" s="51" t="s">
        <v>50</v>
      </c>
      <c r="LG8" s="51" t="s">
        <v>51</v>
      </c>
      <c r="LH8" s="54" t="s">
        <v>45</v>
      </c>
      <c r="LI8" s="626"/>
      <c r="LJ8" s="53" t="s">
        <v>43</v>
      </c>
      <c r="LK8" s="51" t="s">
        <v>44</v>
      </c>
      <c r="LL8" s="52" t="s">
        <v>45</v>
      </c>
      <c r="LM8" s="37" t="s">
        <v>83</v>
      </c>
      <c r="LN8" s="51" t="s">
        <v>47</v>
      </c>
      <c r="LO8" s="51" t="s">
        <v>48</v>
      </c>
      <c r="LP8" s="51" t="s">
        <v>49</v>
      </c>
      <c r="LQ8" s="51" t="s">
        <v>50</v>
      </c>
      <c r="LR8" s="51" t="s">
        <v>51</v>
      </c>
      <c r="LS8" s="54" t="s">
        <v>45</v>
      </c>
      <c r="LT8" s="626"/>
      <c r="LU8" s="53" t="s">
        <v>43</v>
      </c>
      <c r="LV8" s="51" t="s">
        <v>44</v>
      </c>
      <c r="LW8" s="52" t="s">
        <v>45</v>
      </c>
      <c r="LX8" s="37" t="s">
        <v>83</v>
      </c>
      <c r="LY8" s="51" t="s">
        <v>47</v>
      </c>
      <c r="LZ8" s="51" t="s">
        <v>48</v>
      </c>
      <c r="MA8" s="51" t="s">
        <v>49</v>
      </c>
      <c r="MB8" s="51" t="s">
        <v>50</v>
      </c>
      <c r="MC8" s="51" t="s">
        <v>51</v>
      </c>
      <c r="MD8" s="54" t="s">
        <v>45</v>
      </c>
      <c r="ME8" s="626"/>
      <c r="MF8" s="53" t="s">
        <v>43</v>
      </c>
      <c r="MG8" s="51" t="s">
        <v>44</v>
      </c>
      <c r="MH8" s="52" t="s">
        <v>45</v>
      </c>
      <c r="MI8" s="37" t="s">
        <v>83</v>
      </c>
      <c r="MJ8" s="51" t="s">
        <v>47</v>
      </c>
      <c r="MK8" s="51" t="s">
        <v>48</v>
      </c>
      <c r="ML8" s="51" t="s">
        <v>49</v>
      </c>
      <c r="MM8" s="51" t="s">
        <v>50</v>
      </c>
      <c r="MN8" s="51" t="s">
        <v>51</v>
      </c>
      <c r="MO8" s="54" t="s">
        <v>45</v>
      </c>
      <c r="MP8" s="626"/>
      <c r="MQ8" s="53" t="s">
        <v>43</v>
      </c>
      <c r="MR8" s="51" t="s">
        <v>44</v>
      </c>
      <c r="MS8" s="52" t="s">
        <v>45</v>
      </c>
      <c r="MT8" s="37" t="s">
        <v>83</v>
      </c>
      <c r="MU8" s="51" t="s">
        <v>47</v>
      </c>
      <c r="MV8" s="51" t="s">
        <v>48</v>
      </c>
      <c r="MW8" s="51" t="s">
        <v>49</v>
      </c>
      <c r="MX8" s="51" t="s">
        <v>50</v>
      </c>
      <c r="MY8" s="51" t="s">
        <v>51</v>
      </c>
      <c r="MZ8" s="54" t="s">
        <v>45</v>
      </c>
      <c r="NA8" s="626"/>
      <c r="NB8" s="53" t="s">
        <v>43</v>
      </c>
      <c r="NC8" s="51" t="s">
        <v>44</v>
      </c>
      <c r="ND8" s="52" t="s">
        <v>45</v>
      </c>
      <c r="NE8" s="37" t="s">
        <v>83</v>
      </c>
      <c r="NF8" s="51" t="s">
        <v>47</v>
      </c>
      <c r="NG8" s="51" t="s">
        <v>48</v>
      </c>
      <c r="NH8" s="51" t="s">
        <v>49</v>
      </c>
      <c r="NI8" s="51" t="s">
        <v>50</v>
      </c>
      <c r="NJ8" s="51" t="s">
        <v>51</v>
      </c>
      <c r="NK8" s="54" t="s">
        <v>45</v>
      </c>
      <c r="NL8" s="626"/>
      <c r="NM8" s="53" t="s">
        <v>43</v>
      </c>
      <c r="NN8" s="51" t="s">
        <v>44</v>
      </c>
      <c r="NO8" s="52" t="s">
        <v>45</v>
      </c>
      <c r="NP8" s="37" t="s">
        <v>83</v>
      </c>
      <c r="NQ8" s="51" t="s">
        <v>47</v>
      </c>
      <c r="NR8" s="51" t="s">
        <v>48</v>
      </c>
      <c r="NS8" s="51" t="s">
        <v>49</v>
      </c>
      <c r="NT8" s="51" t="s">
        <v>50</v>
      </c>
      <c r="NU8" s="51" t="s">
        <v>51</v>
      </c>
      <c r="NV8" s="54" t="s">
        <v>45</v>
      </c>
      <c r="NW8" s="626"/>
      <c r="NX8" s="53" t="s">
        <v>43</v>
      </c>
      <c r="NY8" s="51" t="s">
        <v>44</v>
      </c>
      <c r="NZ8" s="52" t="s">
        <v>45</v>
      </c>
      <c r="OA8" s="37" t="s">
        <v>83</v>
      </c>
      <c r="OB8" s="51" t="s">
        <v>47</v>
      </c>
      <c r="OC8" s="51" t="s">
        <v>48</v>
      </c>
      <c r="OD8" s="51" t="s">
        <v>49</v>
      </c>
      <c r="OE8" s="51" t="s">
        <v>50</v>
      </c>
      <c r="OF8" s="51" t="s">
        <v>51</v>
      </c>
      <c r="OG8" s="54" t="s">
        <v>45</v>
      </c>
      <c r="OH8" s="626"/>
      <c r="OI8" s="53" t="s">
        <v>43</v>
      </c>
      <c r="OJ8" s="51" t="s">
        <v>44</v>
      </c>
      <c r="OK8" s="52" t="s">
        <v>45</v>
      </c>
      <c r="OL8" s="28" t="s">
        <v>83</v>
      </c>
      <c r="OM8" s="51" t="s">
        <v>47</v>
      </c>
      <c r="ON8" s="51" t="s">
        <v>48</v>
      </c>
      <c r="OO8" s="51" t="s">
        <v>49</v>
      </c>
      <c r="OP8" s="51" t="s">
        <v>50</v>
      </c>
      <c r="OQ8" s="51" t="s">
        <v>51</v>
      </c>
      <c r="OR8" s="54" t="s">
        <v>45</v>
      </c>
      <c r="OS8" s="626"/>
    </row>
    <row r="9" spans="2:409" s="444" customFormat="1" ht="21" customHeight="1" x14ac:dyDescent="0.2">
      <c r="B9" s="470" t="s">
        <v>4</v>
      </c>
      <c r="C9" s="360">
        <v>25897717</v>
      </c>
      <c r="D9" s="361">
        <v>46582676</v>
      </c>
      <c r="E9" s="362">
        <v>72480393</v>
      </c>
      <c r="F9" s="363">
        <v>0</v>
      </c>
      <c r="G9" s="361">
        <v>259618165</v>
      </c>
      <c r="H9" s="361">
        <v>363947229</v>
      </c>
      <c r="I9" s="361">
        <v>308181922</v>
      </c>
      <c r="J9" s="361">
        <v>322357049</v>
      </c>
      <c r="K9" s="361">
        <v>228040482</v>
      </c>
      <c r="L9" s="364">
        <v>1482144847</v>
      </c>
      <c r="M9" s="365">
        <v>1554625240</v>
      </c>
      <c r="N9" s="360">
        <v>8047157</v>
      </c>
      <c r="O9" s="361">
        <v>16775857</v>
      </c>
      <c r="P9" s="366">
        <v>24823014</v>
      </c>
      <c r="Q9" s="360">
        <v>0</v>
      </c>
      <c r="R9" s="361">
        <v>82790004</v>
      </c>
      <c r="S9" s="361">
        <v>126531908</v>
      </c>
      <c r="T9" s="361">
        <v>100253992</v>
      </c>
      <c r="U9" s="361">
        <v>113570100</v>
      </c>
      <c r="V9" s="361">
        <v>103650066</v>
      </c>
      <c r="W9" s="366">
        <v>526796070</v>
      </c>
      <c r="X9" s="365">
        <v>551619084</v>
      </c>
      <c r="Y9" s="360">
        <v>0</v>
      </c>
      <c r="Z9" s="361">
        <v>0</v>
      </c>
      <c r="AA9" s="366">
        <v>0</v>
      </c>
      <c r="AB9" s="367">
        <v>0</v>
      </c>
      <c r="AC9" s="368">
        <v>32969280</v>
      </c>
      <c r="AD9" s="368">
        <v>50246915</v>
      </c>
      <c r="AE9" s="368">
        <v>48067758</v>
      </c>
      <c r="AF9" s="368">
        <v>58715740</v>
      </c>
      <c r="AG9" s="368">
        <v>54853773</v>
      </c>
      <c r="AH9" s="366">
        <v>244853466</v>
      </c>
      <c r="AI9" s="365">
        <v>244853466</v>
      </c>
      <c r="AJ9" s="369">
        <v>0</v>
      </c>
      <c r="AK9" s="368">
        <v>182781</v>
      </c>
      <c r="AL9" s="366">
        <v>182781</v>
      </c>
      <c r="AM9" s="367">
        <v>0</v>
      </c>
      <c r="AN9" s="368">
        <v>766465</v>
      </c>
      <c r="AO9" s="364">
        <v>1353051</v>
      </c>
      <c r="AP9" s="368">
        <v>2784858</v>
      </c>
      <c r="AQ9" s="368">
        <v>5810112</v>
      </c>
      <c r="AR9" s="368">
        <v>12072036</v>
      </c>
      <c r="AS9" s="366">
        <v>22786522</v>
      </c>
      <c r="AT9" s="365">
        <v>22969303</v>
      </c>
      <c r="AU9" s="369">
        <v>4449805</v>
      </c>
      <c r="AV9" s="368">
        <v>11396252</v>
      </c>
      <c r="AW9" s="366">
        <v>15846057</v>
      </c>
      <c r="AX9" s="367">
        <v>0</v>
      </c>
      <c r="AY9" s="368">
        <v>32416883</v>
      </c>
      <c r="AZ9" s="368">
        <v>50707399</v>
      </c>
      <c r="BA9" s="368">
        <v>30367766</v>
      </c>
      <c r="BB9" s="368">
        <v>28173797</v>
      </c>
      <c r="BC9" s="368">
        <v>22440437</v>
      </c>
      <c r="BD9" s="366">
        <v>164106282</v>
      </c>
      <c r="BE9" s="370">
        <v>179952339</v>
      </c>
      <c r="BF9" s="369">
        <v>418008</v>
      </c>
      <c r="BG9" s="364">
        <v>1836278</v>
      </c>
      <c r="BH9" s="371">
        <v>2254286</v>
      </c>
      <c r="BI9" s="367">
        <v>0</v>
      </c>
      <c r="BJ9" s="368">
        <v>2698437</v>
      </c>
      <c r="BK9" s="368">
        <v>5274381</v>
      </c>
      <c r="BL9" s="368">
        <v>2558525</v>
      </c>
      <c r="BM9" s="368">
        <v>2704135</v>
      </c>
      <c r="BN9" s="368">
        <v>1081520</v>
      </c>
      <c r="BO9" s="366">
        <v>14316998</v>
      </c>
      <c r="BP9" s="365">
        <v>16571284</v>
      </c>
      <c r="BQ9" s="369">
        <v>3179344</v>
      </c>
      <c r="BR9" s="368">
        <v>3360546</v>
      </c>
      <c r="BS9" s="366">
        <v>6539890</v>
      </c>
      <c r="BT9" s="367">
        <v>0</v>
      </c>
      <c r="BU9" s="368">
        <v>13938939</v>
      </c>
      <c r="BV9" s="368">
        <v>18950162</v>
      </c>
      <c r="BW9" s="368">
        <v>16475085</v>
      </c>
      <c r="BX9" s="368">
        <v>18166316</v>
      </c>
      <c r="BY9" s="368">
        <v>13202300</v>
      </c>
      <c r="BZ9" s="366">
        <v>80732802</v>
      </c>
      <c r="CA9" s="365">
        <v>87272692</v>
      </c>
      <c r="CB9" s="369">
        <v>2317746</v>
      </c>
      <c r="CC9" s="368">
        <v>6154183</v>
      </c>
      <c r="CD9" s="366">
        <v>8471929</v>
      </c>
      <c r="CE9" s="367">
        <v>0</v>
      </c>
      <c r="CF9" s="368">
        <v>67801534</v>
      </c>
      <c r="CG9" s="368">
        <v>85734354</v>
      </c>
      <c r="CH9" s="372">
        <v>60760089</v>
      </c>
      <c r="CI9" s="368">
        <v>39069498</v>
      </c>
      <c r="CJ9" s="368">
        <v>17367343</v>
      </c>
      <c r="CK9" s="366">
        <v>270732818</v>
      </c>
      <c r="CL9" s="365">
        <v>279204747</v>
      </c>
      <c r="CM9" s="360">
        <v>0</v>
      </c>
      <c r="CN9" s="361">
        <v>0</v>
      </c>
      <c r="CO9" s="366">
        <v>0</v>
      </c>
      <c r="CP9" s="367">
        <v>0</v>
      </c>
      <c r="CQ9" s="368">
        <v>54245656</v>
      </c>
      <c r="CR9" s="368">
        <v>62002590</v>
      </c>
      <c r="CS9" s="368">
        <v>41553887</v>
      </c>
      <c r="CT9" s="368">
        <v>25788615</v>
      </c>
      <c r="CU9" s="368">
        <v>11411537</v>
      </c>
      <c r="CV9" s="373">
        <v>195002285</v>
      </c>
      <c r="CW9" s="365">
        <v>195002285</v>
      </c>
      <c r="CX9" s="369">
        <v>2317746</v>
      </c>
      <c r="CY9" s="368">
        <v>6154183</v>
      </c>
      <c r="CZ9" s="366">
        <v>8471929</v>
      </c>
      <c r="DA9" s="367">
        <v>0</v>
      </c>
      <c r="DB9" s="368">
        <v>13555878</v>
      </c>
      <c r="DC9" s="368">
        <v>23731764</v>
      </c>
      <c r="DD9" s="368">
        <v>19206202</v>
      </c>
      <c r="DE9" s="368">
        <v>13280883</v>
      </c>
      <c r="DF9" s="368">
        <v>5955806</v>
      </c>
      <c r="DG9" s="366">
        <v>75730533</v>
      </c>
      <c r="DH9" s="365">
        <v>84202462</v>
      </c>
      <c r="DI9" s="369">
        <v>136136</v>
      </c>
      <c r="DJ9" s="368">
        <v>696730</v>
      </c>
      <c r="DK9" s="371">
        <v>832866</v>
      </c>
      <c r="DL9" s="367">
        <v>0</v>
      </c>
      <c r="DM9" s="368">
        <v>8270414</v>
      </c>
      <c r="DN9" s="368">
        <v>17946792</v>
      </c>
      <c r="DO9" s="368">
        <v>24034739</v>
      </c>
      <c r="DP9" s="368">
        <v>22928857</v>
      </c>
      <c r="DQ9" s="368">
        <v>11715055</v>
      </c>
      <c r="DR9" s="374">
        <v>84895857</v>
      </c>
      <c r="DS9" s="365">
        <v>85728723</v>
      </c>
      <c r="DT9" s="369">
        <v>108605</v>
      </c>
      <c r="DU9" s="368">
        <v>585518</v>
      </c>
      <c r="DV9" s="366">
        <v>694123</v>
      </c>
      <c r="DW9" s="367">
        <v>0</v>
      </c>
      <c r="DX9" s="368">
        <v>6727981</v>
      </c>
      <c r="DY9" s="368">
        <v>15473814</v>
      </c>
      <c r="DZ9" s="368">
        <v>20574112</v>
      </c>
      <c r="EA9" s="368">
        <v>19166038</v>
      </c>
      <c r="EB9" s="368">
        <v>9296015</v>
      </c>
      <c r="EC9" s="366">
        <v>71237960</v>
      </c>
      <c r="ED9" s="365">
        <v>71932083</v>
      </c>
      <c r="EE9" s="369">
        <v>27531</v>
      </c>
      <c r="EF9" s="364">
        <v>111212</v>
      </c>
      <c r="EG9" s="366">
        <v>138743</v>
      </c>
      <c r="EH9" s="370">
        <v>0</v>
      </c>
      <c r="EI9" s="368">
        <v>1542433</v>
      </c>
      <c r="EJ9" s="368">
        <v>2472978</v>
      </c>
      <c r="EK9" s="368">
        <v>3460627</v>
      </c>
      <c r="EL9" s="368">
        <v>3762819</v>
      </c>
      <c r="EM9" s="372">
        <v>2419040</v>
      </c>
      <c r="EN9" s="364">
        <v>13657897</v>
      </c>
      <c r="EO9" s="365">
        <v>13796640</v>
      </c>
      <c r="EP9" s="369">
        <v>0</v>
      </c>
      <c r="EQ9" s="368">
        <v>0</v>
      </c>
      <c r="ER9" s="364">
        <v>0</v>
      </c>
      <c r="ES9" s="367">
        <v>0</v>
      </c>
      <c r="ET9" s="368">
        <v>0</v>
      </c>
      <c r="EU9" s="368">
        <v>0</v>
      </c>
      <c r="EV9" s="368">
        <v>0</v>
      </c>
      <c r="EW9" s="368">
        <v>0</v>
      </c>
      <c r="EX9" s="368">
        <v>0</v>
      </c>
      <c r="EY9" s="373">
        <v>0</v>
      </c>
      <c r="EZ9" s="365">
        <v>0</v>
      </c>
      <c r="FA9" s="369">
        <v>0</v>
      </c>
      <c r="FB9" s="368">
        <v>0</v>
      </c>
      <c r="FC9" s="364">
        <v>0</v>
      </c>
      <c r="FD9" s="375"/>
      <c r="FE9" s="368">
        <v>0</v>
      </c>
      <c r="FF9" s="368">
        <v>0</v>
      </c>
      <c r="FG9" s="368">
        <v>0</v>
      </c>
      <c r="FH9" s="368">
        <v>0</v>
      </c>
      <c r="FI9" s="368">
        <v>0</v>
      </c>
      <c r="FJ9" s="373">
        <v>0</v>
      </c>
      <c r="FK9" s="365">
        <v>0</v>
      </c>
      <c r="FL9" s="369">
        <v>5114546</v>
      </c>
      <c r="FM9" s="368">
        <v>10200604</v>
      </c>
      <c r="FN9" s="366">
        <v>15315150</v>
      </c>
      <c r="FO9" s="367">
        <v>0</v>
      </c>
      <c r="FP9" s="368">
        <v>13265886</v>
      </c>
      <c r="FQ9" s="368">
        <v>31368965</v>
      </c>
      <c r="FR9" s="368">
        <v>21963019</v>
      </c>
      <c r="FS9" s="368">
        <v>21234906</v>
      </c>
      <c r="FT9" s="368">
        <v>14848205</v>
      </c>
      <c r="FU9" s="366">
        <v>102680981</v>
      </c>
      <c r="FV9" s="365">
        <v>117996131</v>
      </c>
      <c r="FW9" s="369">
        <v>2616733</v>
      </c>
      <c r="FX9" s="368">
        <v>6740276</v>
      </c>
      <c r="FY9" s="364">
        <v>9357009</v>
      </c>
      <c r="FZ9" s="370">
        <v>0</v>
      </c>
      <c r="GA9" s="368">
        <v>9429546</v>
      </c>
      <c r="GB9" s="376">
        <v>27797697</v>
      </c>
      <c r="GC9" s="368">
        <v>19849514</v>
      </c>
      <c r="GD9" s="376">
        <v>19249153</v>
      </c>
      <c r="GE9" s="368">
        <v>13659115</v>
      </c>
      <c r="GF9" s="373">
        <v>89985025</v>
      </c>
      <c r="GG9" s="377">
        <v>99342034</v>
      </c>
      <c r="GH9" s="378">
        <v>619153</v>
      </c>
      <c r="GI9" s="368">
        <v>613085</v>
      </c>
      <c r="GJ9" s="376">
        <v>1232238</v>
      </c>
      <c r="GK9" s="363">
        <v>0</v>
      </c>
      <c r="GL9" s="368">
        <v>1014333</v>
      </c>
      <c r="GM9" s="364">
        <v>1213306</v>
      </c>
      <c r="GN9" s="368">
        <v>815291</v>
      </c>
      <c r="GO9" s="364">
        <v>549994</v>
      </c>
      <c r="GP9" s="368">
        <v>372820</v>
      </c>
      <c r="GQ9" s="374">
        <v>3965744</v>
      </c>
      <c r="GR9" s="365">
        <v>5197982</v>
      </c>
      <c r="GS9" s="364">
        <v>1878660</v>
      </c>
      <c r="GT9" s="368">
        <v>2847243</v>
      </c>
      <c r="GU9" s="366">
        <v>4725903</v>
      </c>
      <c r="GV9" s="364">
        <v>0</v>
      </c>
      <c r="GW9" s="368">
        <v>2822007</v>
      </c>
      <c r="GX9" s="364">
        <v>2357962</v>
      </c>
      <c r="GY9" s="368">
        <v>1298214</v>
      </c>
      <c r="GZ9" s="364">
        <v>1435759</v>
      </c>
      <c r="HA9" s="368">
        <v>816270</v>
      </c>
      <c r="HB9" s="364">
        <v>8730212</v>
      </c>
      <c r="HC9" s="365">
        <v>13456115</v>
      </c>
      <c r="HD9" s="364">
        <v>10282132</v>
      </c>
      <c r="HE9" s="368">
        <v>12755302</v>
      </c>
      <c r="HF9" s="364">
        <v>23037434</v>
      </c>
      <c r="HG9" s="370">
        <v>0</v>
      </c>
      <c r="HH9" s="368">
        <v>87490327</v>
      </c>
      <c r="HI9" s="376">
        <v>102365210</v>
      </c>
      <c r="HJ9" s="368">
        <v>101170083</v>
      </c>
      <c r="HK9" s="376">
        <v>125553688</v>
      </c>
      <c r="HL9" s="368">
        <v>80459813</v>
      </c>
      <c r="HM9" s="373">
        <v>497039121</v>
      </c>
      <c r="HN9" s="364">
        <v>520076555</v>
      </c>
      <c r="HO9" s="439"/>
      <c r="HP9" s="440"/>
      <c r="HQ9" s="441"/>
      <c r="HR9" s="442"/>
      <c r="HS9" s="440"/>
      <c r="HT9" s="442"/>
      <c r="HU9" s="440"/>
      <c r="HV9" s="442"/>
      <c r="HW9" s="440"/>
      <c r="HX9" s="442"/>
      <c r="HY9" s="443"/>
      <c r="HZ9" s="379">
        <v>510489</v>
      </c>
      <c r="IA9" s="380">
        <v>1621740</v>
      </c>
      <c r="IB9" s="381">
        <v>2132229</v>
      </c>
      <c r="IC9" s="382">
        <v>0</v>
      </c>
      <c r="ID9" s="380">
        <v>53667374</v>
      </c>
      <c r="IE9" s="383">
        <v>74303884</v>
      </c>
      <c r="IF9" s="384">
        <v>81078375</v>
      </c>
      <c r="IG9" s="380">
        <v>63210779</v>
      </c>
      <c r="IH9" s="384">
        <v>46650803</v>
      </c>
      <c r="II9" s="385">
        <v>318911215</v>
      </c>
      <c r="IJ9" s="386">
        <v>321043444</v>
      </c>
      <c r="IK9" s="387">
        <v>0</v>
      </c>
      <c r="IL9" s="388">
        <v>0</v>
      </c>
      <c r="IM9" s="389">
        <v>0</v>
      </c>
      <c r="IN9" s="390"/>
      <c r="IO9" s="391">
        <v>1232307</v>
      </c>
      <c r="IP9" s="391">
        <v>3296862</v>
      </c>
      <c r="IQ9" s="391">
        <v>3987279</v>
      </c>
      <c r="IR9" s="391">
        <v>4412999</v>
      </c>
      <c r="IS9" s="391">
        <v>4179687</v>
      </c>
      <c r="IT9" s="392">
        <v>17109134</v>
      </c>
      <c r="IU9" s="393">
        <v>17109134</v>
      </c>
      <c r="IV9" s="394">
        <v>0</v>
      </c>
      <c r="IW9" s="391">
        <v>0</v>
      </c>
      <c r="IX9" s="395">
        <v>0</v>
      </c>
      <c r="IY9" s="396"/>
      <c r="IZ9" s="391">
        <v>138804</v>
      </c>
      <c r="JA9" s="391">
        <v>485430</v>
      </c>
      <c r="JB9" s="391">
        <v>564633</v>
      </c>
      <c r="JC9" s="391">
        <v>742596</v>
      </c>
      <c r="JD9" s="391">
        <v>1120844</v>
      </c>
      <c r="JE9" s="395">
        <v>3052307</v>
      </c>
      <c r="JF9" s="397">
        <v>3052307</v>
      </c>
      <c r="JG9" s="394">
        <v>0</v>
      </c>
      <c r="JH9" s="391">
        <v>60407</v>
      </c>
      <c r="JI9" s="392">
        <v>60407</v>
      </c>
      <c r="JJ9" s="398">
        <v>0</v>
      </c>
      <c r="JK9" s="391">
        <v>26270819</v>
      </c>
      <c r="JL9" s="391">
        <v>29354609</v>
      </c>
      <c r="JM9" s="391">
        <v>18234289</v>
      </c>
      <c r="JN9" s="391">
        <v>12629114</v>
      </c>
      <c r="JO9" s="391">
        <v>5504297</v>
      </c>
      <c r="JP9" s="395">
        <v>91993128</v>
      </c>
      <c r="JQ9" s="393">
        <v>92053535</v>
      </c>
      <c r="JR9" s="394">
        <v>0</v>
      </c>
      <c r="JS9" s="391">
        <v>0</v>
      </c>
      <c r="JT9" s="392">
        <v>0</v>
      </c>
      <c r="JU9" s="398">
        <v>0</v>
      </c>
      <c r="JV9" s="391">
        <v>4146646</v>
      </c>
      <c r="JW9" s="391">
        <v>5134147</v>
      </c>
      <c r="JX9" s="391">
        <v>8104461</v>
      </c>
      <c r="JY9" s="391">
        <v>2777704</v>
      </c>
      <c r="JZ9" s="391">
        <v>2400892</v>
      </c>
      <c r="KA9" s="395">
        <v>22563850</v>
      </c>
      <c r="KB9" s="393">
        <v>22563850</v>
      </c>
      <c r="KC9" s="399">
        <v>510489</v>
      </c>
      <c r="KD9" s="400">
        <v>1561333</v>
      </c>
      <c r="KE9" s="395">
        <v>2071822</v>
      </c>
      <c r="KF9" s="398">
        <v>0</v>
      </c>
      <c r="KG9" s="391">
        <v>7631828</v>
      </c>
      <c r="KH9" s="391">
        <v>7504173</v>
      </c>
      <c r="KI9" s="391">
        <v>12633656</v>
      </c>
      <c r="KJ9" s="391">
        <v>10890043</v>
      </c>
      <c r="KK9" s="391">
        <v>5212702</v>
      </c>
      <c r="KL9" s="395">
        <v>43872402</v>
      </c>
      <c r="KM9" s="401">
        <v>45944224</v>
      </c>
      <c r="KN9" s="387">
        <v>0</v>
      </c>
      <c r="KO9" s="388">
        <v>0</v>
      </c>
      <c r="KP9" s="389">
        <v>0</v>
      </c>
      <c r="KQ9" s="390"/>
      <c r="KR9" s="391">
        <v>13085227</v>
      </c>
      <c r="KS9" s="391">
        <v>24081012</v>
      </c>
      <c r="KT9" s="391">
        <v>29832102</v>
      </c>
      <c r="KU9" s="391">
        <v>22578328</v>
      </c>
      <c r="KV9" s="391">
        <v>16960158</v>
      </c>
      <c r="KW9" s="395">
        <v>106536827</v>
      </c>
      <c r="KX9" s="393">
        <v>106536827</v>
      </c>
      <c r="KY9" s="394">
        <v>0</v>
      </c>
      <c r="KZ9" s="391">
        <v>0</v>
      </c>
      <c r="LA9" s="395">
        <v>0</v>
      </c>
      <c r="LB9" s="402"/>
      <c r="LC9" s="391">
        <v>275118</v>
      </c>
      <c r="LD9" s="391">
        <v>635908</v>
      </c>
      <c r="LE9" s="391">
        <v>912552</v>
      </c>
      <c r="LF9" s="391">
        <v>875441</v>
      </c>
      <c r="LG9" s="391">
        <v>833061</v>
      </c>
      <c r="LH9" s="395">
        <v>3532080</v>
      </c>
      <c r="LI9" s="397">
        <v>3532080</v>
      </c>
      <c r="LJ9" s="394">
        <v>0</v>
      </c>
      <c r="LK9" s="391">
        <v>0</v>
      </c>
      <c r="LL9" s="395">
        <v>0</v>
      </c>
      <c r="LM9" s="402"/>
      <c r="LN9" s="391">
        <v>189476</v>
      </c>
      <c r="LO9" s="391">
        <v>400830</v>
      </c>
      <c r="LP9" s="391">
        <v>1929221</v>
      </c>
      <c r="LQ9" s="391">
        <v>3944199</v>
      </c>
      <c r="LR9" s="391">
        <v>1827938</v>
      </c>
      <c r="LS9" s="395">
        <v>8291664</v>
      </c>
      <c r="LT9" s="393">
        <v>8291664</v>
      </c>
      <c r="LU9" s="394">
        <v>0</v>
      </c>
      <c r="LV9" s="391">
        <v>0</v>
      </c>
      <c r="LW9" s="395">
        <v>0</v>
      </c>
      <c r="LX9" s="402"/>
      <c r="LY9" s="391">
        <v>697149</v>
      </c>
      <c r="LZ9" s="391">
        <v>3410913</v>
      </c>
      <c r="MA9" s="391">
        <v>4880182</v>
      </c>
      <c r="MB9" s="391">
        <v>4360355</v>
      </c>
      <c r="MC9" s="391">
        <v>8611224</v>
      </c>
      <c r="MD9" s="395">
        <v>21959823</v>
      </c>
      <c r="ME9" s="397">
        <v>21959823</v>
      </c>
      <c r="MF9" s="394">
        <v>0</v>
      </c>
      <c r="MG9" s="391">
        <v>0</v>
      </c>
      <c r="MH9" s="395">
        <v>0</v>
      </c>
      <c r="MI9" s="402"/>
      <c r="MJ9" s="391">
        <v>12945746</v>
      </c>
      <c r="MK9" s="391">
        <v>38286332</v>
      </c>
      <c r="ML9" s="391">
        <v>105664022</v>
      </c>
      <c r="MM9" s="391">
        <v>152995547</v>
      </c>
      <c r="MN9" s="391">
        <v>110233604</v>
      </c>
      <c r="MO9" s="395">
        <v>420125251</v>
      </c>
      <c r="MP9" s="401">
        <v>420125251</v>
      </c>
      <c r="MQ9" s="394">
        <v>0</v>
      </c>
      <c r="MR9" s="391">
        <v>0</v>
      </c>
      <c r="MS9" s="395">
        <v>0</v>
      </c>
      <c r="MT9" s="402"/>
      <c r="MU9" s="391">
        <v>1673298</v>
      </c>
      <c r="MV9" s="391">
        <v>7103089</v>
      </c>
      <c r="MW9" s="391">
        <v>59739466</v>
      </c>
      <c r="MX9" s="391">
        <v>87898297</v>
      </c>
      <c r="MY9" s="391">
        <v>66776635</v>
      </c>
      <c r="MZ9" s="395">
        <v>223190785</v>
      </c>
      <c r="NA9" s="401">
        <v>223190785</v>
      </c>
      <c r="NB9" s="394">
        <v>0</v>
      </c>
      <c r="NC9" s="391">
        <v>0</v>
      </c>
      <c r="ND9" s="395">
        <v>0</v>
      </c>
      <c r="NE9" s="402"/>
      <c r="NF9" s="391">
        <v>11272448</v>
      </c>
      <c r="NG9" s="391">
        <v>30766360</v>
      </c>
      <c r="NH9" s="391">
        <v>45641338</v>
      </c>
      <c r="NI9" s="391">
        <v>58996806</v>
      </c>
      <c r="NJ9" s="391">
        <v>33205876</v>
      </c>
      <c r="NK9" s="395">
        <v>179882828</v>
      </c>
      <c r="NL9" s="393">
        <v>179882828</v>
      </c>
      <c r="NM9" s="394">
        <v>0</v>
      </c>
      <c r="NN9" s="391">
        <v>0</v>
      </c>
      <c r="NO9" s="395">
        <v>0</v>
      </c>
      <c r="NP9" s="402"/>
      <c r="NQ9" s="391">
        <v>0</v>
      </c>
      <c r="NR9" s="391">
        <v>0</v>
      </c>
      <c r="NS9" s="391">
        <v>0</v>
      </c>
      <c r="NT9" s="391">
        <v>2503946</v>
      </c>
      <c r="NU9" s="391">
        <v>2619438</v>
      </c>
      <c r="NV9" s="395">
        <v>5123384</v>
      </c>
      <c r="NW9" s="397">
        <v>5123384</v>
      </c>
      <c r="NX9" s="394">
        <v>0</v>
      </c>
      <c r="NY9" s="391">
        <v>0</v>
      </c>
      <c r="NZ9" s="395">
        <v>0</v>
      </c>
      <c r="OA9" s="402"/>
      <c r="OB9" s="391">
        <v>0</v>
      </c>
      <c r="OC9" s="391">
        <v>416883</v>
      </c>
      <c r="OD9" s="391">
        <v>283218</v>
      </c>
      <c r="OE9" s="391">
        <v>3596498</v>
      </c>
      <c r="OF9" s="391">
        <v>7631655</v>
      </c>
      <c r="OG9" s="395">
        <v>11928254</v>
      </c>
      <c r="OH9" s="397">
        <v>11928254</v>
      </c>
      <c r="OI9" s="394">
        <v>26408206</v>
      </c>
      <c r="OJ9" s="391">
        <v>48204416</v>
      </c>
      <c r="OK9" s="392">
        <v>74612622</v>
      </c>
      <c r="OL9" s="398">
        <v>0</v>
      </c>
      <c r="OM9" s="391">
        <v>326231285</v>
      </c>
      <c r="ON9" s="391">
        <v>476537445</v>
      </c>
      <c r="OO9" s="391">
        <v>494924319</v>
      </c>
      <c r="OP9" s="391">
        <v>538563375</v>
      </c>
      <c r="OQ9" s="391">
        <v>384924889</v>
      </c>
      <c r="OR9" s="395">
        <v>2221181313</v>
      </c>
      <c r="OS9" s="401">
        <v>2295793935</v>
      </c>
    </row>
    <row r="10" spans="2:409" s="444" customFormat="1" ht="21" customHeight="1" x14ac:dyDescent="0.2">
      <c r="B10" s="471" t="s">
        <v>5</v>
      </c>
      <c r="C10" s="404">
        <v>11423191</v>
      </c>
      <c r="D10" s="405">
        <v>23906655</v>
      </c>
      <c r="E10" s="406">
        <v>35329846</v>
      </c>
      <c r="F10" s="407">
        <v>0</v>
      </c>
      <c r="G10" s="405">
        <v>97557348</v>
      </c>
      <c r="H10" s="405">
        <v>176184148</v>
      </c>
      <c r="I10" s="405">
        <v>137701576</v>
      </c>
      <c r="J10" s="405">
        <v>141066353</v>
      </c>
      <c r="K10" s="405">
        <v>98307228</v>
      </c>
      <c r="L10" s="407">
        <v>650816653</v>
      </c>
      <c r="M10" s="408">
        <v>686146499</v>
      </c>
      <c r="N10" s="404">
        <v>3883245</v>
      </c>
      <c r="O10" s="405">
        <v>8850611</v>
      </c>
      <c r="P10" s="406">
        <v>12733856</v>
      </c>
      <c r="Q10" s="404">
        <v>0</v>
      </c>
      <c r="R10" s="405">
        <v>30318315</v>
      </c>
      <c r="S10" s="405">
        <v>64235954</v>
      </c>
      <c r="T10" s="405">
        <v>44898136</v>
      </c>
      <c r="U10" s="405">
        <v>49569663</v>
      </c>
      <c r="V10" s="405">
        <v>46879505</v>
      </c>
      <c r="W10" s="406">
        <v>235901573</v>
      </c>
      <c r="X10" s="408">
        <v>248635429</v>
      </c>
      <c r="Y10" s="404">
        <v>0</v>
      </c>
      <c r="Z10" s="405">
        <v>0</v>
      </c>
      <c r="AA10" s="406">
        <v>0</v>
      </c>
      <c r="AB10" s="404">
        <v>0</v>
      </c>
      <c r="AC10" s="405">
        <v>12050932</v>
      </c>
      <c r="AD10" s="405">
        <v>23966746</v>
      </c>
      <c r="AE10" s="405">
        <v>19586870</v>
      </c>
      <c r="AF10" s="405">
        <v>24363510</v>
      </c>
      <c r="AG10" s="405">
        <v>24098286</v>
      </c>
      <c r="AH10" s="406">
        <v>104066344</v>
      </c>
      <c r="AI10" s="408">
        <v>104066344</v>
      </c>
      <c r="AJ10" s="404">
        <v>0</v>
      </c>
      <c r="AK10" s="405">
        <v>115022</v>
      </c>
      <c r="AL10" s="406">
        <v>115022</v>
      </c>
      <c r="AM10" s="404">
        <v>0</v>
      </c>
      <c r="AN10" s="405">
        <v>201555</v>
      </c>
      <c r="AO10" s="405">
        <v>323176</v>
      </c>
      <c r="AP10" s="405">
        <v>1223319</v>
      </c>
      <c r="AQ10" s="405">
        <v>2187820</v>
      </c>
      <c r="AR10" s="405">
        <v>6339373</v>
      </c>
      <c r="AS10" s="406">
        <v>10275243</v>
      </c>
      <c r="AT10" s="408">
        <v>10390265</v>
      </c>
      <c r="AU10" s="404">
        <v>2210768</v>
      </c>
      <c r="AV10" s="405">
        <v>5921968</v>
      </c>
      <c r="AW10" s="406">
        <v>8132736</v>
      </c>
      <c r="AX10" s="404">
        <v>0</v>
      </c>
      <c r="AY10" s="405">
        <v>11499509</v>
      </c>
      <c r="AZ10" s="405">
        <v>28006037</v>
      </c>
      <c r="BA10" s="405">
        <v>15687464</v>
      </c>
      <c r="BB10" s="405">
        <v>13495027</v>
      </c>
      <c r="BC10" s="405">
        <v>10701253</v>
      </c>
      <c r="BD10" s="406">
        <v>79389290</v>
      </c>
      <c r="BE10" s="408">
        <v>87522026</v>
      </c>
      <c r="BF10" s="404">
        <v>172769</v>
      </c>
      <c r="BG10" s="405">
        <v>983996</v>
      </c>
      <c r="BH10" s="409">
        <v>1156765</v>
      </c>
      <c r="BI10" s="410">
        <v>0</v>
      </c>
      <c r="BJ10" s="405">
        <v>899346</v>
      </c>
      <c r="BK10" s="405">
        <v>2647250</v>
      </c>
      <c r="BL10" s="405">
        <v>935627</v>
      </c>
      <c r="BM10" s="405">
        <v>1240339</v>
      </c>
      <c r="BN10" s="405">
        <v>373688</v>
      </c>
      <c r="BO10" s="406">
        <v>6096250</v>
      </c>
      <c r="BP10" s="408">
        <v>7253015</v>
      </c>
      <c r="BQ10" s="404">
        <v>1499708</v>
      </c>
      <c r="BR10" s="405">
        <v>1829625</v>
      </c>
      <c r="BS10" s="406">
        <v>3329333</v>
      </c>
      <c r="BT10" s="404">
        <v>0</v>
      </c>
      <c r="BU10" s="405">
        <v>5666973</v>
      </c>
      <c r="BV10" s="405">
        <v>9292745</v>
      </c>
      <c r="BW10" s="405">
        <v>7464856</v>
      </c>
      <c r="BX10" s="405">
        <v>8282967</v>
      </c>
      <c r="BY10" s="405">
        <v>5366905</v>
      </c>
      <c r="BZ10" s="406">
        <v>36074446</v>
      </c>
      <c r="CA10" s="408">
        <v>39403779</v>
      </c>
      <c r="CB10" s="404">
        <v>1071042</v>
      </c>
      <c r="CC10" s="405">
        <v>3442764</v>
      </c>
      <c r="CD10" s="406">
        <v>4513806</v>
      </c>
      <c r="CE10" s="404">
        <v>0</v>
      </c>
      <c r="CF10" s="405">
        <v>22444659</v>
      </c>
      <c r="CG10" s="405">
        <v>37404205</v>
      </c>
      <c r="CH10" s="405">
        <v>24714300</v>
      </c>
      <c r="CI10" s="405">
        <v>16243140</v>
      </c>
      <c r="CJ10" s="405">
        <v>7171390</v>
      </c>
      <c r="CK10" s="406">
        <v>107977694</v>
      </c>
      <c r="CL10" s="408">
        <v>112491500</v>
      </c>
      <c r="CM10" s="404">
        <v>0</v>
      </c>
      <c r="CN10" s="405">
        <v>0</v>
      </c>
      <c r="CO10" s="406">
        <v>0</v>
      </c>
      <c r="CP10" s="410">
        <v>0</v>
      </c>
      <c r="CQ10" s="405">
        <v>18102938</v>
      </c>
      <c r="CR10" s="405">
        <v>26318351</v>
      </c>
      <c r="CS10" s="405">
        <v>16209089</v>
      </c>
      <c r="CT10" s="405">
        <v>10449455</v>
      </c>
      <c r="CU10" s="405">
        <v>4396407</v>
      </c>
      <c r="CV10" s="406">
        <v>75476240</v>
      </c>
      <c r="CW10" s="408">
        <v>75476240</v>
      </c>
      <c r="CX10" s="404">
        <v>1071042</v>
      </c>
      <c r="CY10" s="405">
        <v>3442764</v>
      </c>
      <c r="CZ10" s="406">
        <v>4513806</v>
      </c>
      <c r="DA10" s="404">
        <v>0</v>
      </c>
      <c r="DB10" s="405">
        <v>4341721</v>
      </c>
      <c r="DC10" s="405">
        <v>11085854</v>
      </c>
      <c r="DD10" s="405">
        <v>8505211</v>
      </c>
      <c r="DE10" s="405">
        <v>5793685</v>
      </c>
      <c r="DF10" s="405">
        <v>2774983</v>
      </c>
      <c r="DG10" s="406">
        <v>32501454</v>
      </c>
      <c r="DH10" s="408">
        <v>37015260</v>
      </c>
      <c r="DI10" s="404">
        <v>89119</v>
      </c>
      <c r="DJ10" s="405">
        <v>232167</v>
      </c>
      <c r="DK10" s="409">
        <v>321286</v>
      </c>
      <c r="DL10" s="410">
        <v>0</v>
      </c>
      <c r="DM10" s="405">
        <v>2897661</v>
      </c>
      <c r="DN10" s="405">
        <v>7694159</v>
      </c>
      <c r="DO10" s="405">
        <v>11229612</v>
      </c>
      <c r="DP10" s="405">
        <v>10374020</v>
      </c>
      <c r="DQ10" s="405">
        <v>5732081</v>
      </c>
      <c r="DR10" s="406">
        <v>37927533</v>
      </c>
      <c r="DS10" s="408">
        <v>38248819</v>
      </c>
      <c r="DT10" s="404">
        <v>61588</v>
      </c>
      <c r="DU10" s="405">
        <v>120955</v>
      </c>
      <c r="DV10" s="406">
        <v>182543</v>
      </c>
      <c r="DW10" s="404">
        <v>0</v>
      </c>
      <c r="DX10" s="405">
        <v>2397248</v>
      </c>
      <c r="DY10" s="405">
        <v>5893187</v>
      </c>
      <c r="DZ10" s="405">
        <v>8931715</v>
      </c>
      <c r="EA10" s="405">
        <v>7755630</v>
      </c>
      <c r="EB10" s="405">
        <v>4465950</v>
      </c>
      <c r="EC10" s="406">
        <v>29443730</v>
      </c>
      <c r="ED10" s="408">
        <v>29626273</v>
      </c>
      <c r="EE10" s="404">
        <v>27531</v>
      </c>
      <c r="EF10" s="409">
        <v>111212</v>
      </c>
      <c r="EG10" s="406">
        <v>138743</v>
      </c>
      <c r="EH10" s="404">
        <v>0</v>
      </c>
      <c r="EI10" s="405">
        <v>500413</v>
      </c>
      <c r="EJ10" s="405">
        <v>1800972</v>
      </c>
      <c r="EK10" s="405">
        <v>2297897</v>
      </c>
      <c r="EL10" s="405">
        <v>2618390</v>
      </c>
      <c r="EM10" s="405">
        <v>1266131</v>
      </c>
      <c r="EN10" s="409">
        <v>8483803</v>
      </c>
      <c r="EO10" s="408">
        <v>8622546</v>
      </c>
      <c r="EP10" s="404">
        <v>0</v>
      </c>
      <c r="EQ10" s="405">
        <v>0</v>
      </c>
      <c r="ER10" s="409">
        <v>0</v>
      </c>
      <c r="ES10" s="410">
        <v>0</v>
      </c>
      <c r="ET10" s="405">
        <v>0</v>
      </c>
      <c r="EU10" s="405">
        <v>0</v>
      </c>
      <c r="EV10" s="405">
        <v>0</v>
      </c>
      <c r="EW10" s="405">
        <v>0</v>
      </c>
      <c r="EX10" s="405">
        <v>0</v>
      </c>
      <c r="EY10" s="406">
        <v>0</v>
      </c>
      <c r="EZ10" s="408">
        <v>0</v>
      </c>
      <c r="FA10" s="404">
        <v>0</v>
      </c>
      <c r="FB10" s="405">
        <v>0</v>
      </c>
      <c r="FC10" s="409">
        <v>0</v>
      </c>
      <c r="FD10" s="411"/>
      <c r="FE10" s="405">
        <v>0</v>
      </c>
      <c r="FF10" s="405">
        <v>0</v>
      </c>
      <c r="FG10" s="405">
        <v>0</v>
      </c>
      <c r="FH10" s="405">
        <v>0</v>
      </c>
      <c r="FI10" s="405">
        <v>0</v>
      </c>
      <c r="FJ10" s="406">
        <v>0</v>
      </c>
      <c r="FK10" s="408">
        <v>0</v>
      </c>
      <c r="FL10" s="404">
        <v>1980342</v>
      </c>
      <c r="FM10" s="405">
        <v>4639063</v>
      </c>
      <c r="FN10" s="406">
        <v>6619405</v>
      </c>
      <c r="FO10" s="404">
        <v>0</v>
      </c>
      <c r="FP10" s="405">
        <v>4398878</v>
      </c>
      <c r="FQ10" s="405">
        <v>15287643</v>
      </c>
      <c r="FR10" s="405">
        <v>9226119</v>
      </c>
      <c r="FS10" s="405">
        <v>9207223</v>
      </c>
      <c r="FT10" s="405">
        <v>6289319</v>
      </c>
      <c r="FU10" s="406">
        <v>44409182</v>
      </c>
      <c r="FV10" s="408">
        <v>51028587</v>
      </c>
      <c r="FW10" s="412">
        <v>894992</v>
      </c>
      <c r="FX10" s="405">
        <v>2859385</v>
      </c>
      <c r="FY10" s="409">
        <v>3754377</v>
      </c>
      <c r="FZ10" s="410">
        <v>0</v>
      </c>
      <c r="GA10" s="405">
        <v>2723399</v>
      </c>
      <c r="GB10" s="405">
        <v>13068362</v>
      </c>
      <c r="GC10" s="405">
        <v>8457475</v>
      </c>
      <c r="GD10" s="405">
        <v>8397522</v>
      </c>
      <c r="GE10" s="405">
        <v>5671324</v>
      </c>
      <c r="GF10" s="406">
        <v>38318082</v>
      </c>
      <c r="GG10" s="413">
        <v>42072459</v>
      </c>
      <c r="GH10" s="412">
        <v>179914</v>
      </c>
      <c r="GI10" s="405">
        <v>373805</v>
      </c>
      <c r="GJ10" s="409">
        <v>553719</v>
      </c>
      <c r="GK10" s="410">
        <v>0</v>
      </c>
      <c r="GL10" s="405">
        <v>351647</v>
      </c>
      <c r="GM10" s="405">
        <v>437720</v>
      </c>
      <c r="GN10" s="405">
        <v>274311</v>
      </c>
      <c r="GO10" s="405">
        <v>227791</v>
      </c>
      <c r="GP10" s="405">
        <v>175945</v>
      </c>
      <c r="GQ10" s="406">
        <v>1467414</v>
      </c>
      <c r="GR10" s="408">
        <v>2021133</v>
      </c>
      <c r="GS10" s="404">
        <v>905436</v>
      </c>
      <c r="GT10" s="405">
        <v>1405873</v>
      </c>
      <c r="GU10" s="406">
        <v>2311309</v>
      </c>
      <c r="GV10" s="404">
        <v>0</v>
      </c>
      <c r="GW10" s="405">
        <v>1323832</v>
      </c>
      <c r="GX10" s="405">
        <v>1781561</v>
      </c>
      <c r="GY10" s="405">
        <v>494333</v>
      </c>
      <c r="GZ10" s="405">
        <v>581910</v>
      </c>
      <c r="HA10" s="405">
        <v>442050</v>
      </c>
      <c r="HB10" s="409">
        <v>4623686</v>
      </c>
      <c r="HC10" s="408">
        <v>6934995</v>
      </c>
      <c r="HD10" s="404">
        <v>4399443</v>
      </c>
      <c r="HE10" s="405">
        <v>6742050</v>
      </c>
      <c r="HF10" s="409">
        <v>11141493</v>
      </c>
      <c r="HG10" s="410">
        <v>0</v>
      </c>
      <c r="HH10" s="405">
        <v>37497835</v>
      </c>
      <c r="HI10" s="405">
        <v>51562187</v>
      </c>
      <c r="HJ10" s="405">
        <v>47633409</v>
      </c>
      <c r="HK10" s="405">
        <v>55672307</v>
      </c>
      <c r="HL10" s="405">
        <v>32234933</v>
      </c>
      <c r="HM10" s="406">
        <v>224600671</v>
      </c>
      <c r="HN10" s="407">
        <v>235742164</v>
      </c>
      <c r="HO10" s="445"/>
      <c r="HP10" s="446"/>
      <c r="HQ10" s="447"/>
      <c r="HR10" s="448"/>
      <c r="HS10" s="446"/>
      <c r="HT10" s="446"/>
      <c r="HU10" s="446"/>
      <c r="HV10" s="446"/>
      <c r="HW10" s="446"/>
      <c r="HX10" s="449"/>
      <c r="HY10" s="450"/>
      <c r="HZ10" s="414">
        <v>265419</v>
      </c>
      <c r="IA10" s="415">
        <v>688745</v>
      </c>
      <c r="IB10" s="416">
        <v>954164</v>
      </c>
      <c r="IC10" s="417">
        <v>0</v>
      </c>
      <c r="ID10" s="418">
        <v>21399763</v>
      </c>
      <c r="IE10" s="419">
        <v>32793815</v>
      </c>
      <c r="IF10" s="420">
        <v>36273871</v>
      </c>
      <c r="IG10" s="418">
        <v>30157915</v>
      </c>
      <c r="IH10" s="420">
        <v>20735135</v>
      </c>
      <c r="II10" s="421">
        <v>141360499</v>
      </c>
      <c r="IJ10" s="422">
        <v>142314663</v>
      </c>
      <c r="IK10" s="423">
        <v>0</v>
      </c>
      <c r="IL10" s="424">
        <v>0</v>
      </c>
      <c r="IM10" s="425">
        <v>0</v>
      </c>
      <c r="IN10" s="426"/>
      <c r="IO10" s="427">
        <v>471745</v>
      </c>
      <c r="IP10" s="427">
        <v>1593584</v>
      </c>
      <c r="IQ10" s="427">
        <v>3013732</v>
      </c>
      <c r="IR10" s="427">
        <v>1631334</v>
      </c>
      <c r="IS10" s="427">
        <v>2079438</v>
      </c>
      <c r="IT10" s="428">
        <v>8789833</v>
      </c>
      <c r="IU10" s="429">
        <v>8789833</v>
      </c>
      <c r="IV10" s="430">
        <v>0</v>
      </c>
      <c r="IW10" s="427">
        <v>0</v>
      </c>
      <c r="IX10" s="431">
        <v>0</v>
      </c>
      <c r="IY10" s="432"/>
      <c r="IZ10" s="427">
        <v>77611</v>
      </c>
      <c r="JA10" s="427">
        <v>321645</v>
      </c>
      <c r="JB10" s="427">
        <v>459576</v>
      </c>
      <c r="JC10" s="427">
        <v>557647</v>
      </c>
      <c r="JD10" s="427">
        <v>825337</v>
      </c>
      <c r="JE10" s="431">
        <v>2241816</v>
      </c>
      <c r="JF10" s="433">
        <v>2241816</v>
      </c>
      <c r="JG10" s="430">
        <v>0</v>
      </c>
      <c r="JH10" s="427">
        <v>0</v>
      </c>
      <c r="JI10" s="428">
        <v>0</v>
      </c>
      <c r="JJ10" s="434">
        <v>0</v>
      </c>
      <c r="JK10" s="427">
        <v>9668363</v>
      </c>
      <c r="JL10" s="427">
        <v>14934173</v>
      </c>
      <c r="JM10" s="427">
        <v>9450905</v>
      </c>
      <c r="JN10" s="427">
        <v>5975962</v>
      </c>
      <c r="JO10" s="427">
        <v>2919611</v>
      </c>
      <c r="JP10" s="431">
        <v>42949014</v>
      </c>
      <c r="JQ10" s="429">
        <v>42949014</v>
      </c>
      <c r="JR10" s="430">
        <v>0</v>
      </c>
      <c r="JS10" s="427">
        <v>0</v>
      </c>
      <c r="JT10" s="428">
        <v>0</v>
      </c>
      <c r="JU10" s="434">
        <v>0</v>
      </c>
      <c r="JV10" s="427">
        <v>1947808</v>
      </c>
      <c r="JW10" s="427">
        <v>2620638</v>
      </c>
      <c r="JX10" s="427">
        <v>4077720</v>
      </c>
      <c r="JY10" s="427">
        <v>1404001</v>
      </c>
      <c r="JZ10" s="427">
        <v>1831373</v>
      </c>
      <c r="KA10" s="431">
        <v>11881540</v>
      </c>
      <c r="KB10" s="429">
        <v>11881540</v>
      </c>
      <c r="KC10" s="435">
        <v>265419</v>
      </c>
      <c r="KD10" s="436">
        <v>688745</v>
      </c>
      <c r="KE10" s="431">
        <v>954164</v>
      </c>
      <c r="KF10" s="434">
        <v>0</v>
      </c>
      <c r="KG10" s="427">
        <v>2966398</v>
      </c>
      <c r="KH10" s="427">
        <v>3957823</v>
      </c>
      <c r="KI10" s="427">
        <v>5516300</v>
      </c>
      <c r="KJ10" s="427">
        <v>7269169</v>
      </c>
      <c r="KK10" s="427">
        <v>3254504</v>
      </c>
      <c r="KL10" s="431">
        <v>22964194</v>
      </c>
      <c r="KM10" s="437">
        <v>23918358</v>
      </c>
      <c r="KN10" s="423">
        <v>0</v>
      </c>
      <c r="KO10" s="424">
        <v>0</v>
      </c>
      <c r="KP10" s="425">
        <v>0</v>
      </c>
      <c r="KQ10" s="426"/>
      <c r="KR10" s="427">
        <v>6267838</v>
      </c>
      <c r="KS10" s="427">
        <v>8227774</v>
      </c>
      <c r="KT10" s="427">
        <v>12282511</v>
      </c>
      <c r="KU10" s="427">
        <v>11026017</v>
      </c>
      <c r="KV10" s="427">
        <v>6276130</v>
      </c>
      <c r="KW10" s="431">
        <v>44080270</v>
      </c>
      <c r="KX10" s="429">
        <v>44080270</v>
      </c>
      <c r="KY10" s="430">
        <v>0</v>
      </c>
      <c r="KZ10" s="427">
        <v>0</v>
      </c>
      <c r="LA10" s="431">
        <v>0</v>
      </c>
      <c r="LB10" s="438"/>
      <c r="LC10" s="427">
        <v>0</v>
      </c>
      <c r="LD10" s="427">
        <v>0</v>
      </c>
      <c r="LE10" s="427">
        <v>0</v>
      </c>
      <c r="LF10" s="427">
        <v>0</v>
      </c>
      <c r="LG10" s="427">
        <v>0</v>
      </c>
      <c r="LH10" s="431">
        <v>0</v>
      </c>
      <c r="LI10" s="433">
        <v>0</v>
      </c>
      <c r="LJ10" s="430">
        <v>0</v>
      </c>
      <c r="LK10" s="427">
        <v>0</v>
      </c>
      <c r="LL10" s="431">
        <v>0</v>
      </c>
      <c r="LM10" s="438"/>
      <c r="LN10" s="427">
        <v>0</v>
      </c>
      <c r="LO10" s="427">
        <v>218771</v>
      </c>
      <c r="LP10" s="427">
        <v>0</v>
      </c>
      <c r="LQ10" s="427">
        <v>256343</v>
      </c>
      <c r="LR10" s="427">
        <v>280664</v>
      </c>
      <c r="LS10" s="431">
        <v>755778</v>
      </c>
      <c r="LT10" s="429">
        <v>755778</v>
      </c>
      <c r="LU10" s="430">
        <v>0</v>
      </c>
      <c r="LV10" s="427">
        <v>0</v>
      </c>
      <c r="LW10" s="431">
        <v>0</v>
      </c>
      <c r="LX10" s="438"/>
      <c r="LY10" s="427">
        <v>0</v>
      </c>
      <c r="LZ10" s="427">
        <v>919407</v>
      </c>
      <c r="MA10" s="427">
        <v>1473127</v>
      </c>
      <c r="MB10" s="427">
        <v>2037442</v>
      </c>
      <c r="MC10" s="427">
        <v>3268078</v>
      </c>
      <c r="MD10" s="431">
        <v>7698054</v>
      </c>
      <c r="ME10" s="433">
        <v>7698054</v>
      </c>
      <c r="MF10" s="430">
        <v>0</v>
      </c>
      <c r="MG10" s="427">
        <v>0</v>
      </c>
      <c r="MH10" s="431">
        <v>0</v>
      </c>
      <c r="MI10" s="438"/>
      <c r="MJ10" s="427">
        <v>6727199</v>
      </c>
      <c r="MK10" s="427">
        <v>21053585</v>
      </c>
      <c r="ML10" s="427">
        <v>53441462</v>
      </c>
      <c r="MM10" s="427">
        <v>69233130</v>
      </c>
      <c r="MN10" s="427">
        <v>51026886</v>
      </c>
      <c r="MO10" s="431">
        <v>201482262</v>
      </c>
      <c r="MP10" s="437">
        <v>201482262</v>
      </c>
      <c r="MQ10" s="430">
        <v>0</v>
      </c>
      <c r="MR10" s="427">
        <v>0</v>
      </c>
      <c r="MS10" s="431">
        <v>0</v>
      </c>
      <c r="MT10" s="438"/>
      <c r="MU10" s="427">
        <v>1133977</v>
      </c>
      <c r="MV10" s="427">
        <v>4670290</v>
      </c>
      <c r="MW10" s="427">
        <v>31059037</v>
      </c>
      <c r="MX10" s="427">
        <v>37388924</v>
      </c>
      <c r="MY10" s="427">
        <v>28980035</v>
      </c>
      <c r="MZ10" s="431">
        <v>103232263</v>
      </c>
      <c r="NA10" s="437">
        <v>103232263</v>
      </c>
      <c r="NB10" s="430">
        <v>0</v>
      </c>
      <c r="NC10" s="427">
        <v>0</v>
      </c>
      <c r="ND10" s="431">
        <v>0</v>
      </c>
      <c r="NE10" s="438"/>
      <c r="NF10" s="427">
        <v>5593222</v>
      </c>
      <c r="NG10" s="427">
        <v>16383295</v>
      </c>
      <c r="NH10" s="427">
        <v>22382425</v>
      </c>
      <c r="NI10" s="427">
        <v>28593688</v>
      </c>
      <c r="NJ10" s="427">
        <v>17967833</v>
      </c>
      <c r="NK10" s="431">
        <v>90920463</v>
      </c>
      <c r="NL10" s="429">
        <v>90920463</v>
      </c>
      <c r="NM10" s="430">
        <v>0</v>
      </c>
      <c r="NN10" s="427">
        <v>0</v>
      </c>
      <c r="NO10" s="431">
        <v>0</v>
      </c>
      <c r="NP10" s="438"/>
      <c r="NQ10" s="427">
        <v>0</v>
      </c>
      <c r="NR10" s="427">
        <v>0</v>
      </c>
      <c r="NS10" s="427">
        <v>0</v>
      </c>
      <c r="NT10" s="427">
        <v>862681</v>
      </c>
      <c r="NU10" s="427">
        <v>1206608</v>
      </c>
      <c r="NV10" s="431">
        <v>2069289</v>
      </c>
      <c r="NW10" s="433">
        <v>2069289</v>
      </c>
      <c r="NX10" s="430">
        <v>0</v>
      </c>
      <c r="NY10" s="427">
        <v>0</v>
      </c>
      <c r="NZ10" s="431">
        <v>0</v>
      </c>
      <c r="OA10" s="438"/>
      <c r="OB10" s="427">
        <v>0</v>
      </c>
      <c r="OC10" s="427">
        <v>0</v>
      </c>
      <c r="OD10" s="427">
        <v>0</v>
      </c>
      <c r="OE10" s="427">
        <v>2387837</v>
      </c>
      <c r="OF10" s="427">
        <v>2872410</v>
      </c>
      <c r="OG10" s="431">
        <v>5260247</v>
      </c>
      <c r="OH10" s="433">
        <v>5260247</v>
      </c>
      <c r="OI10" s="430">
        <v>11688610</v>
      </c>
      <c r="OJ10" s="427">
        <v>24595400</v>
      </c>
      <c r="OK10" s="428">
        <v>36284010</v>
      </c>
      <c r="OL10" s="434">
        <v>0</v>
      </c>
      <c r="OM10" s="427">
        <v>125684310</v>
      </c>
      <c r="ON10" s="427">
        <v>230031548</v>
      </c>
      <c r="OO10" s="427">
        <v>227416909</v>
      </c>
      <c r="OP10" s="427">
        <v>240457398</v>
      </c>
      <c r="OQ10" s="427">
        <v>170069249</v>
      </c>
      <c r="OR10" s="431">
        <v>993659414</v>
      </c>
      <c r="OS10" s="437">
        <v>1029943424</v>
      </c>
    </row>
    <row r="11" spans="2:409" ht="21" customHeight="1" x14ac:dyDescent="0.2">
      <c r="B11" s="472" t="s">
        <v>6</v>
      </c>
      <c r="C11" s="100">
        <v>3958801</v>
      </c>
      <c r="D11" s="104">
        <v>6358471</v>
      </c>
      <c r="E11" s="103">
        <v>10317272</v>
      </c>
      <c r="F11" s="99">
        <v>0</v>
      </c>
      <c r="G11" s="104">
        <v>52463160</v>
      </c>
      <c r="H11" s="104">
        <v>56382698</v>
      </c>
      <c r="I11" s="104">
        <v>48169985</v>
      </c>
      <c r="J11" s="104">
        <v>55892645</v>
      </c>
      <c r="K11" s="104">
        <v>40960783</v>
      </c>
      <c r="L11" s="99">
        <v>253869271</v>
      </c>
      <c r="M11" s="106">
        <v>264186543</v>
      </c>
      <c r="N11" s="100">
        <v>1295787</v>
      </c>
      <c r="O11" s="104">
        <v>2801521</v>
      </c>
      <c r="P11" s="103">
        <v>4097308</v>
      </c>
      <c r="Q11" s="100">
        <v>0</v>
      </c>
      <c r="R11" s="104">
        <v>19064879</v>
      </c>
      <c r="S11" s="104">
        <v>19903175</v>
      </c>
      <c r="T11" s="104">
        <v>16783917</v>
      </c>
      <c r="U11" s="104">
        <v>20146318</v>
      </c>
      <c r="V11" s="104">
        <v>18134143</v>
      </c>
      <c r="W11" s="103">
        <v>94032432</v>
      </c>
      <c r="X11" s="106">
        <v>98129740</v>
      </c>
      <c r="Y11" s="100">
        <v>0</v>
      </c>
      <c r="Z11" s="104">
        <v>0</v>
      </c>
      <c r="AA11" s="103">
        <v>0</v>
      </c>
      <c r="AB11" s="100">
        <v>0</v>
      </c>
      <c r="AC11" s="104">
        <v>6827602</v>
      </c>
      <c r="AD11" s="104">
        <v>8431558</v>
      </c>
      <c r="AE11" s="104">
        <v>7533718</v>
      </c>
      <c r="AF11" s="104">
        <v>10849177</v>
      </c>
      <c r="AG11" s="104">
        <v>10832016</v>
      </c>
      <c r="AH11" s="103">
        <v>44474071</v>
      </c>
      <c r="AI11" s="106">
        <v>44474071</v>
      </c>
      <c r="AJ11" s="100">
        <v>0</v>
      </c>
      <c r="AK11" s="104">
        <v>0</v>
      </c>
      <c r="AL11" s="103">
        <v>0</v>
      </c>
      <c r="AM11" s="100">
        <v>0</v>
      </c>
      <c r="AN11" s="104">
        <v>191376</v>
      </c>
      <c r="AO11" s="104">
        <v>471304</v>
      </c>
      <c r="AP11" s="104">
        <v>850199</v>
      </c>
      <c r="AQ11" s="104">
        <v>940080</v>
      </c>
      <c r="AR11" s="104">
        <v>1410618</v>
      </c>
      <c r="AS11" s="103">
        <v>3863577</v>
      </c>
      <c r="AT11" s="106">
        <v>3863577</v>
      </c>
      <c r="AU11" s="100">
        <v>727042</v>
      </c>
      <c r="AV11" s="104">
        <v>2135765</v>
      </c>
      <c r="AW11" s="103">
        <v>2862807</v>
      </c>
      <c r="AX11" s="100">
        <v>0</v>
      </c>
      <c r="AY11" s="104">
        <v>8507425</v>
      </c>
      <c r="AZ11" s="104">
        <v>7208338</v>
      </c>
      <c r="BA11" s="104">
        <v>5160518</v>
      </c>
      <c r="BB11" s="104">
        <v>4674344</v>
      </c>
      <c r="BC11" s="104">
        <v>3023140</v>
      </c>
      <c r="BD11" s="103">
        <v>28573765</v>
      </c>
      <c r="BE11" s="106">
        <v>31436572</v>
      </c>
      <c r="BF11" s="100">
        <v>107466</v>
      </c>
      <c r="BG11" s="104">
        <v>170030</v>
      </c>
      <c r="BH11" s="102">
        <v>277496</v>
      </c>
      <c r="BI11" s="101">
        <v>0</v>
      </c>
      <c r="BJ11" s="104">
        <v>694302</v>
      </c>
      <c r="BK11" s="104">
        <v>513504</v>
      </c>
      <c r="BL11" s="104">
        <v>518900</v>
      </c>
      <c r="BM11" s="104">
        <v>386557</v>
      </c>
      <c r="BN11" s="104">
        <v>171758</v>
      </c>
      <c r="BO11" s="103">
        <v>2285021</v>
      </c>
      <c r="BP11" s="106">
        <v>2562517</v>
      </c>
      <c r="BQ11" s="100">
        <v>461279</v>
      </c>
      <c r="BR11" s="104">
        <v>495726</v>
      </c>
      <c r="BS11" s="103">
        <v>957005</v>
      </c>
      <c r="BT11" s="100">
        <v>0</v>
      </c>
      <c r="BU11" s="104">
        <v>2844174</v>
      </c>
      <c r="BV11" s="104">
        <v>3278471</v>
      </c>
      <c r="BW11" s="104">
        <v>2720582</v>
      </c>
      <c r="BX11" s="104">
        <v>3296160</v>
      </c>
      <c r="BY11" s="104">
        <v>2696611</v>
      </c>
      <c r="BZ11" s="103">
        <v>14835998</v>
      </c>
      <c r="CA11" s="106">
        <v>15793003</v>
      </c>
      <c r="CB11" s="100">
        <v>264179</v>
      </c>
      <c r="CC11" s="104">
        <v>561997</v>
      </c>
      <c r="CD11" s="103">
        <v>826176</v>
      </c>
      <c r="CE11" s="100">
        <v>0</v>
      </c>
      <c r="CF11" s="104">
        <v>13104025</v>
      </c>
      <c r="CG11" s="104">
        <v>12396594</v>
      </c>
      <c r="CH11" s="104">
        <v>8881749</v>
      </c>
      <c r="CI11" s="104">
        <v>5891298</v>
      </c>
      <c r="CJ11" s="104">
        <v>2712490</v>
      </c>
      <c r="CK11" s="103">
        <v>42986156</v>
      </c>
      <c r="CL11" s="106">
        <v>43812332</v>
      </c>
      <c r="CM11" s="100">
        <v>0</v>
      </c>
      <c r="CN11" s="104">
        <v>0</v>
      </c>
      <c r="CO11" s="103">
        <v>0</v>
      </c>
      <c r="CP11" s="101">
        <v>0</v>
      </c>
      <c r="CQ11" s="104">
        <v>10326919</v>
      </c>
      <c r="CR11" s="104">
        <v>9170493</v>
      </c>
      <c r="CS11" s="104">
        <v>6249699</v>
      </c>
      <c r="CT11" s="104">
        <v>3824603</v>
      </c>
      <c r="CU11" s="104">
        <v>2067376</v>
      </c>
      <c r="CV11" s="103">
        <v>31639090</v>
      </c>
      <c r="CW11" s="106">
        <v>31639090</v>
      </c>
      <c r="CX11" s="100">
        <v>264179</v>
      </c>
      <c r="CY11" s="104">
        <v>561997</v>
      </c>
      <c r="CZ11" s="103">
        <v>826176</v>
      </c>
      <c r="DA11" s="100">
        <v>0</v>
      </c>
      <c r="DB11" s="104">
        <v>2777106</v>
      </c>
      <c r="DC11" s="104">
        <v>3226101</v>
      </c>
      <c r="DD11" s="104">
        <v>2632050</v>
      </c>
      <c r="DE11" s="104">
        <v>2066695</v>
      </c>
      <c r="DF11" s="104">
        <v>645114</v>
      </c>
      <c r="DG11" s="103">
        <v>11347066</v>
      </c>
      <c r="DH11" s="106">
        <v>12173242</v>
      </c>
      <c r="DI11" s="100">
        <v>16557</v>
      </c>
      <c r="DJ11" s="104">
        <v>14767</v>
      </c>
      <c r="DK11" s="102">
        <v>31324</v>
      </c>
      <c r="DL11" s="101">
        <v>0</v>
      </c>
      <c r="DM11" s="104">
        <v>1072718</v>
      </c>
      <c r="DN11" s="104">
        <v>1697603</v>
      </c>
      <c r="DO11" s="104">
        <v>3599221</v>
      </c>
      <c r="DP11" s="104">
        <v>2444667</v>
      </c>
      <c r="DQ11" s="104">
        <v>1806243</v>
      </c>
      <c r="DR11" s="103">
        <v>10620452</v>
      </c>
      <c r="DS11" s="106">
        <v>10651776</v>
      </c>
      <c r="DT11" s="100">
        <v>16557</v>
      </c>
      <c r="DU11" s="104">
        <v>14767</v>
      </c>
      <c r="DV11" s="103">
        <v>31324</v>
      </c>
      <c r="DW11" s="100">
        <v>0</v>
      </c>
      <c r="DX11" s="104">
        <v>696036</v>
      </c>
      <c r="DY11" s="104">
        <v>1452998</v>
      </c>
      <c r="DZ11" s="104">
        <v>2857315</v>
      </c>
      <c r="EA11" s="104">
        <v>1819410</v>
      </c>
      <c r="EB11" s="104">
        <v>1170509</v>
      </c>
      <c r="EC11" s="103">
        <v>7996268</v>
      </c>
      <c r="ED11" s="106">
        <v>8027592</v>
      </c>
      <c r="EE11" s="100">
        <v>0</v>
      </c>
      <c r="EF11" s="102">
        <v>0</v>
      </c>
      <c r="EG11" s="103">
        <v>0</v>
      </c>
      <c r="EH11" s="100">
        <v>0</v>
      </c>
      <c r="EI11" s="104">
        <v>376682</v>
      </c>
      <c r="EJ11" s="104">
        <v>244605</v>
      </c>
      <c r="EK11" s="104">
        <v>741906</v>
      </c>
      <c r="EL11" s="104">
        <v>625257</v>
      </c>
      <c r="EM11" s="104">
        <v>635734</v>
      </c>
      <c r="EN11" s="102">
        <v>2624184</v>
      </c>
      <c r="EO11" s="106">
        <v>2624184</v>
      </c>
      <c r="EP11" s="100">
        <v>0</v>
      </c>
      <c r="EQ11" s="104">
        <v>0</v>
      </c>
      <c r="ER11" s="102">
        <v>0</v>
      </c>
      <c r="ES11" s="101">
        <v>0</v>
      </c>
      <c r="ET11" s="104">
        <v>0</v>
      </c>
      <c r="EU11" s="104">
        <v>0</v>
      </c>
      <c r="EV11" s="104">
        <v>0</v>
      </c>
      <c r="EW11" s="104">
        <v>0</v>
      </c>
      <c r="EX11" s="104">
        <v>0</v>
      </c>
      <c r="EY11" s="103">
        <v>0</v>
      </c>
      <c r="EZ11" s="106">
        <v>0</v>
      </c>
      <c r="FA11" s="100">
        <v>0</v>
      </c>
      <c r="FB11" s="104">
        <v>0</v>
      </c>
      <c r="FC11" s="102">
        <v>0</v>
      </c>
      <c r="FD11" s="324"/>
      <c r="FE11" s="104">
        <v>0</v>
      </c>
      <c r="FF11" s="104">
        <v>0</v>
      </c>
      <c r="FG11" s="104">
        <v>0</v>
      </c>
      <c r="FH11" s="104">
        <v>0</v>
      </c>
      <c r="FI11" s="104">
        <v>0</v>
      </c>
      <c r="FJ11" s="103">
        <v>0</v>
      </c>
      <c r="FK11" s="106">
        <v>0</v>
      </c>
      <c r="FL11" s="100">
        <v>651458</v>
      </c>
      <c r="FM11" s="104">
        <v>1372623</v>
      </c>
      <c r="FN11" s="103">
        <v>2024081</v>
      </c>
      <c r="FO11" s="100">
        <v>0</v>
      </c>
      <c r="FP11" s="104">
        <v>3109406</v>
      </c>
      <c r="FQ11" s="104">
        <v>4488796</v>
      </c>
      <c r="FR11" s="104">
        <v>3688237</v>
      </c>
      <c r="FS11" s="104">
        <v>3302292</v>
      </c>
      <c r="FT11" s="104">
        <v>2386664</v>
      </c>
      <c r="FU11" s="103">
        <v>16975395</v>
      </c>
      <c r="FV11" s="106">
        <v>18999476</v>
      </c>
      <c r="FW11" s="105">
        <v>462469</v>
      </c>
      <c r="FX11" s="104">
        <v>951608</v>
      </c>
      <c r="FY11" s="102">
        <v>1414077</v>
      </c>
      <c r="FZ11" s="101">
        <v>0</v>
      </c>
      <c r="GA11" s="104">
        <v>2139375</v>
      </c>
      <c r="GB11" s="104">
        <v>4136255</v>
      </c>
      <c r="GC11" s="104">
        <v>3371956</v>
      </c>
      <c r="GD11" s="104">
        <v>2857148</v>
      </c>
      <c r="GE11" s="104">
        <v>2285164</v>
      </c>
      <c r="GF11" s="103">
        <v>14789898</v>
      </c>
      <c r="GG11" s="296">
        <v>16203975</v>
      </c>
      <c r="GH11" s="105">
        <v>102189</v>
      </c>
      <c r="GI11" s="104">
        <v>25305</v>
      </c>
      <c r="GJ11" s="102">
        <v>127494</v>
      </c>
      <c r="GK11" s="101">
        <v>0</v>
      </c>
      <c r="GL11" s="104">
        <v>335030</v>
      </c>
      <c r="GM11" s="104">
        <v>256025</v>
      </c>
      <c r="GN11" s="104">
        <v>183701</v>
      </c>
      <c r="GO11" s="104">
        <v>116284</v>
      </c>
      <c r="GP11" s="104">
        <v>4620</v>
      </c>
      <c r="GQ11" s="103">
        <v>895660</v>
      </c>
      <c r="GR11" s="106">
        <v>1023154</v>
      </c>
      <c r="GS11" s="100">
        <v>86800</v>
      </c>
      <c r="GT11" s="104">
        <v>395710</v>
      </c>
      <c r="GU11" s="103">
        <v>482510</v>
      </c>
      <c r="GV11" s="100">
        <v>0</v>
      </c>
      <c r="GW11" s="104">
        <v>635001</v>
      </c>
      <c r="GX11" s="104">
        <v>96516</v>
      </c>
      <c r="GY11" s="104">
        <v>132580</v>
      </c>
      <c r="GZ11" s="104">
        <v>328860</v>
      </c>
      <c r="HA11" s="104">
        <v>96880</v>
      </c>
      <c r="HB11" s="102">
        <v>1289837</v>
      </c>
      <c r="HC11" s="106">
        <v>1772347</v>
      </c>
      <c r="HD11" s="100">
        <v>1730820</v>
      </c>
      <c r="HE11" s="104">
        <v>1607563</v>
      </c>
      <c r="HF11" s="102">
        <v>3338383</v>
      </c>
      <c r="HG11" s="101">
        <v>0</v>
      </c>
      <c r="HH11" s="104">
        <v>16112132</v>
      </c>
      <c r="HI11" s="104">
        <v>17896530</v>
      </c>
      <c r="HJ11" s="104">
        <v>15216861</v>
      </c>
      <c r="HK11" s="104">
        <v>24108070</v>
      </c>
      <c r="HL11" s="104">
        <v>15921243</v>
      </c>
      <c r="HM11" s="103">
        <v>89254836</v>
      </c>
      <c r="HN11" s="99">
        <v>92593219</v>
      </c>
      <c r="HO11" s="306"/>
      <c r="HP11" s="307"/>
      <c r="HQ11" s="308"/>
      <c r="HR11" s="309"/>
      <c r="HS11" s="307"/>
      <c r="HT11" s="307"/>
      <c r="HU11" s="307"/>
      <c r="HV11" s="307"/>
      <c r="HW11" s="307"/>
      <c r="HX11" s="310"/>
      <c r="HY11" s="311"/>
      <c r="HZ11" s="118">
        <v>32733</v>
      </c>
      <c r="IA11" s="119">
        <v>407072</v>
      </c>
      <c r="IB11" s="120">
        <v>439805</v>
      </c>
      <c r="IC11" s="133">
        <v>0</v>
      </c>
      <c r="ID11" s="119">
        <v>11349742</v>
      </c>
      <c r="IE11" s="134">
        <v>14137532</v>
      </c>
      <c r="IF11" s="120">
        <v>16560270</v>
      </c>
      <c r="IG11" s="119">
        <v>9881939</v>
      </c>
      <c r="IH11" s="120">
        <v>9934500</v>
      </c>
      <c r="II11" s="135">
        <v>61863983</v>
      </c>
      <c r="IJ11" s="126">
        <v>62303788</v>
      </c>
      <c r="IK11" s="219">
        <v>0</v>
      </c>
      <c r="IL11" s="223">
        <v>0</v>
      </c>
      <c r="IM11" s="224">
        <v>0</v>
      </c>
      <c r="IN11" s="127"/>
      <c r="IO11" s="109">
        <v>397499</v>
      </c>
      <c r="IP11" s="109">
        <v>715897</v>
      </c>
      <c r="IQ11" s="109">
        <v>493900</v>
      </c>
      <c r="IR11" s="109">
        <v>1011173</v>
      </c>
      <c r="IS11" s="109">
        <v>1177817</v>
      </c>
      <c r="IT11" s="128">
        <v>3796286</v>
      </c>
      <c r="IU11" s="298">
        <v>3796286</v>
      </c>
      <c r="IV11" s="129">
        <v>0</v>
      </c>
      <c r="IW11" s="109">
        <v>0</v>
      </c>
      <c r="IX11" s="110">
        <v>0</v>
      </c>
      <c r="IY11" s="131"/>
      <c r="IZ11" s="109">
        <v>46461</v>
      </c>
      <c r="JA11" s="109">
        <v>154430</v>
      </c>
      <c r="JB11" s="109">
        <v>105057</v>
      </c>
      <c r="JC11" s="109">
        <v>92955</v>
      </c>
      <c r="JD11" s="109">
        <v>295507</v>
      </c>
      <c r="JE11" s="110">
        <v>694410</v>
      </c>
      <c r="JF11" s="111">
        <v>694410</v>
      </c>
      <c r="JG11" s="129">
        <v>0</v>
      </c>
      <c r="JH11" s="109">
        <v>0</v>
      </c>
      <c r="JI11" s="128">
        <v>0</v>
      </c>
      <c r="JJ11" s="108">
        <v>0</v>
      </c>
      <c r="JK11" s="109">
        <v>4752850</v>
      </c>
      <c r="JL11" s="109">
        <v>3612218</v>
      </c>
      <c r="JM11" s="109">
        <v>2240534</v>
      </c>
      <c r="JN11" s="109">
        <v>1256851</v>
      </c>
      <c r="JO11" s="109">
        <v>775540</v>
      </c>
      <c r="JP11" s="110">
        <v>12637993</v>
      </c>
      <c r="JQ11" s="298">
        <v>12637993</v>
      </c>
      <c r="JR11" s="129">
        <v>0</v>
      </c>
      <c r="JS11" s="109">
        <v>0</v>
      </c>
      <c r="JT11" s="128">
        <v>0</v>
      </c>
      <c r="JU11" s="108">
        <v>0</v>
      </c>
      <c r="JV11" s="109">
        <v>1271775</v>
      </c>
      <c r="JW11" s="109">
        <v>1615597</v>
      </c>
      <c r="JX11" s="109">
        <v>2921370</v>
      </c>
      <c r="JY11" s="109">
        <v>569873</v>
      </c>
      <c r="JZ11" s="109">
        <v>457299</v>
      </c>
      <c r="KA11" s="110">
        <v>6835914</v>
      </c>
      <c r="KB11" s="298">
        <v>6835914</v>
      </c>
      <c r="KC11" s="221">
        <v>32733</v>
      </c>
      <c r="KD11" s="217">
        <v>407072</v>
      </c>
      <c r="KE11" s="110">
        <v>439805</v>
      </c>
      <c r="KF11" s="108">
        <v>0</v>
      </c>
      <c r="KG11" s="109">
        <v>918680</v>
      </c>
      <c r="KH11" s="109">
        <v>1140418</v>
      </c>
      <c r="KI11" s="109">
        <v>1886162</v>
      </c>
      <c r="KJ11" s="109">
        <v>218868</v>
      </c>
      <c r="KK11" s="109">
        <v>513796</v>
      </c>
      <c r="KL11" s="110">
        <v>4677924</v>
      </c>
      <c r="KM11" s="130">
        <v>5117729</v>
      </c>
      <c r="KN11" s="219">
        <v>0</v>
      </c>
      <c r="KO11" s="223">
        <v>0</v>
      </c>
      <c r="KP11" s="224">
        <v>0</v>
      </c>
      <c r="KQ11" s="127"/>
      <c r="KR11" s="109">
        <v>3188088</v>
      </c>
      <c r="KS11" s="109">
        <v>5986678</v>
      </c>
      <c r="KT11" s="109">
        <v>5138680</v>
      </c>
      <c r="KU11" s="109">
        <v>3996694</v>
      </c>
      <c r="KV11" s="109">
        <v>4465060</v>
      </c>
      <c r="KW11" s="110">
        <v>22775200</v>
      </c>
      <c r="KX11" s="298">
        <v>22775200</v>
      </c>
      <c r="KY11" s="129">
        <v>0</v>
      </c>
      <c r="KZ11" s="109">
        <v>0</v>
      </c>
      <c r="LA11" s="110">
        <v>0</v>
      </c>
      <c r="LB11" s="132"/>
      <c r="LC11" s="109">
        <v>0</v>
      </c>
      <c r="LD11" s="109">
        <v>0</v>
      </c>
      <c r="LE11" s="109">
        <v>0</v>
      </c>
      <c r="LF11" s="109">
        <v>0</v>
      </c>
      <c r="LG11" s="109">
        <v>0</v>
      </c>
      <c r="LH11" s="110">
        <v>0</v>
      </c>
      <c r="LI11" s="111">
        <v>0</v>
      </c>
      <c r="LJ11" s="129">
        <v>0</v>
      </c>
      <c r="LK11" s="109">
        <v>0</v>
      </c>
      <c r="LL11" s="110">
        <v>0</v>
      </c>
      <c r="LM11" s="132"/>
      <c r="LN11" s="109">
        <v>189476</v>
      </c>
      <c r="LO11" s="109">
        <v>0</v>
      </c>
      <c r="LP11" s="109">
        <v>1714027</v>
      </c>
      <c r="LQ11" s="109">
        <v>1512705</v>
      </c>
      <c r="LR11" s="109">
        <v>251307</v>
      </c>
      <c r="LS11" s="110">
        <v>3667515</v>
      </c>
      <c r="LT11" s="298">
        <v>3667515</v>
      </c>
      <c r="LU11" s="129">
        <v>0</v>
      </c>
      <c r="LV11" s="109">
        <v>0</v>
      </c>
      <c r="LW11" s="110">
        <v>0</v>
      </c>
      <c r="LX11" s="132"/>
      <c r="LY11" s="109">
        <v>584913</v>
      </c>
      <c r="LZ11" s="109">
        <v>912294</v>
      </c>
      <c r="MA11" s="109">
        <v>2060540</v>
      </c>
      <c r="MB11" s="109">
        <v>1222820</v>
      </c>
      <c r="MC11" s="109">
        <v>1998174</v>
      </c>
      <c r="MD11" s="110">
        <v>6778741</v>
      </c>
      <c r="ME11" s="111">
        <v>6778741</v>
      </c>
      <c r="MF11" s="129">
        <v>0</v>
      </c>
      <c r="MG11" s="109">
        <v>0</v>
      </c>
      <c r="MH11" s="110">
        <v>0</v>
      </c>
      <c r="MI11" s="132"/>
      <c r="MJ11" s="109">
        <v>2296410</v>
      </c>
      <c r="MK11" s="109">
        <v>2865203</v>
      </c>
      <c r="ML11" s="109">
        <v>12718045</v>
      </c>
      <c r="MM11" s="109">
        <v>24376495</v>
      </c>
      <c r="MN11" s="109">
        <v>16763338</v>
      </c>
      <c r="MO11" s="110">
        <v>59019491</v>
      </c>
      <c r="MP11" s="130">
        <v>59019491</v>
      </c>
      <c r="MQ11" s="129">
        <v>0</v>
      </c>
      <c r="MR11" s="109">
        <v>0</v>
      </c>
      <c r="MS11" s="110">
        <v>0</v>
      </c>
      <c r="MT11" s="132"/>
      <c r="MU11" s="109">
        <v>342113</v>
      </c>
      <c r="MV11" s="109">
        <v>582277</v>
      </c>
      <c r="MW11" s="109">
        <v>7751453</v>
      </c>
      <c r="MX11" s="109">
        <v>11014717</v>
      </c>
      <c r="MY11" s="109">
        <v>9447334</v>
      </c>
      <c r="MZ11" s="110">
        <v>29137894</v>
      </c>
      <c r="NA11" s="130">
        <v>29137894</v>
      </c>
      <c r="NB11" s="129">
        <v>0</v>
      </c>
      <c r="NC11" s="109">
        <v>0</v>
      </c>
      <c r="ND11" s="110">
        <v>0</v>
      </c>
      <c r="NE11" s="132"/>
      <c r="NF11" s="109">
        <v>1954297</v>
      </c>
      <c r="NG11" s="109">
        <v>2282926</v>
      </c>
      <c r="NH11" s="109">
        <v>4966592</v>
      </c>
      <c r="NI11" s="109">
        <v>11665668</v>
      </c>
      <c r="NJ11" s="109">
        <v>5129239</v>
      </c>
      <c r="NK11" s="110">
        <v>25998722</v>
      </c>
      <c r="NL11" s="298">
        <v>25998722</v>
      </c>
      <c r="NM11" s="129">
        <v>0</v>
      </c>
      <c r="NN11" s="109">
        <v>0</v>
      </c>
      <c r="NO11" s="110">
        <v>0</v>
      </c>
      <c r="NP11" s="132"/>
      <c r="NQ11" s="109">
        <v>0</v>
      </c>
      <c r="NR11" s="109">
        <v>0</v>
      </c>
      <c r="NS11" s="109">
        <v>0</v>
      </c>
      <c r="NT11" s="109">
        <v>1387529</v>
      </c>
      <c r="NU11" s="109">
        <v>868306</v>
      </c>
      <c r="NV11" s="110">
        <v>2255835</v>
      </c>
      <c r="NW11" s="111">
        <v>2255835</v>
      </c>
      <c r="NX11" s="129">
        <v>0</v>
      </c>
      <c r="NY11" s="109">
        <v>0</v>
      </c>
      <c r="NZ11" s="110">
        <v>0</v>
      </c>
      <c r="OA11" s="132"/>
      <c r="OB11" s="109">
        <v>0</v>
      </c>
      <c r="OC11" s="109">
        <v>0</v>
      </c>
      <c r="OD11" s="109">
        <v>0</v>
      </c>
      <c r="OE11" s="109">
        <v>308581</v>
      </c>
      <c r="OF11" s="109">
        <v>1318459</v>
      </c>
      <c r="OG11" s="110">
        <v>1627040</v>
      </c>
      <c r="OH11" s="111">
        <v>1627040</v>
      </c>
      <c r="OI11" s="129">
        <v>3991534</v>
      </c>
      <c r="OJ11" s="109">
        <v>6765543</v>
      </c>
      <c r="OK11" s="128">
        <v>10757077</v>
      </c>
      <c r="OL11" s="108">
        <v>0</v>
      </c>
      <c r="OM11" s="109">
        <v>66109312</v>
      </c>
      <c r="ON11" s="109">
        <v>73385433</v>
      </c>
      <c r="OO11" s="109">
        <v>77448300</v>
      </c>
      <c r="OP11" s="109">
        <v>90151079</v>
      </c>
      <c r="OQ11" s="109">
        <v>67658621</v>
      </c>
      <c r="OR11" s="110">
        <v>374752745</v>
      </c>
      <c r="OS11" s="130">
        <v>385509822</v>
      </c>
    </row>
    <row r="12" spans="2:409" ht="21" customHeight="1" x14ac:dyDescent="0.2">
      <c r="B12" s="472" t="s">
        <v>14</v>
      </c>
      <c r="C12" s="100">
        <v>801582</v>
      </c>
      <c r="D12" s="104">
        <v>2220541</v>
      </c>
      <c r="E12" s="103">
        <v>3022123</v>
      </c>
      <c r="F12" s="99">
        <v>0</v>
      </c>
      <c r="G12" s="104">
        <v>14160718</v>
      </c>
      <c r="H12" s="104">
        <v>24196173</v>
      </c>
      <c r="I12" s="104">
        <v>19479106</v>
      </c>
      <c r="J12" s="104">
        <v>17870048</v>
      </c>
      <c r="K12" s="104">
        <v>12705965</v>
      </c>
      <c r="L12" s="102">
        <v>88412010</v>
      </c>
      <c r="M12" s="106">
        <v>91434133</v>
      </c>
      <c r="N12" s="100">
        <v>161934</v>
      </c>
      <c r="O12" s="104">
        <v>789996</v>
      </c>
      <c r="P12" s="103">
        <v>951930</v>
      </c>
      <c r="Q12" s="100">
        <v>0</v>
      </c>
      <c r="R12" s="104">
        <v>3129793</v>
      </c>
      <c r="S12" s="104">
        <v>7857221</v>
      </c>
      <c r="T12" s="104">
        <v>4805326</v>
      </c>
      <c r="U12" s="104">
        <v>7380916</v>
      </c>
      <c r="V12" s="104">
        <v>6405700</v>
      </c>
      <c r="W12" s="103">
        <v>29578956</v>
      </c>
      <c r="X12" s="106">
        <v>30530886</v>
      </c>
      <c r="Y12" s="100">
        <v>0</v>
      </c>
      <c r="Z12" s="104">
        <v>0</v>
      </c>
      <c r="AA12" s="103">
        <v>0</v>
      </c>
      <c r="AB12" s="100">
        <v>0</v>
      </c>
      <c r="AC12" s="104">
        <v>1324536</v>
      </c>
      <c r="AD12" s="104">
        <v>3311321</v>
      </c>
      <c r="AE12" s="104">
        <v>2194055</v>
      </c>
      <c r="AF12" s="104">
        <v>4051346</v>
      </c>
      <c r="AG12" s="104">
        <v>3376772</v>
      </c>
      <c r="AH12" s="103">
        <v>14258030</v>
      </c>
      <c r="AI12" s="106">
        <v>14258030</v>
      </c>
      <c r="AJ12" s="100">
        <v>0</v>
      </c>
      <c r="AK12" s="104">
        <v>0</v>
      </c>
      <c r="AL12" s="103">
        <v>0</v>
      </c>
      <c r="AM12" s="100">
        <v>0</v>
      </c>
      <c r="AN12" s="104">
        <v>0</v>
      </c>
      <c r="AO12" s="104">
        <v>136375</v>
      </c>
      <c r="AP12" s="104">
        <v>41452</v>
      </c>
      <c r="AQ12" s="104">
        <v>509531</v>
      </c>
      <c r="AR12" s="104">
        <v>773600</v>
      </c>
      <c r="AS12" s="103">
        <v>1460958</v>
      </c>
      <c r="AT12" s="106">
        <v>1460958</v>
      </c>
      <c r="AU12" s="100">
        <v>70157</v>
      </c>
      <c r="AV12" s="104">
        <v>461784</v>
      </c>
      <c r="AW12" s="103">
        <v>531941</v>
      </c>
      <c r="AX12" s="100">
        <v>0</v>
      </c>
      <c r="AY12" s="104">
        <v>850692</v>
      </c>
      <c r="AZ12" s="104">
        <v>3146789</v>
      </c>
      <c r="BA12" s="104">
        <v>1411567</v>
      </c>
      <c r="BB12" s="104">
        <v>1707774</v>
      </c>
      <c r="BC12" s="104">
        <v>1490620</v>
      </c>
      <c r="BD12" s="103">
        <v>8607442</v>
      </c>
      <c r="BE12" s="106">
        <v>9139383</v>
      </c>
      <c r="BF12" s="100">
        <v>0</v>
      </c>
      <c r="BG12" s="104">
        <v>138883</v>
      </c>
      <c r="BH12" s="102">
        <v>138883</v>
      </c>
      <c r="BI12" s="101">
        <v>0</v>
      </c>
      <c r="BJ12" s="104">
        <v>176256</v>
      </c>
      <c r="BK12" s="104">
        <v>121456</v>
      </c>
      <c r="BL12" s="104">
        <v>132024</v>
      </c>
      <c r="BM12" s="104">
        <v>0</v>
      </c>
      <c r="BN12" s="104">
        <v>14560</v>
      </c>
      <c r="BO12" s="103">
        <v>444296</v>
      </c>
      <c r="BP12" s="106">
        <v>583179</v>
      </c>
      <c r="BQ12" s="100">
        <v>91777</v>
      </c>
      <c r="BR12" s="104">
        <v>189329</v>
      </c>
      <c r="BS12" s="103">
        <v>281106</v>
      </c>
      <c r="BT12" s="100">
        <v>0</v>
      </c>
      <c r="BU12" s="104">
        <v>778309</v>
      </c>
      <c r="BV12" s="104">
        <v>1141280</v>
      </c>
      <c r="BW12" s="104">
        <v>1026228</v>
      </c>
      <c r="BX12" s="104">
        <v>1112265</v>
      </c>
      <c r="BY12" s="104">
        <v>750148</v>
      </c>
      <c r="BZ12" s="103">
        <v>4808230</v>
      </c>
      <c r="CA12" s="106">
        <v>5089336</v>
      </c>
      <c r="CB12" s="100">
        <v>128913</v>
      </c>
      <c r="CC12" s="104">
        <v>236583</v>
      </c>
      <c r="CD12" s="103">
        <v>365496</v>
      </c>
      <c r="CE12" s="100">
        <v>0</v>
      </c>
      <c r="CF12" s="104">
        <v>4622433</v>
      </c>
      <c r="CG12" s="104">
        <v>7082388</v>
      </c>
      <c r="CH12" s="104">
        <v>6154112</v>
      </c>
      <c r="CI12" s="104">
        <v>1654403</v>
      </c>
      <c r="CJ12" s="104">
        <v>1226606</v>
      </c>
      <c r="CK12" s="103">
        <v>20739942</v>
      </c>
      <c r="CL12" s="106">
        <v>21105438</v>
      </c>
      <c r="CM12" s="100">
        <v>0</v>
      </c>
      <c r="CN12" s="104">
        <v>0</v>
      </c>
      <c r="CO12" s="103">
        <v>0</v>
      </c>
      <c r="CP12" s="101">
        <v>0</v>
      </c>
      <c r="CQ12" s="104">
        <v>4310931</v>
      </c>
      <c r="CR12" s="104">
        <v>6109402</v>
      </c>
      <c r="CS12" s="104">
        <v>5381161</v>
      </c>
      <c r="CT12" s="104">
        <v>1097261</v>
      </c>
      <c r="CU12" s="104">
        <v>1052855</v>
      </c>
      <c r="CV12" s="103">
        <v>17951610</v>
      </c>
      <c r="CW12" s="106">
        <v>17951610</v>
      </c>
      <c r="CX12" s="100">
        <v>128913</v>
      </c>
      <c r="CY12" s="104">
        <v>236583</v>
      </c>
      <c r="CZ12" s="103">
        <v>365496</v>
      </c>
      <c r="DA12" s="100">
        <v>0</v>
      </c>
      <c r="DB12" s="104">
        <v>311502</v>
      </c>
      <c r="DC12" s="104">
        <v>972986</v>
      </c>
      <c r="DD12" s="104">
        <v>772951</v>
      </c>
      <c r="DE12" s="104">
        <v>557142</v>
      </c>
      <c r="DF12" s="104">
        <v>173751</v>
      </c>
      <c r="DG12" s="103">
        <v>2788332</v>
      </c>
      <c r="DH12" s="106">
        <v>3153828</v>
      </c>
      <c r="DI12" s="100">
        <v>7774</v>
      </c>
      <c r="DJ12" s="104">
        <v>0</v>
      </c>
      <c r="DK12" s="102">
        <v>7774</v>
      </c>
      <c r="DL12" s="101">
        <v>0</v>
      </c>
      <c r="DM12" s="104">
        <v>610927</v>
      </c>
      <c r="DN12" s="104">
        <v>1908039</v>
      </c>
      <c r="DO12" s="104">
        <v>1212271</v>
      </c>
      <c r="DP12" s="104">
        <v>1586641</v>
      </c>
      <c r="DQ12" s="104">
        <v>595299</v>
      </c>
      <c r="DR12" s="103">
        <v>5913177</v>
      </c>
      <c r="DS12" s="106">
        <v>5920951</v>
      </c>
      <c r="DT12" s="100">
        <v>7774</v>
      </c>
      <c r="DU12" s="104">
        <v>0</v>
      </c>
      <c r="DV12" s="103">
        <v>7774</v>
      </c>
      <c r="DW12" s="100">
        <v>0</v>
      </c>
      <c r="DX12" s="104">
        <v>610927</v>
      </c>
      <c r="DY12" s="104">
        <v>1908039</v>
      </c>
      <c r="DZ12" s="104">
        <v>1212271</v>
      </c>
      <c r="EA12" s="104">
        <v>1586641</v>
      </c>
      <c r="EB12" s="104">
        <v>595299</v>
      </c>
      <c r="EC12" s="103">
        <v>5913177</v>
      </c>
      <c r="ED12" s="106">
        <v>5920951</v>
      </c>
      <c r="EE12" s="100">
        <v>0</v>
      </c>
      <c r="EF12" s="102">
        <v>0</v>
      </c>
      <c r="EG12" s="103">
        <v>0</v>
      </c>
      <c r="EH12" s="100">
        <v>0</v>
      </c>
      <c r="EI12" s="104">
        <v>0</v>
      </c>
      <c r="EJ12" s="104">
        <v>0</v>
      </c>
      <c r="EK12" s="104">
        <v>0</v>
      </c>
      <c r="EL12" s="104">
        <v>0</v>
      </c>
      <c r="EM12" s="104">
        <v>0</v>
      </c>
      <c r="EN12" s="102">
        <v>0</v>
      </c>
      <c r="EO12" s="106">
        <v>0</v>
      </c>
      <c r="EP12" s="100">
        <v>0</v>
      </c>
      <c r="EQ12" s="104">
        <v>0</v>
      </c>
      <c r="ER12" s="102">
        <v>0</v>
      </c>
      <c r="ES12" s="101">
        <v>0</v>
      </c>
      <c r="ET12" s="104">
        <v>0</v>
      </c>
      <c r="EU12" s="104">
        <v>0</v>
      </c>
      <c r="EV12" s="104">
        <v>0</v>
      </c>
      <c r="EW12" s="104">
        <v>0</v>
      </c>
      <c r="EX12" s="104">
        <v>0</v>
      </c>
      <c r="EY12" s="103">
        <v>0</v>
      </c>
      <c r="EZ12" s="106">
        <v>0</v>
      </c>
      <c r="FA12" s="100">
        <v>0</v>
      </c>
      <c r="FB12" s="104">
        <v>0</v>
      </c>
      <c r="FC12" s="102">
        <v>0</v>
      </c>
      <c r="FD12" s="324"/>
      <c r="FE12" s="104">
        <v>0</v>
      </c>
      <c r="FF12" s="104">
        <v>0</v>
      </c>
      <c r="FG12" s="104">
        <v>0</v>
      </c>
      <c r="FH12" s="104">
        <v>0</v>
      </c>
      <c r="FI12" s="104">
        <v>0</v>
      </c>
      <c r="FJ12" s="103">
        <v>0</v>
      </c>
      <c r="FK12" s="106">
        <v>0</v>
      </c>
      <c r="FL12" s="100">
        <v>195405</v>
      </c>
      <c r="FM12" s="104">
        <v>541387</v>
      </c>
      <c r="FN12" s="103">
        <v>736792</v>
      </c>
      <c r="FO12" s="100">
        <v>0</v>
      </c>
      <c r="FP12" s="104">
        <v>625254</v>
      </c>
      <c r="FQ12" s="104">
        <v>2296395</v>
      </c>
      <c r="FR12" s="104">
        <v>1555904</v>
      </c>
      <c r="FS12" s="104">
        <v>1375454</v>
      </c>
      <c r="FT12" s="104">
        <v>1103851</v>
      </c>
      <c r="FU12" s="103">
        <v>6956858</v>
      </c>
      <c r="FV12" s="106">
        <v>7693650</v>
      </c>
      <c r="FW12" s="105">
        <v>173775</v>
      </c>
      <c r="FX12" s="104">
        <v>541387</v>
      </c>
      <c r="FY12" s="102">
        <v>715162</v>
      </c>
      <c r="FZ12" s="101">
        <v>0</v>
      </c>
      <c r="GA12" s="104">
        <v>485254</v>
      </c>
      <c r="GB12" s="104">
        <v>2097411</v>
      </c>
      <c r="GC12" s="104">
        <v>1433404</v>
      </c>
      <c r="GD12" s="104">
        <v>1217254</v>
      </c>
      <c r="GE12" s="104">
        <v>1034551</v>
      </c>
      <c r="GF12" s="103">
        <v>6267874</v>
      </c>
      <c r="GG12" s="296">
        <v>6983036</v>
      </c>
      <c r="GH12" s="105">
        <v>12600</v>
      </c>
      <c r="GI12" s="104">
        <v>0</v>
      </c>
      <c r="GJ12" s="102">
        <v>12600</v>
      </c>
      <c r="GK12" s="101">
        <v>0</v>
      </c>
      <c r="GL12" s="104">
        <v>0</v>
      </c>
      <c r="GM12" s="104">
        <v>77324</v>
      </c>
      <c r="GN12" s="104">
        <v>0</v>
      </c>
      <c r="GO12" s="104">
        <v>18200</v>
      </c>
      <c r="GP12" s="104">
        <v>69300</v>
      </c>
      <c r="GQ12" s="103">
        <v>164824</v>
      </c>
      <c r="GR12" s="106">
        <v>177424</v>
      </c>
      <c r="GS12" s="100">
        <v>9030</v>
      </c>
      <c r="GT12" s="104">
        <v>0</v>
      </c>
      <c r="GU12" s="103">
        <v>9030</v>
      </c>
      <c r="GV12" s="100">
        <v>0</v>
      </c>
      <c r="GW12" s="104">
        <v>140000</v>
      </c>
      <c r="GX12" s="104">
        <v>121660</v>
      </c>
      <c r="GY12" s="104">
        <v>122500</v>
      </c>
      <c r="GZ12" s="104">
        <v>140000</v>
      </c>
      <c r="HA12" s="104">
        <v>0</v>
      </c>
      <c r="HB12" s="102">
        <v>524160</v>
      </c>
      <c r="HC12" s="106">
        <v>533190</v>
      </c>
      <c r="HD12" s="100">
        <v>307556</v>
      </c>
      <c r="HE12" s="104">
        <v>652575</v>
      </c>
      <c r="HF12" s="102">
        <v>960131</v>
      </c>
      <c r="HG12" s="101">
        <v>0</v>
      </c>
      <c r="HH12" s="104">
        <v>5172311</v>
      </c>
      <c r="HI12" s="104">
        <v>5052130</v>
      </c>
      <c r="HJ12" s="104">
        <v>5751493</v>
      </c>
      <c r="HK12" s="104">
        <v>5872634</v>
      </c>
      <c r="HL12" s="104">
        <v>3374509</v>
      </c>
      <c r="HM12" s="103">
        <v>25223077</v>
      </c>
      <c r="HN12" s="99">
        <v>26183208</v>
      </c>
      <c r="HO12" s="306"/>
      <c r="HP12" s="307"/>
      <c r="HQ12" s="308"/>
      <c r="HR12" s="309"/>
      <c r="HS12" s="307"/>
      <c r="HT12" s="307"/>
      <c r="HU12" s="307"/>
      <c r="HV12" s="307"/>
      <c r="HW12" s="307"/>
      <c r="HX12" s="310"/>
      <c r="HY12" s="311"/>
      <c r="HZ12" s="118">
        <v>90976</v>
      </c>
      <c r="IA12" s="119">
        <v>67075</v>
      </c>
      <c r="IB12" s="120">
        <v>158051</v>
      </c>
      <c r="IC12" s="121">
        <v>0</v>
      </c>
      <c r="ID12" s="122">
        <v>2701803</v>
      </c>
      <c r="IE12" s="123">
        <v>5043988</v>
      </c>
      <c r="IF12" s="124">
        <v>5599653</v>
      </c>
      <c r="IG12" s="122">
        <v>5669477</v>
      </c>
      <c r="IH12" s="124">
        <v>2562966</v>
      </c>
      <c r="II12" s="125">
        <v>21577887</v>
      </c>
      <c r="IJ12" s="126">
        <v>21735938</v>
      </c>
      <c r="IK12" s="219">
        <v>0</v>
      </c>
      <c r="IL12" s="223">
        <v>0</v>
      </c>
      <c r="IM12" s="224">
        <v>0</v>
      </c>
      <c r="IN12" s="127"/>
      <c r="IO12" s="109">
        <v>48692</v>
      </c>
      <c r="IP12" s="109">
        <v>95844</v>
      </c>
      <c r="IQ12" s="109">
        <v>0</v>
      </c>
      <c r="IR12" s="109">
        <v>187529</v>
      </c>
      <c r="IS12" s="109">
        <v>0</v>
      </c>
      <c r="IT12" s="128">
        <v>332065</v>
      </c>
      <c r="IU12" s="298">
        <v>332065</v>
      </c>
      <c r="IV12" s="129">
        <v>0</v>
      </c>
      <c r="IW12" s="109">
        <v>0</v>
      </c>
      <c r="IX12" s="110">
        <v>0</v>
      </c>
      <c r="IY12" s="131"/>
      <c r="IZ12" s="109">
        <v>0</v>
      </c>
      <c r="JA12" s="109">
        <v>0</v>
      </c>
      <c r="JB12" s="109">
        <v>0</v>
      </c>
      <c r="JC12" s="109">
        <v>0</v>
      </c>
      <c r="JD12" s="109">
        <v>0</v>
      </c>
      <c r="JE12" s="110">
        <v>0</v>
      </c>
      <c r="JF12" s="111">
        <v>0</v>
      </c>
      <c r="JG12" s="129">
        <v>0</v>
      </c>
      <c r="JH12" s="109">
        <v>0</v>
      </c>
      <c r="JI12" s="128">
        <v>0</v>
      </c>
      <c r="JJ12" s="108">
        <v>0</v>
      </c>
      <c r="JK12" s="109">
        <v>998155</v>
      </c>
      <c r="JL12" s="109">
        <v>2893502</v>
      </c>
      <c r="JM12" s="109">
        <v>1145592</v>
      </c>
      <c r="JN12" s="109">
        <v>1449477</v>
      </c>
      <c r="JO12" s="109">
        <v>243324</v>
      </c>
      <c r="JP12" s="110">
        <v>6730050</v>
      </c>
      <c r="JQ12" s="298">
        <v>6730050</v>
      </c>
      <c r="JR12" s="129">
        <v>0</v>
      </c>
      <c r="JS12" s="109">
        <v>0</v>
      </c>
      <c r="JT12" s="128">
        <v>0</v>
      </c>
      <c r="JU12" s="108">
        <v>0</v>
      </c>
      <c r="JV12" s="109">
        <v>252332</v>
      </c>
      <c r="JW12" s="109">
        <v>113153</v>
      </c>
      <c r="JX12" s="109">
        <v>0</v>
      </c>
      <c r="JY12" s="109">
        <v>24735</v>
      </c>
      <c r="JZ12" s="109">
        <v>0</v>
      </c>
      <c r="KA12" s="110">
        <v>390220</v>
      </c>
      <c r="KB12" s="298">
        <v>390220</v>
      </c>
      <c r="KC12" s="221">
        <v>90976</v>
      </c>
      <c r="KD12" s="217">
        <v>67075</v>
      </c>
      <c r="KE12" s="110">
        <v>158051</v>
      </c>
      <c r="KF12" s="108">
        <v>0</v>
      </c>
      <c r="KG12" s="109">
        <v>777354</v>
      </c>
      <c r="KH12" s="109">
        <v>643086</v>
      </c>
      <c r="KI12" s="109">
        <v>834615</v>
      </c>
      <c r="KJ12" s="109">
        <v>432958</v>
      </c>
      <c r="KK12" s="109">
        <v>474223</v>
      </c>
      <c r="KL12" s="110">
        <v>3162236</v>
      </c>
      <c r="KM12" s="130">
        <v>3320287</v>
      </c>
      <c r="KN12" s="219">
        <v>0</v>
      </c>
      <c r="KO12" s="223">
        <v>0</v>
      </c>
      <c r="KP12" s="224">
        <v>0</v>
      </c>
      <c r="KQ12" s="127"/>
      <c r="KR12" s="109">
        <v>625270</v>
      </c>
      <c r="KS12" s="109">
        <v>876039</v>
      </c>
      <c r="KT12" s="109">
        <v>3154759</v>
      </c>
      <c r="KU12" s="109">
        <v>2574641</v>
      </c>
      <c r="KV12" s="109">
        <v>1387746</v>
      </c>
      <c r="KW12" s="110">
        <v>8618455</v>
      </c>
      <c r="KX12" s="298">
        <v>8618455</v>
      </c>
      <c r="KY12" s="129">
        <v>0</v>
      </c>
      <c r="KZ12" s="109">
        <v>0</v>
      </c>
      <c r="LA12" s="110">
        <v>0</v>
      </c>
      <c r="LB12" s="132"/>
      <c r="LC12" s="109">
        <v>0</v>
      </c>
      <c r="LD12" s="109">
        <v>0</v>
      </c>
      <c r="LE12" s="109">
        <v>0</v>
      </c>
      <c r="LF12" s="109">
        <v>0</v>
      </c>
      <c r="LG12" s="109">
        <v>0</v>
      </c>
      <c r="LH12" s="110">
        <v>0</v>
      </c>
      <c r="LI12" s="111">
        <v>0</v>
      </c>
      <c r="LJ12" s="129">
        <v>0</v>
      </c>
      <c r="LK12" s="109">
        <v>0</v>
      </c>
      <c r="LL12" s="110">
        <v>0</v>
      </c>
      <c r="LM12" s="132"/>
      <c r="LN12" s="109">
        <v>0</v>
      </c>
      <c r="LO12" s="109">
        <v>182059</v>
      </c>
      <c r="LP12" s="109">
        <v>0</v>
      </c>
      <c r="LQ12" s="109">
        <v>466516</v>
      </c>
      <c r="LR12" s="109">
        <v>0</v>
      </c>
      <c r="LS12" s="110">
        <v>648575</v>
      </c>
      <c r="LT12" s="298">
        <v>648575</v>
      </c>
      <c r="LU12" s="129">
        <v>0</v>
      </c>
      <c r="LV12" s="109">
        <v>0</v>
      </c>
      <c r="LW12" s="110">
        <v>0</v>
      </c>
      <c r="LX12" s="132"/>
      <c r="LY12" s="109">
        <v>0</v>
      </c>
      <c r="LZ12" s="109">
        <v>240305</v>
      </c>
      <c r="MA12" s="109">
        <v>464687</v>
      </c>
      <c r="MB12" s="109">
        <v>533621</v>
      </c>
      <c r="MC12" s="109">
        <v>457673</v>
      </c>
      <c r="MD12" s="110">
        <v>1696286</v>
      </c>
      <c r="ME12" s="111">
        <v>1696286</v>
      </c>
      <c r="MF12" s="129">
        <v>0</v>
      </c>
      <c r="MG12" s="109">
        <v>0</v>
      </c>
      <c r="MH12" s="110">
        <v>0</v>
      </c>
      <c r="MI12" s="132"/>
      <c r="MJ12" s="109">
        <v>274874</v>
      </c>
      <c r="MK12" s="109">
        <v>2383129</v>
      </c>
      <c r="ML12" s="109">
        <v>7418617</v>
      </c>
      <c r="MM12" s="109">
        <v>11297267</v>
      </c>
      <c r="MN12" s="109">
        <v>8795815</v>
      </c>
      <c r="MO12" s="110">
        <v>30169702</v>
      </c>
      <c r="MP12" s="130">
        <v>30169702</v>
      </c>
      <c r="MQ12" s="129">
        <v>0</v>
      </c>
      <c r="MR12" s="109">
        <v>0</v>
      </c>
      <c r="MS12" s="110">
        <v>0</v>
      </c>
      <c r="MT12" s="132"/>
      <c r="MU12" s="109">
        <v>0</v>
      </c>
      <c r="MV12" s="109">
        <v>0</v>
      </c>
      <c r="MW12" s="109">
        <v>4743959</v>
      </c>
      <c r="MX12" s="109">
        <v>7163368</v>
      </c>
      <c r="MY12" s="109">
        <v>5146217</v>
      </c>
      <c r="MZ12" s="110">
        <v>17053544</v>
      </c>
      <c r="NA12" s="130">
        <v>17053544</v>
      </c>
      <c r="NB12" s="129">
        <v>0</v>
      </c>
      <c r="NC12" s="109">
        <v>0</v>
      </c>
      <c r="ND12" s="110">
        <v>0</v>
      </c>
      <c r="NE12" s="132"/>
      <c r="NF12" s="109">
        <v>274874</v>
      </c>
      <c r="NG12" s="109">
        <v>2383129</v>
      </c>
      <c r="NH12" s="109">
        <v>2391440</v>
      </c>
      <c r="NI12" s="109">
        <v>3587848</v>
      </c>
      <c r="NJ12" s="109">
        <v>2361126</v>
      </c>
      <c r="NK12" s="110">
        <v>10998417</v>
      </c>
      <c r="NL12" s="298">
        <v>10998417</v>
      </c>
      <c r="NM12" s="129">
        <v>0</v>
      </c>
      <c r="NN12" s="109">
        <v>0</v>
      </c>
      <c r="NO12" s="110">
        <v>0</v>
      </c>
      <c r="NP12" s="132"/>
      <c r="NQ12" s="109">
        <v>0</v>
      </c>
      <c r="NR12" s="109">
        <v>0</v>
      </c>
      <c r="NS12" s="109">
        <v>0</v>
      </c>
      <c r="NT12" s="109">
        <v>253736</v>
      </c>
      <c r="NU12" s="109">
        <v>272262</v>
      </c>
      <c r="NV12" s="110">
        <v>525998</v>
      </c>
      <c r="NW12" s="111">
        <v>525998</v>
      </c>
      <c r="NX12" s="129">
        <v>0</v>
      </c>
      <c r="NY12" s="109">
        <v>0</v>
      </c>
      <c r="NZ12" s="110">
        <v>0</v>
      </c>
      <c r="OA12" s="132"/>
      <c r="OB12" s="109">
        <v>0</v>
      </c>
      <c r="OC12" s="109">
        <v>0</v>
      </c>
      <c r="OD12" s="109">
        <v>283218</v>
      </c>
      <c r="OE12" s="109">
        <v>292315</v>
      </c>
      <c r="OF12" s="109">
        <v>1016210</v>
      </c>
      <c r="OG12" s="110">
        <v>1591743</v>
      </c>
      <c r="OH12" s="111">
        <v>1591743</v>
      </c>
      <c r="OI12" s="129">
        <v>892558</v>
      </c>
      <c r="OJ12" s="109">
        <v>2287616</v>
      </c>
      <c r="OK12" s="128">
        <v>3180174</v>
      </c>
      <c r="OL12" s="108">
        <v>0</v>
      </c>
      <c r="OM12" s="109">
        <v>17137395</v>
      </c>
      <c r="ON12" s="109">
        <v>31623290</v>
      </c>
      <c r="OO12" s="109">
        <v>32497376</v>
      </c>
      <c r="OP12" s="109">
        <v>34836792</v>
      </c>
      <c r="OQ12" s="109">
        <v>24064746</v>
      </c>
      <c r="OR12" s="110">
        <v>140159599</v>
      </c>
      <c r="OS12" s="130">
        <v>143339773</v>
      </c>
    </row>
    <row r="13" spans="2:409" ht="21" customHeight="1" x14ac:dyDescent="0.2">
      <c r="B13" s="472" t="s">
        <v>7</v>
      </c>
      <c r="C13" s="100">
        <v>1323138</v>
      </c>
      <c r="D13" s="104">
        <v>609178</v>
      </c>
      <c r="E13" s="103">
        <v>1932316</v>
      </c>
      <c r="F13" s="99">
        <v>0</v>
      </c>
      <c r="G13" s="104">
        <v>11671993</v>
      </c>
      <c r="H13" s="104">
        <v>9452858</v>
      </c>
      <c r="I13" s="104">
        <v>7881885</v>
      </c>
      <c r="J13" s="104">
        <v>10108615</v>
      </c>
      <c r="K13" s="104">
        <v>7770190</v>
      </c>
      <c r="L13" s="99">
        <v>46885541</v>
      </c>
      <c r="M13" s="106">
        <v>48817857</v>
      </c>
      <c r="N13" s="100">
        <v>289368</v>
      </c>
      <c r="O13" s="104">
        <v>107232</v>
      </c>
      <c r="P13" s="103">
        <v>396600</v>
      </c>
      <c r="Q13" s="100">
        <v>0</v>
      </c>
      <c r="R13" s="104">
        <v>3053460</v>
      </c>
      <c r="S13" s="104">
        <v>3048373</v>
      </c>
      <c r="T13" s="104">
        <v>2244334</v>
      </c>
      <c r="U13" s="104">
        <v>4446545</v>
      </c>
      <c r="V13" s="104">
        <v>3171305</v>
      </c>
      <c r="W13" s="103">
        <v>15964017</v>
      </c>
      <c r="X13" s="106">
        <v>16360617</v>
      </c>
      <c r="Y13" s="100">
        <v>0</v>
      </c>
      <c r="Z13" s="104">
        <v>0</v>
      </c>
      <c r="AA13" s="103">
        <v>0</v>
      </c>
      <c r="AB13" s="100">
        <v>0</v>
      </c>
      <c r="AC13" s="104">
        <v>1351878</v>
      </c>
      <c r="AD13" s="104">
        <v>1185847</v>
      </c>
      <c r="AE13" s="104">
        <v>1080834</v>
      </c>
      <c r="AF13" s="104">
        <v>2125000</v>
      </c>
      <c r="AG13" s="104">
        <v>1311452</v>
      </c>
      <c r="AH13" s="103">
        <v>7055011</v>
      </c>
      <c r="AI13" s="106">
        <v>7055011</v>
      </c>
      <c r="AJ13" s="100">
        <v>0</v>
      </c>
      <c r="AK13" s="104">
        <v>0</v>
      </c>
      <c r="AL13" s="103">
        <v>0</v>
      </c>
      <c r="AM13" s="100">
        <v>0</v>
      </c>
      <c r="AN13" s="104">
        <v>40917</v>
      </c>
      <c r="AO13" s="104">
        <v>132992</v>
      </c>
      <c r="AP13" s="104">
        <v>20462</v>
      </c>
      <c r="AQ13" s="104">
        <v>320369</v>
      </c>
      <c r="AR13" s="104">
        <v>493411</v>
      </c>
      <c r="AS13" s="103">
        <v>1008151</v>
      </c>
      <c r="AT13" s="106">
        <v>1008151</v>
      </c>
      <c r="AU13" s="100">
        <v>51904</v>
      </c>
      <c r="AV13" s="104">
        <v>58435</v>
      </c>
      <c r="AW13" s="103">
        <v>110339</v>
      </c>
      <c r="AX13" s="100">
        <v>0</v>
      </c>
      <c r="AY13" s="104">
        <v>842906</v>
      </c>
      <c r="AZ13" s="104">
        <v>1046425</v>
      </c>
      <c r="BA13" s="104">
        <v>564217</v>
      </c>
      <c r="BB13" s="104">
        <v>1331087</v>
      </c>
      <c r="BC13" s="104">
        <v>909377</v>
      </c>
      <c r="BD13" s="103">
        <v>4694012</v>
      </c>
      <c r="BE13" s="106">
        <v>4804351</v>
      </c>
      <c r="BF13" s="100">
        <v>18196</v>
      </c>
      <c r="BG13" s="104">
        <v>0</v>
      </c>
      <c r="BH13" s="102">
        <v>18196</v>
      </c>
      <c r="BI13" s="101">
        <v>0</v>
      </c>
      <c r="BJ13" s="104">
        <v>112425</v>
      </c>
      <c r="BK13" s="104">
        <v>265930</v>
      </c>
      <c r="BL13" s="104">
        <v>22671</v>
      </c>
      <c r="BM13" s="104">
        <v>161980</v>
      </c>
      <c r="BN13" s="104">
        <v>0</v>
      </c>
      <c r="BO13" s="103">
        <v>563006</v>
      </c>
      <c r="BP13" s="106">
        <v>581202</v>
      </c>
      <c r="BQ13" s="100">
        <v>219268</v>
      </c>
      <c r="BR13" s="104">
        <v>48797</v>
      </c>
      <c r="BS13" s="103">
        <v>268065</v>
      </c>
      <c r="BT13" s="100">
        <v>0</v>
      </c>
      <c r="BU13" s="104">
        <v>705334</v>
      </c>
      <c r="BV13" s="104">
        <v>417179</v>
      </c>
      <c r="BW13" s="104">
        <v>556150</v>
      </c>
      <c r="BX13" s="104">
        <v>508109</v>
      </c>
      <c r="BY13" s="104">
        <v>457065</v>
      </c>
      <c r="BZ13" s="103">
        <v>2643837</v>
      </c>
      <c r="CA13" s="106">
        <v>2911902</v>
      </c>
      <c r="CB13" s="100">
        <v>54152</v>
      </c>
      <c r="CC13" s="104">
        <v>134626</v>
      </c>
      <c r="CD13" s="103">
        <v>188778</v>
      </c>
      <c r="CE13" s="100">
        <v>0</v>
      </c>
      <c r="CF13" s="104">
        <v>3037476</v>
      </c>
      <c r="CG13" s="104">
        <v>2239663</v>
      </c>
      <c r="CH13" s="104">
        <v>1369944</v>
      </c>
      <c r="CI13" s="104">
        <v>1457601</v>
      </c>
      <c r="CJ13" s="104">
        <v>529600</v>
      </c>
      <c r="CK13" s="103">
        <v>8634284</v>
      </c>
      <c r="CL13" s="106">
        <v>8823062</v>
      </c>
      <c r="CM13" s="100">
        <v>0</v>
      </c>
      <c r="CN13" s="104">
        <v>0</v>
      </c>
      <c r="CO13" s="103">
        <v>0</v>
      </c>
      <c r="CP13" s="101">
        <v>0</v>
      </c>
      <c r="CQ13" s="104">
        <v>2399312</v>
      </c>
      <c r="CR13" s="104">
        <v>1489859</v>
      </c>
      <c r="CS13" s="104">
        <v>820373</v>
      </c>
      <c r="CT13" s="104">
        <v>896627</v>
      </c>
      <c r="CU13" s="104">
        <v>376488</v>
      </c>
      <c r="CV13" s="103">
        <v>5982659</v>
      </c>
      <c r="CW13" s="106">
        <v>5982659</v>
      </c>
      <c r="CX13" s="100">
        <v>54152</v>
      </c>
      <c r="CY13" s="104">
        <v>134626</v>
      </c>
      <c r="CZ13" s="103">
        <v>188778</v>
      </c>
      <c r="DA13" s="100">
        <v>0</v>
      </c>
      <c r="DB13" s="104">
        <v>638164</v>
      </c>
      <c r="DC13" s="104">
        <v>749804</v>
      </c>
      <c r="DD13" s="104">
        <v>549571</v>
      </c>
      <c r="DE13" s="104">
        <v>560974</v>
      </c>
      <c r="DF13" s="104">
        <v>153112</v>
      </c>
      <c r="DG13" s="103">
        <v>2651625</v>
      </c>
      <c r="DH13" s="106">
        <v>2840403</v>
      </c>
      <c r="DI13" s="100">
        <v>0</v>
      </c>
      <c r="DJ13" s="104">
        <v>0</v>
      </c>
      <c r="DK13" s="102">
        <v>0</v>
      </c>
      <c r="DL13" s="101">
        <v>0</v>
      </c>
      <c r="DM13" s="104">
        <v>496373</v>
      </c>
      <c r="DN13" s="104">
        <v>511155</v>
      </c>
      <c r="DO13" s="104">
        <v>307926</v>
      </c>
      <c r="DP13" s="104">
        <v>650410</v>
      </c>
      <c r="DQ13" s="104">
        <v>365309</v>
      </c>
      <c r="DR13" s="103">
        <v>2331173</v>
      </c>
      <c r="DS13" s="106">
        <v>2331173</v>
      </c>
      <c r="DT13" s="100">
        <v>0</v>
      </c>
      <c r="DU13" s="104">
        <v>0</v>
      </c>
      <c r="DV13" s="103">
        <v>0</v>
      </c>
      <c r="DW13" s="100">
        <v>0</v>
      </c>
      <c r="DX13" s="104">
        <v>496373</v>
      </c>
      <c r="DY13" s="104">
        <v>492449</v>
      </c>
      <c r="DZ13" s="104">
        <v>238417</v>
      </c>
      <c r="EA13" s="104">
        <v>650410</v>
      </c>
      <c r="EB13" s="104">
        <v>365309</v>
      </c>
      <c r="EC13" s="103">
        <v>2242958</v>
      </c>
      <c r="ED13" s="106">
        <v>2242958</v>
      </c>
      <c r="EE13" s="100">
        <v>0</v>
      </c>
      <c r="EF13" s="102">
        <v>0</v>
      </c>
      <c r="EG13" s="103">
        <v>0</v>
      </c>
      <c r="EH13" s="100">
        <v>0</v>
      </c>
      <c r="EI13" s="104">
        <v>0</v>
      </c>
      <c r="EJ13" s="104">
        <v>18706</v>
      </c>
      <c r="EK13" s="104">
        <v>69509</v>
      </c>
      <c r="EL13" s="104">
        <v>0</v>
      </c>
      <c r="EM13" s="104">
        <v>0</v>
      </c>
      <c r="EN13" s="102">
        <v>88215</v>
      </c>
      <c r="EO13" s="106">
        <v>88215</v>
      </c>
      <c r="EP13" s="100">
        <v>0</v>
      </c>
      <c r="EQ13" s="104">
        <v>0</v>
      </c>
      <c r="ER13" s="102">
        <v>0</v>
      </c>
      <c r="ES13" s="101">
        <v>0</v>
      </c>
      <c r="ET13" s="104">
        <v>0</v>
      </c>
      <c r="EU13" s="104">
        <v>0</v>
      </c>
      <c r="EV13" s="104">
        <v>0</v>
      </c>
      <c r="EW13" s="104">
        <v>0</v>
      </c>
      <c r="EX13" s="104">
        <v>0</v>
      </c>
      <c r="EY13" s="103">
        <v>0</v>
      </c>
      <c r="EZ13" s="106">
        <v>0</v>
      </c>
      <c r="FA13" s="100">
        <v>0</v>
      </c>
      <c r="FB13" s="104">
        <v>0</v>
      </c>
      <c r="FC13" s="102">
        <v>0</v>
      </c>
      <c r="FD13" s="324"/>
      <c r="FE13" s="104">
        <v>0</v>
      </c>
      <c r="FF13" s="104">
        <v>0</v>
      </c>
      <c r="FG13" s="104">
        <v>0</v>
      </c>
      <c r="FH13" s="104">
        <v>0</v>
      </c>
      <c r="FI13" s="104">
        <v>0</v>
      </c>
      <c r="FJ13" s="103">
        <v>0</v>
      </c>
      <c r="FK13" s="106">
        <v>0</v>
      </c>
      <c r="FL13" s="100">
        <v>284620</v>
      </c>
      <c r="FM13" s="104">
        <v>207942</v>
      </c>
      <c r="FN13" s="103">
        <v>492562</v>
      </c>
      <c r="FO13" s="100">
        <v>0</v>
      </c>
      <c r="FP13" s="104">
        <v>426559</v>
      </c>
      <c r="FQ13" s="104">
        <v>917336</v>
      </c>
      <c r="FR13" s="104">
        <v>545426</v>
      </c>
      <c r="FS13" s="104">
        <v>784189</v>
      </c>
      <c r="FT13" s="104">
        <v>440419</v>
      </c>
      <c r="FU13" s="103">
        <v>3113929</v>
      </c>
      <c r="FV13" s="106">
        <v>3606491</v>
      </c>
      <c r="FW13" s="105">
        <v>33810</v>
      </c>
      <c r="FX13" s="104">
        <v>107072</v>
      </c>
      <c r="FY13" s="102">
        <v>140882</v>
      </c>
      <c r="FZ13" s="101">
        <v>0</v>
      </c>
      <c r="GA13" s="104">
        <v>388983</v>
      </c>
      <c r="GB13" s="104">
        <v>879452</v>
      </c>
      <c r="GC13" s="104">
        <v>545426</v>
      </c>
      <c r="GD13" s="104">
        <v>730289</v>
      </c>
      <c r="GE13" s="104">
        <v>440419</v>
      </c>
      <c r="GF13" s="103">
        <v>2984569</v>
      </c>
      <c r="GG13" s="296">
        <v>3125451</v>
      </c>
      <c r="GH13" s="105">
        <v>62510</v>
      </c>
      <c r="GI13" s="104">
        <v>0</v>
      </c>
      <c r="GJ13" s="102">
        <v>62510</v>
      </c>
      <c r="GK13" s="101">
        <v>0</v>
      </c>
      <c r="GL13" s="104">
        <v>37576</v>
      </c>
      <c r="GM13" s="104">
        <v>37884</v>
      </c>
      <c r="GN13" s="104">
        <v>0</v>
      </c>
      <c r="GO13" s="104">
        <v>30800</v>
      </c>
      <c r="GP13" s="104">
        <v>0</v>
      </c>
      <c r="GQ13" s="103">
        <v>106260</v>
      </c>
      <c r="GR13" s="106">
        <v>168770</v>
      </c>
      <c r="GS13" s="100">
        <v>188300</v>
      </c>
      <c r="GT13" s="104">
        <v>100870</v>
      </c>
      <c r="GU13" s="103">
        <v>289170</v>
      </c>
      <c r="GV13" s="100">
        <v>0</v>
      </c>
      <c r="GW13" s="104">
        <v>0</v>
      </c>
      <c r="GX13" s="104">
        <v>0</v>
      </c>
      <c r="GY13" s="104">
        <v>0</v>
      </c>
      <c r="GZ13" s="104">
        <v>23100</v>
      </c>
      <c r="HA13" s="104">
        <v>0</v>
      </c>
      <c r="HB13" s="102">
        <v>23100</v>
      </c>
      <c r="HC13" s="106">
        <v>312270</v>
      </c>
      <c r="HD13" s="100">
        <v>694998</v>
      </c>
      <c r="HE13" s="104">
        <v>159378</v>
      </c>
      <c r="HF13" s="102">
        <v>854376</v>
      </c>
      <c r="HG13" s="101">
        <v>0</v>
      </c>
      <c r="HH13" s="104">
        <v>4658125</v>
      </c>
      <c r="HI13" s="104">
        <v>2736331</v>
      </c>
      <c r="HJ13" s="104">
        <v>3414255</v>
      </c>
      <c r="HK13" s="104">
        <v>2769870</v>
      </c>
      <c r="HL13" s="104">
        <v>3263557</v>
      </c>
      <c r="HM13" s="103">
        <v>16842138</v>
      </c>
      <c r="HN13" s="99">
        <v>17696514</v>
      </c>
      <c r="HO13" s="306"/>
      <c r="HP13" s="307"/>
      <c r="HQ13" s="308"/>
      <c r="HR13" s="309"/>
      <c r="HS13" s="307"/>
      <c r="HT13" s="307"/>
      <c r="HU13" s="307"/>
      <c r="HV13" s="307"/>
      <c r="HW13" s="307"/>
      <c r="HX13" s="310"/>
      <c r="HY13" s="311"/>
      <c r="HZ13" s="118">
        <v>42914</v>
      </c>
      <c r="IA13" s="119">
        <v>0</v>
      </c>
      <c r="IB13" s="120">
        <v>42914</v>
      </c>
      <c r="IC13" s="133">
        <v>0</v>
      </c>
      <c r="ID13" s="119">
        <v>1917653</v>
      </c>
      <c r="IE13" s="134">
        <v>1794676</v>
      </c>
      <c r="IF13" s="120">
        <v>2355940</v>
      </c>
      <c r="IG13" s="119">
        <v>1385863</v>
      </c>
      <c r="IH13" s="120">
        <v>1034474</v>
      </c>
      <c r="II13" s="135">
        <v>8488606</v>
      </c>
      <c r="IJ13" s="126">
        <v>8531520</v>
      </c>
      <c r="IK13" s="219">
        <v>0</v>
      </c>
      <c r="IL13" s="223">
        <v>0</v>
      </c>
      <c r="IM13" s="224">
        <v>0</v>
      </c>
      <c r="IN13" s="127"/>
      <c r="IO13" s="109">
        <v>79363</v>
      </c>
      <c r="IP13" s="109">
        <v>0</v>
      </c>
      <c r="IQ13" s="109">
        <v>0</v>
      </c>
      <c r="IR13" s="109">
        <v>0</v>
      </c>
      <c r="IS13" s="109">
        <v>0</v>
      </c>
      <c r="IT13" s="128">
        <v>79363</v>
      </c>
      <c r="IU13" s="298">
        <v>79363</v>
      </c>
      <c r="IV13" s="129">
        <v>0</v>
      </c>
      <c r="IW13" s="109">
        <v>0</v>
      </c>
      <c r="IX13" s="110">
        <v>0</v>
      </c>
      <c r="IY13" s="131"/>
      <c r="IZ13" s="109">
        <v>0</v>
      </c>
      <c r="JA13" s="109">
        <v>0</v>
      </c>
      <c r="JB13" s="109">
        <v>0</v>
      </c>
      <c r="JC13" s="109">
        <v>0</v>
      </c>
      <c r="JD13" s="109">
        <v>0</v>
      </c>
      <c r="JE13" s="110">
        <v>0</v>
      </c>
      <c r="JF13" s="111">
        <v>0</v>
      </c>
      <c r="JG13" s="129">
        <v>0</v>
      </c>
      <c r="JH13" s="109">
        <v>0</v>
      </c>
      <c r="JI13" s="128">
        <v>0</v>
      </c>
      <c r="JJ13" s="108">
        <v>0</v>
      </c>
      <c r="JK13" s="109">
        <v>1198782</v>
      </c>
      <c r="JL13" s="109">
        <v>982447</v>
      </c>
      <c r="JM13" s="109">
        <v>370157</v>
      </c>
      <c r="JN13" s="109">
        <v>187333</v>
      </c>
      <c r="JO13" s="109">
        <v>348352</v>
      </c>
      <c r="JP13" s="110">
        <v>3087071</v>
      </c>
      <c r="JQ13" s="298">
        <v>3087071</v>
      </c>
      <c r="JR13" s="129">
        <v>0</v>
      </c>
      <c r="JS13" s="109">
        <v>0</v>
      </c>
      <c r="JT13" s="128">
        <v>0</v>
      </c>
      <c r="JU13" s="108">
        <v>0</v>
      </c>
      <c r="JV13" s="109">
        <v>232661</v>
      </c>
      <c r="JW13" s="109">
        <v>372548</v>
      </c>
      <c r="JX13" s="109">
        <v>332027</v>
      </c>
      <c r="JY13" s="109">
        <v>277407</v>
      </c>
      <c r="JZ13" s="109">
        <v>0</v>
      </c>
      <c r="KA13" s="110">
        <v>1214643</v>
      </c>
      <c r="KB13" s="298">
        <v>1214643</v>
      </c>
      <c r="KC13" s="221">
        <v>42914</v>
      </c>
      <c r="KD13" s="217">
        <v>0</v>
      </c>
      <c r="KE13" s="110">
        <v>42914</v>
      </c>
      <c r="KF13" s="108">
        <v>0</v>
      </c>
      <c r="KG13" s="109">
        <v>95746</v>
      </c>
      <c r="KH13" s="109">
        <v>0</v>
      </c>
      <c r="KI13" s="109">
        <v>385289</v>
      </c>
      <c r="KJ13" s="109">
        <v>0</v>
      </c>
      <c r="KK13" s="109">
        <v>0</v>
      </c>
      <c r="KL13" s="110">
        <v>481035</v>
      </c>
      <c r="KM13" s="130">
        <v>523949</v>
      </c>
      <c r="KN13" s="219">
        <v>0</v>
      </c>
      <c r="KO13" s="223">
        <v>0</v>
      </c>
      <c r="KP13" s="224">
        <v>0</v>
      </c>
      <c r="KQ13" s="127"/>
      <c r="KR13" s="109">
        <v>198865</v>
      </c>
      <c r="KS13" s="109">
        <v>439681</v>
      </c>
      <c r="KT13" s="109">
        <v>1268467</v>
      </c>
      <c r="KU13" s="109">
        <v>921123</v>
      </c>
      <c r="KV13" s="109">
        <v>417619</v>
      </c>
      <c r="KW13" s="110">
        <v>3245755</v>
      </c>
      <c r="KX13" s="298">
        <v>3245755</v>
      </c>
      <c r="KY13" s="129">
        <v>0</v>
      </c>
      <c r="KZ13" s="109">
        <v>0</v>
      </c>
      <c r="LA13" s="110">
        <v>0</v>
      </c>
      <c r="LB13" s="132"/>
      <c r="LC13" s="109">
        <v>0</v>
      </c>
      <c r="LD13" s="109">
        <v>0</v>
      </c>
      <c r="LE13" s="109">
        <v>0</v>
      </c>
      <c r="LF13" s="109">
        <v>0</v>
      </c>
      <c r="LG13" s="109">
        <v>0</v>
      </c>
      <c r="LH13" s="110">
        <v>0</v>
      </c>
      <c r="LI13" s="111">
        <v>0</v>
      </c>
      <c r="LJ13" s="129">
        <v>0</v>
      </c>
      <c r="LK13" s="109">
        <v>0</v>
      </c>
      <c r="LL13" s="110">
        <v>0</v>
      </c>
      <c r="LM13" s="132"/>
      <c r="LN13" s="109">
        <v>0</v>
      </c>
      <c r="LO13" s="109">
        <v>0</v>
      </c>
      <c r="LP13" s="109">
        <v>0</v>
      </c>
      <c r="LQ13" s="109">
        <v>0</v>
      </c>
      <c r="LR13" s="109">
        <v>0</v>
      </c>
      <c r="LS13" s="110">
        <v>0</v>
      </c>
      <c r="LT13" s="298">
        <v>0</v>
      </c>
      <c r="LU13" s="129">
        <v>0</v>
      </c>
      <c r="LV13" s="109">
        <v>0</v>
      </c>
      <c r="LW13" s="110">
        <v>0</v>
      </c>
      <c r="LX13" s="132"/>
      <c r="LY13" s="109">
        <v>112236</v>
      </c>
      <c r="LZ13" s="109">
        <v>0</v>
      </c>
      <c r="MA13" s="109">
        <v>0</v>
      </c>
      <c r="MB13" s="109">
        <v>0</v>
      </c>
      <c r="MC13" s="109">
        <v>268503</v>
      </c>
      <c r="MD13" s="110">
        <v>380739</v>
      </c>
      <c r="ME13" s="111">
        <v>380739</v>
      </c>
      <c r="MF13" s="129">
        <v>0</v>
      </c>
      <c r="MG13" s="109">
        <v>0</v>
      </c>
      <c r="MH13" s="110">
        <v>0</v>
      </c>
      <c r="MI13" s="132"/>
      <c r="MJ13" s="109">
        <v>633908</v>
      </c>
      <c r="MK13" s="109">
        <v>434838</v>
      </c>
      <c r="ML13" s="109">
        <v>2937529</v>
      </c>
      <c r="MM13" s="109">
        <v>4729693</v>
      </c>
      <c r="MN13" s="109">
        <v>2035930</v>
      </c>
      <c r="MO13" s="110">
        <v>10771898</v>
      </c>
      <c r="MP13" s="130">
        <v>10771898</v>
      </c>
      <c r="MQ13" s="129">
        <v>0</v>
      </c>
      <c r="MR13" s="109">
        <v>0</v>
      </c>
      <c r="MS13" s="110">
        <v>0</v>
      </c>
      <c r="MT13" s="132"/>
      <c r="MU13" s="109">
        <v>0</v>
      </c>
      <c r="MV13" s="109">
        <v>209610</v>
      </c>
      <c r="MW13" s="109">
        <v>1558144</v>
      </c>
      <c r="MX13" s="109">
        <v>3370351</v>
      </c>
      <c r="MY13" s="109">
        <v>2035930</v>
      </c>
      <c r="MZ13" s="110">
        <v>7174035</v>
      </c>
      <c r="NA13" s="130">
        <v>7174035</v>
      </c>
      <c r="NB13" s="129">
        <v>0</v>
      </c>
      <c r="NC13" s="109">
        <v>0</v>
      </c>
      <c r="ND13" s="110">
        <v>0</v>
      </c>
      <c r="NE13" s="132"/>
      <c r="NF13" s="109">
        <v>633908</v>
      </c>
      <c r="NG13" s="109">
        <v>225228</v>
      </c>
      <c r="NH13" s="109">
        <v>1379385</v>
      </c>
      <c r="NI13" s="109">
        <v>1359342</v>
      </c>
      <c r="NJ13" s="109">
        <v>0</v>
      </c>
      <c r="NK13" s="110">
        <v>3597863</v>
      </c>
      <c r="NL13" s="298">
        <v>3597863</v>
      </c>
      <c r="NM13" s="129">
        <v>0</v>
      </c>
      <c r="NN13" s="109">
        <v>0</v>
      </c>
      <c r="NO13" s="110">
        <v>0</v>
      </c>
      <c r="NP13" s="132"/>
      <c r="NQ13" s="109">
        <v>0</v>
      </c>
      <c r="NR13" s="109">
        <v>0</v>
      </c>
      <c r="NS13" s="109">
        <v>0</v>
      </c>
      <c r="NT13" s="109">
        <v>0</v>
      </c>
      <c r="NU13" s="109">
        <v>0</v>
      </c>
      <c r="NV13" s="110">
        <v>0</v>
      </c>
      <c r="NW13" s="111">
        <v>0</v>
      </c>
      <c r="NX13" s="129">
        <v>0</v>
      </c>
      <c r="NY13" s="109">
        <v>0</v>
      </c>
      <c r="NZ13" s="110">
        <v>0</v>
      </c>
      <c r="OA13" s="132"/>
      <c r="OB13" s="109">
        <v>0</v>
      </c>
      <c r="OC13" s="109">
        <v>0</v>
      </c>
      <c r="OD13" s="109">
        <v>0</v>
      </c>
      <c r="OE13" s="109">
        <v>0</v>
      </c>
      <c r="OF13" s="109">
        <v>0</v>
      </c>
      <c r="OG13" s="110">
        <v>0</v>
      </c>
      <c r="OH13" s="111">
        <v>0</v>
      </c>
      <c r="OI13" s="129">
        <v>1366052</v>
      </c>
      <c r="OJ13" s="109">
        <v>609178</v>
      </c>
      <c r="OK13" s="128">
        <v>1975230</v>
      </c>
      <c r="OL13" s="108">
        <v>0</v>
      </c>
      <c r="OM13" s="109">
        <v>14223554</v>
      </c>
      <c r="ON13" s="109">
        <v>11682372</v>
      </c>
      <c r="OO13" s="109">
        <v>13175354</v>
      </c>
      <c r="OP13" s="109">
        <v>16224171</v>
      </c>
      <c r="OQ13" s="109">
        <v>10840594</v>
      </c>
      <c r="OR13" s="110">
        <v>66146045</v>
      </c>
      <c r="OS13" s="130">
        <v>68121275</v>
      </c>
    </row>
    <row r="14" spans="2:409" ht="21" customHeight="1" x14ac:dyDescent="0.2">
      <c r="B14" s="472" t="s">
        <v>8</v>
      </c>
      <c r="C14" s="100">
        <v>639211</v>
      </c>
      <c r="D14" s="104">
        <v>702737</v>
      </c>
      <c r="E14" s="103">
        <v>1341948</v>
      </c>
      <c r="F14" s="99">
        <v>0</v>
      </c>
      <c r="G14" s="104">
        <v>5738605</v>
      </c>
      <c r="H14" s="104">
        <v>6568891</v>
      </c>
      <c r="I14" s="104">
        <v>5816030</v>
      </c>
      <c r="J14" s="104">
        <v>6666595</v>
      </c>
      <c r="K14" s="104">
        <v>3984389</v>
      </c>
      <c r="L14" s="99">
        <v>28774510</v>
      </c>
      <c r="M14" s="106">
        <v>30116458</v>
      </c>
      <c r="N14" s="100">
        <v>91538</v>
      </c>
      <c r="O14" s="104">
        <v>174470</v>
      </c>
      <c r="P14" s="103">
        <v>266008</v>
      </c>
      <c r="Q14" s="100">
        <v>0</v>
      </c>
      <c r="R14" s="104">
        <v>1734266</v>
      </c>
      <c r="S14" s="104">
        <v>2056898</v>
      </c>
      <c r="T14" s="104">
        <v>1690682</v>
      </c>
      <c r="U14" s="104">
        <v>1821257</v>
      </c>
      <c r="V14" s="104">
        <v>1920873</v>
      </c>
      <c r="W14" s="103">
        <v>9223976</v>
      </c>
      <c r="X14" s="106">
        <v>9489984</v>
      </c>
      <c r="Y14" s="100">
        <v>0</v>
      </c>
      <c r="Z14" s="104">
        <v>0</v>
      </c>
      <c r="AA14" s="103">
        <v>0</v>
      </c>
      <c r="AB14" s="100">
        <v>0</v>
      </c>
      <c r="AC14" s="104">
        <v>751558</v>
      </c>
      <c r="AD14" s="104">
        <v>776163</v>
      </c>
      <c r="AE14" s="104">
        <v>836843</v>
      </c>
      <c r="AF14" s="104">
        <v>754554</v>
      </c>
      <c r="AG14" s="104">
        <v>1147734</v>
      </c>
      <c r="AH14" s="103">
        <v>4266852</v>
      </c>
      <c r="AI14" s="106">
        <v>4266852</v>
      </c>
      <c r="AJ14" s="100">
        <v>0</v>
      </c>
      <c r="AK14" s="104">
        <v>0</v>
      </c>
      <c r="AL14" s="103">
        <v>0</v>
      </c>
      <c r="AM14" s="100">
        <v>0</v>
      </c>
      <c r="AN14" s="104">
        <v>0</v>
      </c>
      <c r="AO14" s="104">
        <v>0</v>
      </c>
      <c r="AP14" s="104">
        <v>59642</v>
      </c>
      <c r="AQ14" s="104">
        <v>74524</v>
      </c>
      <c r="AR14" s="104">
        <v>136728</v>
      </c>
      <c r="AS14" s="103">
        <v>270894</v>
      </c>
      <c r="AT14" s="106">
        <v>270894</v>
      </c>
      <c r="AU14" s="100">
        <v>46458</v>
      </c>
      <c r="AV14" s="104">
        <v>72558</v>
      </c>
      <c r="AW14" s="103">
        <v>119016</v>
      </c>
      <c r="AX14" s="100">
        <v>0</v>
      </c>
      <c r="AY14" s="104">
        <v>621735</v>
      </c>
      <c r="AZ14" s="104">
        <v>766946</v>
      </c>
      <c r="BA14" s="104">
        <v>490495</v>
      </c>
      <c r="BB14" s="104">
        <v>689541</v>
      </c>
      <c r="BC14" s="104">
        <v>356204</v>
      </c>
      <c r="BD14" s="103">
        <v>2924921</v>
      </c>
      <c r="BE14" s="106">
        <v>3043937</v>
      </c>
      <c r="BF14" s="100">
        <v>0</v>
      </c>
      <c r="BG14" s="104">
        <v>77132</v>
      </c>
      <c r="BH14" s="102">
        <v>77132</v>
      </c>
      <c r="BI14" s="101">
        <v>0</v>
      </c>
      <c r="BJ14" s="104">
        <v>90073</v>
      </c>
      <c r="BK14" s="104">
        <v>192755</v>
      </c>
      <c r="BL14" s="104">
        <v>93947</v>
      </c>
      <c r="BM14" s="104">
        <v>42847</v>
      </c>
      <c r="BN14" s="104">
        <v>75625</v>
      </c>
      <c r="BO14" s="103">
        <v>495247</v>
      </c>
      <c r="BP14" s="106">
        <v>572379</v>
      </c>
      <c r="BQ14" s="100">
        <v>45080</v>
      </c>
      <c r="BR14" s="104">
        <v>24780</v>
      </c>
      <c r="BS14" s="103">
        <v>69860</v>
      </c>
      <c r="BT14" s="100">
        <v>0</v>
      </c>
      <c r="BU14" s="104">
        <v>270900</v>
      </c>
      <c r="BV14" s="104">
        <v>321034</v>
      </c>
      <c r="BW14" s="104">
        <v>209755</v>
      </c>
      <c r="BX14" s="104">
        <v>259791</v>
      </c>
      <c r="BY14" s="104">
        <v>204582</v>
      </c>
      <c r="BZ14" s="103">
        <v>1266062</v>
      </c>
      <c r="CA14" s="106">
        <v>1335922</v>
      </c>
      <c r="CB14" s="100">
        <v>35729</v>
      </c>
      <c r="CC14" s="104">
        <v>138251</v>
      </c>
      <c r="CD14" s="103">
        <v>173980</v>
      </c>
      <c r="CE14" s="100">
        <v>0</v>
      </c>
      <c r="CF14" s="104">
        <v>1734813</v>
      </c>
      <c r="CG14" s="104">
        <v>1917985</v>
      </c>
      <c r="CH14" s="104">
        <v>1114243</v>
      </c>
      <c r="CI14" s="104">
        <v>1399459</v>
      </c>
      <c r="CJ14" s="104">
        <v>634191</v>
      </c>
      <c r="CK14" s="103">
        <v>6800691</v>
      </c>
      <c r="CL14" s="106">
        <v>6974671</v>
      </c>
      <c r="CM14" s="100">
        <v>0</v>
      </c>
      <c r="CN14" s="104">
        <v>0</v>
      </c>
      <c r="CO14" s="103">
        <v>0</v>
      </c>
      <c r="CP14" s="101">
        <v>0</v>
      </c>
      <c r="CQ14" s="104">
        <v>1202911</v>
      </c>
      <c r="CR14" s="104">
        <v>1652617</v>
      </c>
      <c r="CS14" s="104">
        <v>605560</v>
      </c>
      <c r="CT14" s="104">
        <v>1024999</v>
      </c>
      <c r="CU14" s="104">
        <v>354694</v>
      </c>
      <c r="CV14" s="103">
        <v>4840781</v>
      </c>
      <c r="CW14" s="106">
        <v>4840781</v>
      </c>
      <c r="CX14" s="100">
        <v>35729</v>
      </c>
      <c r="CY14" s="104">
        <v>138251</v>
      </c>
      <c r="CZ14" s="103">
        <v>173980</v>
      </c>
      <c r="DA14" s="100">
        <v>0</v>
      </c>
      <c r="DB14" s="104">
        <v>531902</v>
      </c>
      <c r="DC14" s="104">
        <v>265368</v>
      </c>
      <c r="DD14" s="104">
        <v>508683</v>
      </c>
      <c r="DE14" s="104">
        <v>374460</v>
      </c>
      <c r="DF14" s="104">
        <v>279497</v>
      </c>
      <c r="DG14" s="103">
        <v>1959910</v>
      </c>
      <c r="DH14" s="106">
        <v>2133890</v>
      </c>
      <c r="DI14" s="100">
        <v>0</v>
      </c>
      <c r="DJ14" s="104">
        <v>68945</v>
      </c>
      <c r="DK14" s="102">
        <v>68945</v>
      </c>
      <c r="DL14" s="101">
        <v>0</v>
      </c>
      <c r="DM14" s="104">
        <v>226063</v>
      </c>
      <c r="DN14" s="104">
        <v>384410</v>
      </c>
      <c r="DO14" s="104">
        <v>689711</v>
      </c>
      <c r="DP14" s="104">
        <v>1032495</v>
      </c>
      <c r="DQ14" s="104">
        <v>117819</v>
      </c>
      <c r="DR14" s="103">
        <v>2450498</v>
      </c>
      <c r="DS14" s="106">
        <v>2519443</v>
      </c>
      <c r="DT14" s="100">
        <v>0</v>
      </c>
      <c r="DU14" s="104">
        <v>68945</v>
      </c>
      <c r="DV14" s="103">
        <v>68945</v>
      </c>
      <c r="DW14" s="100">
        <v>0</v>
      </c>
      <c r="DX14" s="104">
        <v>132776</v>
      </c>
      <c r="DY14" s="104">
        <v>384410</v>
      </c>
      <c r="DZ14" s="104">
        <v>689711</v>
      </c>
      <c r="EA14" s="104">
        <v>999066</v>
      </c>
      <c r="EB14" s="104">
        <v>117819</v>
      </c>
      <c r="EC14" s="103">
        <v>2323782</v>
      </c>
      <c r="ED14" s="106">
        <v>2392727</v>
      </c>
      <c r="EE14" s="100">
        <v>0</v>
      </c>
      <c r="EF14" s="102">
        <v>0</v>
      </c>
      <c r="EG14" s="103">
        <v>0</v>
      </c>
      <c r="EH14" s="100">
        <v>0</v>
      </c>
      <c r="EI14" s="104">
        <v>93287</v>
      </c>
      <c r="EJ14" s="104">
        <v>0</v>
      </c>
      <c r="EK14" s="104">
        <v>0</v>
      </c>
      <c r="EL14" s="104">
        <v>33429</v>
      </c>
      <c r="EM14" s="104">
        <v>0</v>
      </c>
      <c r="EN14" s="102">
        <v>126716</v>
      </c>
      <c r="EO14" s="106">
        <v>126716</v>
      </c>
      <c r="EP14" s="100">
        <v>0</v>
      </c>
      <c r="EQ14" s="104">
        <v>0</v>
      </c>
      <c r="ER14" s="102">
        <v>0</v>
      </c>
      <c r="ES14" s="101">
        <v>0</v>
      </c>
      <c r="ET14" s="104">
        <v>0</v>
      </c>
      <c r="EU14" s="104">
        <v>0</v>
      </c>
      <c r="EV14" s="104">
        <v>0</v>
      </c>
      <c r="EW14" s="104">
        <v>0</v>
      </c>
      <c r="EX14" s="104">
        <v>0</v>
      </c>
      <c r="EY14" s="103">
        <v>0</v>
      </c>
      <c r="EZ14" s="106">
        <v>0</v>
      </c>
      <c r="FA14" s="100">
        <v>0</v>
      </c>
      <c r="FB14" s="104">
        <v>0</v>
      </c>
      <c r="FC14" s="102">
        <v>0</v>
      </c>
      <c r="FD14" s="324"/>
      <c r="FE14" s="104">
        <v>0</v>
      </c>
      <c r="FF14" s="104">
        <v>0</v>
      </c>
      <c r="FG14" s="104">
        <v>0</v>
      </c>
      <c r="FH14" s="104">
        <v>0</v>
      </c>
      <c r="FI14" s="104">
        <v>0</v>
      </c>
      <c r="FJ14" s="103">
        <v>0</v>
      </c>
      <c r="FK14" s="106">
        <v>0</v>
      </c>
      <c r="FL14" s="100">
        <v>168826</v>
      </c>
      <c r="FM14" s="104">
        <v>75103</v>
      </c>
      <c r="FN14" s="103">
        <v>243929</v>
      </c>
      <c r="FO14" s="100">
        <v>0</v>
      </c>
      <c r="FP14" s="104">
        <v>364735</v>
      </c>
      <c r="FQ14" s="104">
        <v>582267</v>
      </c>
      <c r="FR14" s="104">
        <v>488380</v>
      </c>
      <c r="FS14" s="104">
        <v>496664</v>
      </c>
      <c r="FT14" s="104">
        <v>344372</v>
      </c>
      <c r="FU14" s="103">
        <v>2276418</v>
      </c>
      <c r="FV14" s="106">
        <v>2520347</v>
      </c>
      <c r="FW14" s="105">
        <v>136178</v>
      </c>
      <c r="FX14" s="104">
        <v>75103</v>
      </c>
      <c r="FY14" s="102">
        <v>211281</v>
      </c>
      <c r="FZ14" s="101">
        <v>0</v>
      </c>
      <c r="GA14" s="104">
        <v>326851</v>
      </c>
      <c r="GB14" s="104">
        <v>544327</v>
      </c>
      <c r="GC14" s="104">
        <v>421421</v>
      </c>
      <c r="GD14" s="104">
        <v>496664</v>
      </c>
      <c r="GE14" s="104">
        <v>266217</v>
      </c>
      <c r="GF14" s="103">
        <v>2055480</v>
      </c>
      <c r="GG14" s="296">
        <v>2266761</v>
      </c>
      <c r="GH14" s="105">
        <v>32648</v>
      </c>
      <c r="GI14" s="104">
        <v>0</v>
      </c>
      <c r="GJ14" s="102">
        <v>32648</v>
      </c>
      <c r="GK14" s="101">
        <v>0</v>
      </c>
      <c r="GL14" s="104">
        <v>37884</v>
      </c>
      <c r="GM14" s="104">
        <v>37940</v>
      </c>
      <c r="GN14" s="104">
        <v>66959</v>
      </c>
      <c r="GO14" s="104">
        <v>0</v>
      </c>
      <c r="GP14" s="104">
        <v>78155</v>
      </c>
      <c r="GQ14" s="103">
        <v>220938</v>
      </c>
      <c r="GR14" s="106">
        <v>253586</v>
      </c>
      <c r="GS14" s="100">
        <v>0</v>
      </c>
      <c r="GT14" s="104">
        <v>0</v>
      </c>
      <c r="GU14" s="103">
        <v>0</v>
      </c>
      <c r="GV14" s="100">
        <v>0</v>
      </c>
      <c r="GW14" s="104">
        <v>0</v>
      </c>
      <c r="GX14" s="104">
        <v>0</v>
      </c>
      <c r="GY14" s="104">
        <v>0</v>
      </c>
      <c r="GZ14" s="104">
        <v>0</v>
      </c>
      <c r="HA14" s="104">
        <v>0</v>
      </c>
      <c r="HB14" s="102">
        <v>0</v>
      </c>
      <c r="HC14" s="106">
        <v>0</v>
      </c>
      <c r="HD14" s="100">
        <v>343118</v>
      </c>
      <c r="HE14" s="104">
        <v>245968</v>
      </c>
      <c r="HF14" s="102">
        <v>589086</v>
      </c>
      <c r="HG14" s="101">
        <v>0</v>
      </c>
      <c r="HH14" s="104">
        <v>1678728</v>
      </c>
      <c r="HI14" s="104">
        <v>1627331</v>
      </c>
      <c r="HJ14" s="104">
        <v>1833014</v>
      </c>
      <c r="HK14" s="104">
        <v>1916720</v>
      </c>
      <c r="HL14" s="104">
        <v>967134</v>
      </c>
      <c r="HM14" s="103">
        <v>8022927</v>
      </c>
      <c r="HN14" s="99">
        <v>8612013</v>
      </c>
      <c r="HO14" s="306"/>
      <c r="HP14" s="307"/>
      <c r="HQ14" s="308"/>
      <c r="HR14" s="309"/>
      <c r="HS14" s="307"/>
      <c r="HT14" s="307"/>
      <c r="HU14" s="307"/>
      <c r="HV14" s="307"/>
      <c r="HW14" s="307"/>
      <c r="HX14" s="310"/>
      <c r="HY14" s="311"/>
      <c r="HZ14" s="118">
        <v>0</v>
      </c>
      <c r="IA14" s="119">
        <v>0</v>
      </c>
      <c r="IB14" s="120">
        <v>0</v>
      </c>
      <c r="IC14" s="121">
        <v>0</v>
      </c>
      <c r="ID14" s="122">
        <v>1625779</v>
      </c>
      <c r="IE14" s="123">
        <v>1863753</v>
      </c>
      <c r="IF14" s="124">
        <v>768867</v>
      </c>
      <c r="IG14" s="122">
        <v>2507079</v>
      </c>
      <c r="IH14" s="124">
        <v>624214</v>
      </c>
      <c r="II14" s="125">
        <v>7389692</v>
      </c>
      <c r="IJ14" s="126">
        <v>7389692</v>
      </c>
      <c r="IK14" s="219">
        <v>0</v>
      </c>
      <c r="IL14" s="223">
        <v>0</v>
      </c>
      <c r="IM14" s="224">
        <v>0</v>
      </c>
      <c r="IN14" s="127"/>
      <c r="IO14" s="109">
        <v>0</v>
      </c>
      <c r="IP14" s="109">
        <v>0</v>
      </c>
      <c r="IQ14" s="109">
        <v>0</v>
      </c>
      <c r="IR14" s="109">
        <v>215000</v>
      </c>
      <c r="IS14" s="109">
        <v>0</v>
      </c>
      <c r="IT14" s="128">
        <v>215000</v>
      </c>
      <c r="IU14" s="298">
        <v>215000</v>
      </c>
      <c r="IV14" s="129">
        <v>0</v>
      </c>
      <c r="IW14" s="109">
        <v>0</v>
      </c>
      <c r="IX14" s="110">
        <v>0</v>
      </c>
      <c r="IY14" s="131"/>
      <c r="IZ14" s="109">
        <v>0</v>
      </c>
      <c r="JA14" s="109">
        <v>0</v>
      </c>
      <c r="JB14" s="109">
        <v>0</v>
      </c>
      <c r="JC14" s="109">
        <v>0</v>
      </c>
      <c r="JD14" s="109">
        <v>0</v>
      </c>
      <c r="JE14" s="110">
        <v>0</v>
      </c>
      <c r="JF14" s="111">
        <v>0</v>
      </c>
      <c r="JG14" s="129">
        <v>0</v>
      </c>
      <c r="JH14" s="109">
        <v>0</v>
      </c>
      <c r="JI14" s="128">
        <v>0</v>
      </c>
      <c r="JJ14" s="108">
        <v>0</v>
      </c>
      <c r="JK14" s="109">
        <v>1319495</v>
      </c>
      <c r="JL14" s="109">
        <v>727858</v>
      </c>
      <c r="JM14" s="109">
        <v>139421</v>
      </c>
      <c r="JN14" s="109">
        <v>1132341</v>
      </c>
      <c r="JO14" s="109">
        <v>154000</v>
      </c>
      <c r="JP14" s="110">
        <v>3473115</v>
      </c>
      <c r="JQ14" s="298">
        <v>3473115</v>
      </c>
      <c r="JR14" s="129">
        <v>0</v>
      </c>
      <c r="JS14" s="109">
        <v>0</v>
      </c>
      <c r="JT14" s="128">
        <v>0</v>
      </c>
      <c r="JU14" s="108">
        <v>0</v>
      </c>
      <c r="JV14" s="109">
        <v>0</v>
      </c>
      <c r="JW14" s="109">
        <v>48452</v>
      </c>
      <c r="JX14" s="109">
        <v>0</v>
      </c>
      <c r="JY14" s="109">
        <v>0</v>
      </c>
      <c r="JZ14" s="109">
        <v>0</v>
      </c>
      <c r="KA14" s="110">
        <v>48452</v>
      </c>
      <c r="KB14" s="298">
        <v>48452</v>
      </c>
      <c r="KC14" s="221">
        <v>0</v>
      </c>
      <c r="KD14" s="217">
        <v>0</v>
      </c>
      <c r="KE14" s="110">
        <v>0</v>
      </c>
      <c r="KF14" s="108">
        <v>0</v>
      </c>
      <c r="KG14" s="109">
        <v>306284</v>
      </c>
      <c r="KH14" s="109">
        <v>0</v>
      </c>
      <c r="KI14" s="109">
        <v>403479</v>
      </c>
      <c r="KJ14" s="109">
        <v>453215</v>
      </c>
      <c r="KK14" s="109">
        <v>0</v>
      </c>
      <c r="KL14" s="110">
        <v>1162978</v>
      </c>
      <c r="KM14" s="130">
        <v>1162978</v>
      </c>
      <c r="KN14" s="219">
        <v>0</v>
      </c>
      <c r="KO14" s="223">
        <v>0</v>
      </c>
      <c r="KP14" s="224">
        <v>0</v>
      </c>
      <c r="KQ14" s="127"/>
      <c r="KR14" s="109">
        <v>0</v>
      </c>
      <c r="KS14" s="109">
        <v>1087443</v>
      </c>
      <c r="KT14" s="109">
        <v>225967</v>
      </c>
      <c r="KU14" s="109">
        <v>457361</v>
      </c>
      <c r="KV14" s="109">
        <v>0</v>
      </c>
      <c r="KW14" s="110">
        <v>1770771</v>
      </c>
      <c r="KX14" s="298">
        <v>1770771</v>
      </c>
      <c r="KY14" s="129">
        <v>0</v>
      </c>
      <c r="KZ14" s="109">
        <v>0</v>
      </c>
      <c r="LA14" s="110">
        <v>0</v>
      </c>
      <c r="LB14" s="132"/>
      <c r="LC14" s="109">
        <v>0</v>
      </c>
      <c r="LD14" s="109">
        <v>0</v>
      </c>
      <c r="LE14" s="109">
        <v>0</v>
      </c>
      <c r="LF14" s="109">
        <v>192508</v>
      </c>
      <c r="LG14" s="109">
        <v>205668</v>
      </c>
      <c r="LH14" s="110">
        <v>398176</v>
      </c>
      <c r="LI14" s="111">
        <v>398176</v>
      </c>
      <c r="LJ14" s="129">
        <v>0</v>
      </c>
      <c r="LK14" s="109">
        <v>0</v>
      </c>
      <c r="LL14" s="110">
        <v>0</v>
      </c>
      <c r="LM14" s="132"/>
      <c r="LN14" s="109">
        <v>0</v>
      </c>
      <c r="LO14" s="109">
        <v>0</v>
      </c>
      <c r="LP14" s="109">
        <v>0</v>
      </c>
      <c r="LQ14" s="109">
        <v>56654</v>
      </c>
      <c r="LR14" s="109">
        <v>264546</v>
      </c>
      <c r="LS14" s="110">
        <v>321200</v>
      </c>
      <c r="LT14" s="298">
        <v>321200</v>
      </c>
      <c r="LU14" s="129">
        <v>0</v>
      </c>
      <c r="LV14" s="109">
        <v>0</v>
      </c>
      <c r="LW14" s="110">
        <v>0</v>
      </c>
      <c r="LX14" s="132"/>
      <c r="LY14" s="109">
        <v>0</v>
      </c>
      <c r="LZ14" s="109">
        <v>0</v>
      </c>
      <c r="MA14" s="109">
        <v>0</v>
      </c>
      <c r="MB14" s="109">
        <v>0</v>
      </c>
      <c r="MC14" s="109">
        <v>0</v>
      </c>
      <c r="MD14" s="110">
        <v>0</v>
      </c>
      <c r="ME14" s="111">
        <v>0</v>
      </c>
      <c r="MF14" s="129">
        <v>0</v>
      </c>
      <c r="MG14" s="109">
        <v>0</v>
      </c>
      <c r="MH14" s="110">
        <v>0</v>
      </c>
      <c r="MI14" s="132"/>
      <c r="MJ14" s="109">
        <v>405110</v>
      </c>
      <c r="MK14" s="109">
        <v>1160003</v>
      </c>
      <c r="ML14" s="109">
        <v>2301676</v>
      </c>
      <c r="MM14" s="109">
        <v>2947357</v>
      </c>
      <c r="MN14" s="109">
        <v>1381258</v>
      </c>
      <c r="MO14" s="110">
        <v>8195404</v>
      </c>
      <c r="MP14" s="130">
        <v>8195404</v>
      </c>
      <c r="MQ14" s="129">
        <v>0</v>
      </c>
      <c r="MR14" s="109">
        <v>0</v>
      </c>
      <c r="MS14" s="110">
        <v>0</v>
      </c>
      <c r="MT14" s="132"/>
      <c r="MU14" s="109">
        <v>0</v>
      </c>
      <c r="MV14" s="109">
        <v>421157</v>
      </c>
      <c r="MW14" s="109">
        <v>835772</v>
      </c>
      <c r="MX14" s="109">
        <v>1771593</v>
      </c>
      <c r="MY14" s="109">
        <v>1110874</v>
      </c>
      <c r="MZ14" s="110">
        <v>4139396</v>
      </c>
      <c r="NA14" s="130">
        <v>4139396</v>
      </c>
      <c r="NB14" s="129">
        <v>0</v>
      </c>
      <c r="NC14" s="109">
        <v>0</v>
      </c>
      <c r="ND14" s="110">
        <v>0</v>
      </c>
      <c r="NE14" s="132"/>
      <c r="NF14" s="109">
        <v>405110</v>
      </c>
      <c r="NG14" s="109">
        <v>502123</v>
      </c>
      <c r="NH14" s="109">
        <v>1465904</v>
      </c>
      <c r="NI14" s="109">
        <v>1175764</v>
      </c>
      <c r="NJ14" s="109">
        <v>270384</v>
      </c>
      <c r="NK14" s="110">
        <v>3819285</v>
      </c>
      <c r="NL14" s="298">
        <v>3819285</v>
      </c>
      <c r="NM14" s="129">
        <v>0</v>
      </c>
      <c r="NN14" s="109">
        <v>0</v>
      </c>
      <c r="NO14" s="110">
        <v>0</v>
      </c>
      <c r="NP14" s="132"/>
      <c r="NQ14" s="109">
        <v>0</v>
      </c>
      <c r="NR14" s="109">
        <v>0</v>
      </c>
      <c r="NS14" s="109">
        <v>0</v>
      </c>
      <c r="NT14" s="109">
        <v>0</v>
      </c>
      <c r="NU14" s="109">
        <v>0</v>
      </c>
      <c r="NV14" s="110">
        <v>0</v>
      </c>
      <c r="NW14" s="111">
        <v>0</v>
      </c>
      <c r="NX14" s="129">
        <v>0</v>
      </c>
      <c r="NY14" s="109">
        <v>0</v>
      </c>
      <c r="NZ14" s="110">
        <v>0</v>
      </c>
      <c r="OA14" s="132"/>
      <c r="OB14" s="109">
        <v>0</v>
      </c>
      <c r="OC14" s="109">
        <v>236723</v>
      </c>
      <c r="OD14" s="109">
        <v>0</v>
      </c>
      <c r="OE14" s="109">
        <v>0</v>
      </c>
      <c r="OF14" s="109">
        <v>0</v>
      </c>
      <c r="OG14" s="110">
        <v>236723</v>
      </c>
      <c r="OH14" s="111">
        <v>236723</v>
      </c>
      <c r="OI14" s="129">
        <v>639211</v>
      </c>
      <c r="OJ14" s="109">
        <v>702737</v>
      </c>
      <c r="OK14" s="128">
        <v>1341948</v>
      </c>
      <c r="OL14" s="108">
        <v>0</v>
      </c>
      <c r="OM14" s="109">
        <v>7769494</v>
      </c>
      <c r="ON14" s="109">
        <v>9592647</v>
      </c>
      <c r="OO14" s="109">
        <v>8886573</v>
      </c>
      <c r="OP14" s="109">
        <v>12121031</v>
      </c>
      <c r="OQ14" s="109">
        <v>5989861</v>
      </c>
      <c r="OR14" s="110">
        <v>44359606</v>
      </c>
      <c r="OS14" s="130">
        <v>45701554</v>
      </c>
    </row>
    <row r="15" spans="2:409" ht="21" customHeight="1" x14ac:dyDescent="0.2">
      <c r="B15" s="472" t="s">
        <v>9</v>
      </c>
      <c r="C15" s="100">
        <v>1329853</v>
      </c>
      <c r="D15" s="104">
        <v>1688052</v>
      </c>
      <c r="E15" s="103">
        <v>3017905</v>
      </c>
      <c r="F15" s="101">
        <v>0</v>
      </c>
      <c r="G15" s="104">
        <v>12044016</v>
      </c>
      <c r="H15" s="104">
        <v>11180182</v>
      </c>
      <c r="I15" s="104">
        <v>14492468</v>
      </c>
      <c r="J15" s="104">
        <v>15763996</v>
      </c>
      <c r="K15" s="104">
        <v>9486284</v>
      </c>
      <c r="L15" s="99">
        <v>62966946</v>
      </c>
      <c r="M15" s="106">
        <v>65984851</v>
      </c>
      <c r="N15" s="100">
        <v>505286</v>
      </c>
      <c r="O15" s="104">
        <v>451130</v>
      </c>
      <c r="P15" s="103">
        <v>956416</v>
      </c>
      <c r="Q15" s="100">
        <v>0</v>
      </c>
      <c r="R15" s="104">
        <v>4249295</v>
      </c>
      <c r="S15" s="104">
        <v>4669941</v>
      </c>
      <c r="T15" s="104">
        <v>4842862</v>
      </c>
      <c r="U15" s="104">
        <v>6595561</v>
      </c>
      <c r="V15" s="104">
        <v>5590335</v>
      </c>
      <c r="W15" s="103">
        <v>25947994</v>
      </c>
      <c r="X15" s="106">
        <v>26904410</v>
      </c>
      <c r="Y15" s="100">
        <v>0</v>
      </c>
      <c r="Z15" s="104">
        <v>0</v>
      </c>
      <c r="AA15" s="103">
        <v>0</v>
      </c>
      <c r="AB15" s="100">
        <v>0</v>
      </c>
      <c r="AC15" s="104">
        <v>1715633</v>
      </c>
      <c r="AD15" s="104">
        <v>1861894</v>
      </c>
      <c r="AE15" s="104">
        <v>2609428</v>
      </c>
      <c r="AF15" s="104">
        <v>3868463</v>
      </c>
      <c r="AG15" s="104">
        <v>3474926</v>
      </c>
      <c r="AH15" s="103">
        <v>13530344</v>
      </c>
      <c r="AI15" s="106">
        <v>13530344</v>
      </c>
      <c r="AJ15" s="100">
        <v>0</v>
      </c>
      <c r="AK15" s="104">
        <v>0</v>
      </c>
      <c r="AL15" s="103">
        <v>0</v>
      </c>
      <c r="AM15" s="100">
        <v>0</v>
      </c>
      <c r="AN15" s="104">
        <v>52822</v>
      </c>
      <c r="AO15" s="104">
        <v>0</v>
      </c>
      <c r="AP15" s="104">
        <v>42256</v>
      </c>
      <c r="AQ15" s="104">
        <v>611563</v>
      </c>
      <c r="AR15" s="104">
        <v>571876</v>
      </c>
      <c r="AS15" s="103">
        <v>1278517</v>
      </c>
      <c r="AT15" s="106">
        <v>1278517</v>
      </c>
      <c r="AU15" s="100">
        <v>360757</v>
      </c>
      <c r="AV15" s="104">
        <v>328845</v>
      </c>
      <c r="AW15" s="103">
        <v>689602</v>
      </c>
      <c r="AX15" s="100">
        <v>0</v>
      </c>
      <c r="AY15" s="104">
        <v>1825199</v>
      </c>
      <c r="AZ15" s="104">
        <v>1802593</v>
      </c>
      <c r="BA15" s="104">
        <v>1193398</v>
      </c>
      <c r="BB15" s="104">
        <v>1079387</v>
      </c>
      <c r="BC15" s="104">
        <v>1060399</v>
      </c>
      <c r="BD15" s="103">
        <v>6960976</v>
      </c>
      <c r="BE15" s="106">
        <v>7650578</v>
      </c>
      <c r="BF15" s="100">
        <v>0</v>
      </c>
      <c r="BG15" s="104">
        <v>35023</v>
      </c>
      <c r="BH15" s="102">
        <v>35023</v>
      </c>
      <c r="BI15" s="101">
        <v>0</v>
      </c>
      <c r="BJ15" s="104">
        <v>38115</v>
      </c>
      <c r="BK15" s="104">
        <v>326230</v>
      </c>
      <c r="BL15" s="104">
        <v>205303</v>
      </c>
      <c r="BM15" s="104">
        <v>182785</v>
      </c>
      <c r="BN15" s="104">
        <v>73214</v>
      </c>
      <c r="BO15" s="103">
        <v>825647</v>
      </c>
      <c r="BP15" s="106">
        <v>860670</v>
      </c>
      <c r="BQ15" s="100">
        <v>144529</v>
      </c>
      <c r="BR15" s="104">
        <v>87262</v>
      </c>
      <c r="BS15" s="103">
        <v>231791</v>
      </c>
      <c r="BT15" s="100">
        <v>0</v>
      </c>
      <c r="BU15" s="104">
        <v>617526</v>
      </c>
      <c r="BV15" s="104">
        <v>679224</v>
      </c>
      <c r="BW15" s="104">
        <v>792477</v>
      </c>
      <c r="BX15" s="104">
        <v>853363</v>
      </c>
      <c r="BY15" s="104">
        <v>409920</v>
      </c>
      <c r="BZ15" s="103">
        <v>3352510</v>
      </c>
      <c r="CA15" s="106">
        <v>3584301</v>
      </c>
      <c r="CB15" s="100">
        <v>72962</v>
      </c>
      <c r="CC15" s="104">
        <v>313165</v>
      </c>
      <c r="CD15" s="103">
        <v>386127</v>
      </c>
      <c r="CE15" s="100">
        <v>0</v>
      </c>
      <c r="CF15" s="104">
        <v>2882049</v>
      </c>
      <c r="CG15" s="104">
        <v>2053373</v>
      </c>
      <c r="CH15" s="104">
        <v>2105530</v>
      </c>
      <c r="CI15" s="104">
        <v>1693849</v>
      </c>
      <c r="CJ15" s="104">
        <v>273765</v>
      </c>
      <c r="CK15" s="103">
        <v>9008566</v>
      </c>
      <c r="CL15" s="106">
        <v>9394693</v>
      </c>
      <c r="CM15" s="100">
        <v>0</v>
      </c>
      <c r="CN15" s="104">
        <v>0</v>
      </c>
      <c r="CO15" s="103">
        <v>0</v>
      </c>
      <c r="CP15" s="101">
        <v>0</v>
      </c>
      <c r="CQ15" s="104">
        <v>2464394</v>
      </c>
      <c r="CR15" s="104">
        <v>1199828</v>
      </c>
      <c r="CS15" s="104">
        <v>1311838</v>
      </c>
      <c r="CT15" s="104">
        <v>1092199</v>
      </c>
      <c r="CU15" s="104">
        <v>236811</v>
      </c>
      <c r="CV15" s="103">
        <v>6305070</v>
      </c>
      <c r="CW15" s="106">
        <v>6305070</v>
      </c>
      <c r="CX15" s="100">
        <v>72962</v>
      </c>
      <c r="CY15" s="104">
        <v>313165</v>
      </c>
      <c r="CZ15" s="103">
        <v>386127</v>
      </c>
      <c r="DA15" s="100">
        <v>0</v>
      </c>
      <c r="DB15" s="104">
        <v>417655</v>
      </c>
      <c r="DC15" s="104">
        <v>853545</v>
      </c>
      <c r="DD15" s="104">
        <v>793692</v>
      </c>
      <c r="DE15" s="104">
        <v>601650</v>
      </c>
      <c r="DF15" s="104">
        <v>36954</v>
      </c>
      <c r="DG15" s="103">
        <v>2703496</v>
      </c>
      <c r="DH15" s="106">
        <v>3089623</v>
      </c>
      <c r="DI15" s="100">
        <v>0</v>
      </c>
      <c r="DJ15" s="104">
        <v>0</v>
      </c>
      <c r="DK15" s="102">
        <v>0</v>
      </c>
      <c r="DL15" s="101">
        <v>0</v>
      </c>
      <c r="DM15" s="104">
        <v>315922</v>
      </c>
      <c r="DN15" s="104">
        <v>394557</v>
      </c>
      <c r="DO15" s="104">
        <v>784984</v>
      </c>
      <c r="DP15" s="104">
        <v>1013283</v>
      </c>
      <c r="DQ15" s="104">
        <v>770252</v>
      </c>
      <c r="DR15" s="103">
        <v>3278998</v>
      </c>
      <c r="DS15" s="106">
        <v>3278998</v>
      </c>
      <c r="DT15" s="100">
        <v>0</v>
      </c>
      <c r="DU15" s="104">
        <v>0</v>
      </c>
      <c r="DV15" s="103">
        <v>0</v>
      </c>
      <c r="DW15" s="100">
        <v>0</v>
      </c>
      <c r="DX15" s="104">
        <v>315922</v>
      </c>
      <c r="DY15" s="104">
        <v>350607</v>
      </c>
      <c r="DZ15" s="104">
        <v>594213</v>
      </c>
      <c r="EA15" s="104">
        <v>918720</v>
      </c>
      <c r="EB15" s="104">
        <v>574078</v>
      </c>
      <c r="EC15" s="103">
        <v>2753540</v>
      </c>
      <c r="ED15" s="106">
        <v>2753540</v>
      </c>
      <c r="EE15" s="100">
        <v>0</v>
      </c>
      <c r="EF15" s="102">
        <v>0</v>
      </c>
      <c r="EG15" s="103">
        <v>0</v>
      </c>
      <c r="EH15" s="100">
        <v>0</v>
      </c>
      <c r="EI15" s="104">
        <v>0</v>
      </c>
      <c r="EJ15" s="104">
        <v>43950</v>
      </c>
      <c r="EK15" s="104">
        <v>190771</v>
      </c>
      <c r="EL15" s="104">
        <v>94563</v>
      </c>
      <c r="EM15" s="104">
        <v>196174</v>
      </c>
      <c r="EN15" s="102">
        <v>525458</v>
      </c>
      <c r="EO15" s="106">
        <v>525458</v>
      </c>
      <c r="EP15" s="100">
        <v>0</v>
      </c>
      <c r="EQ15" s="104">
        <v>0</v>
      </c>
      <c r="ER15" s="102">
        <v>0</v>
      </c>
      <c r="ES15" s="101">
        <v>0</v>
      </c>
      <c r="ET15" s="104">
        <v>0</v>
      </c>
      <c r="EU15" s="104">
        <v>0</v>
      </c>
      <c r="EV15" s="104">
        <v>0</v>
      </c>
      <c r="EW15" s="104">
        <v>0</v>
      </c>
      <c r="EX15" s="104">
        <v>0</v>
      </c>
      <c r="EY15" s="103">
        <v>0</v>
      </c>
      <c r="EZ15" s="106">
        <v>0</v>
      </c>
      <c r="FA15" s="100">
        <v>0</v>
      </c>
      <c r="FB15" s="104">
        <v>0</v>
      </c>
      <c r="FC15" s="102">
        <v>0</v>
      </c>
      <c r="FD15" s="324"/>
      <c r="FE15" s="104">
        <v>0</v>
      </c>
      <c r="FF15" s="104">
        <v>0</v>
      </c>
      <c r="FG15" s="104">
        <v>0</v>
      </c>
      <c r="FH15" s="104">
        <v>0</v>
      </c>
      <c r="FI15" s="104">
        <v>0</v>
      </c>
      <c r="FJ15" s="103">
        <v>0</v>
      </c>
      <c r="FK15" s="106">
        <v>0</v>
      </c>
      <c r="FL15" s="100">
        <v>175700</v>
      </c>
      <c r="FM15" s="104">
        <v>363384</v>
      </c>
      <c r="FN15" s="103">
        <v>539084</v>
      </c>
      <c r="FO15" s="100">
        <v>0</v>
      </c>
      <c r="FP15" s="104">
        <v>794479</v>
      </c>
      <c r="FQ15" s="104">
        <v>844501</v>
      </c>
      <c r="FR15" s="104">
        <v>971859</v>
      </c>
      <c r="FS15" s="104">
        <v>1182958</v>
      </c>
      <c r="FT15" s="104">
        <v>637791</v>
      </c>
      <c r="FU15" s="103">
        <v>4431588</v>
      </c>
      <c r="FV15" s="106">
        <v>4970672</v>
      </c>
      <c r="FW15" s="105">
        <v>120876</v>
      </c>
      <c r="FX15" s="104">
        <v>180719</v>
      </c>
      <c r="FY15" s="102">
        <v>301595</v>
      </c>
      <c r="FZ15" s="101">
        <v>0</v>
      </c>
      <c r="GA15" s="104">
        <v>627319</v>
      </c>
      <c r="GB15" s="104">
        <v>819091</v>
      </c>
      <c r="GC15" s="104">
        <v>798931</v>
      </c>
      <c r="GD15" s="104">
        <v>961058</v>
      </c>
      <c r="GE15" s="104">
        <v>624491</v>
      </c>
      <c r="GF15" s="103">
        <v>3830890</v>
      </c>
      <c r="GG15" s="296">
        <v>4132485</v>
      </c>
      <c r="GH15" s="105">
        <v>0</v>
      </c>
      <c r="GI15" s="104">
        <v>56665</v>
      </c>
      <c r="GJ15" s="102">
        <v>56665</v>
      </c>
      <c r="GK15" s="101">
        <v>0</v>
      </c>
      <c r="GL15" s="104">
        <v>15400</v>
      </c>
      <c r="GM15" s="104">
        <v>25410</v>
      </c>
      <c r="GN15" s="104">
        <v>61628</v>
      </c>
      <c r="GO15" s="104">
        <v>0</v>
      </c>
      <c r="GP15" s="104">
        <v>13300</v>
      </c>
      <c r="GQ15" s="103">
        <v>115738</v>
      </c>
      <c r="GR15" s="106">
        <v>172403</v>
      </c>
      <c r="GS15" s="100">
        <v>54824</v>
      </c>
      <c r="GT15" s="104">
        <v>126000</v>
      </c>
      <c r="GU15" s="103">
        <v>180824</v>
      </c>
      <c r="GV15" s="100">
        <v>0</v>
      </c>
      <c r="GW15" s="104">
        <v>151760</v>
      </c>
      <c r="GX15" s="104">
        <v>0</v>
      </c>
      <c r="GY15" s="104">
        <v>111300</v>
      </c>
      <c r="GZ15" s="104">
        <v>221900</v>
      </c>
      <c r="HA15" s="104">
        <v>0</v>
      </c>
      <c r="HB15" s="102">
        <v>484960</v>
      </c>
      <c r="HC15" s="106">
        <v>665784</v>
      </c>
      <c r="HD15" s="100">
        <v>575905</v>
      </c>
      <c r="HE15" s="104">
        <v>560373</v>
      </c>
      <c r="HF15" s="102">
        <v>1136278</v>
      </c>
      <c r="HG15" s="101">
        <v>0</v>
      </c>
      <c r="HH15" s="104">
        <v>3802271</v>
      </c>
      <c r="HI15" s="104">
        <v>3217810</v>
      </c>
      <c r="HJ15" s="104">
        <v>5787233</v>
      </c>
      <c r="HK15" s="104">
        <v>5278345</v>
      </c>
      <c r="HL15" s="104">
        <v>2214141</v>
      </c>
      <c r="HM15" s="103">
        <v>20299800</v>
      </c>
      <c r="HN15" s="99">
        <v>21436078</v>
      </c>
      <c r="HO15" s="306"/>
      <c r="HP15" s="307"/>
      <c r="HQ15" s="308"/>
      <c r="HR15" s="309"/>
      <c r="HS15" s="307"/>
      <c r="HT15" s="307"/>
      <c r="HU15" s="307"/>
      <c r="HV15" s="307"/>
      <c r="HW15" s="307"/>
      <c r="HX15" s="310"/>
      <c r="HY15" s="311"/>
      <c r="HZ15" s="115">
        <v>38048</v>
      </c>
      <c r="IA15" s="136">
        <v>0</v>
      </c>
      <c r="IB15" s="116">
        <v>38048</v>
      </c>
      <c r="IC15" s="133">
        <v>0</v>
      </c>
      <c r="ID15" s="119">
        <v>1945534</v>
      </c>
      <c r="IE15" s="134">
        <v>2078974</v>
      </c>
      <c r="IF15" s="120">
        <v>3481192</v>
      </c>
      <c r="IG15" s="119">
        <v>1482285</v>
      </c>
      <c r="IH15" s="120">
        <v>1622029</v>
      </c>
      <c r="II15" s="135">
        <v>10610014</v>
      </c>
      <c r="IJ15" s="117">
        <v>10648062</v>
      </c>
      <c r="IK15" s="219">
        <v>0</v>
      </c>
      <c r="IL15" s="223">
        <v>0</v>
      </c>
      <c r="IM15" s="224">
        <v>0</v>
      </c>
      <c r="IN15" s="127"/>
      <c r="IO15" s="109">
        <v>0</v>
      </c>
      <c r="IP15" s="109">
        <v>103919</v>
      </c>
      <c r="IQ15" s="109">
        <v>0</v>
      </c>
      <c r="IR15" s="109">
        <v>193452</v>
      </c>
      <c r="IS15" s="109">
        <v>260066</v>
      </c>
      <c r="IT15" s="128">
        <v>557437</v>
      </c>
      <c r="IU15" s="298">
        <v>557437</v>
      </c>
      <c r="IV15" s="129">
        <v>0</v>
      </c>
      <c r="IW15" s="109">
        <v>0</v>
      </c>
      <c r="IX15" s="110">
        <v>0</v>
      </c>
      <c r="IY15" s="131"/>
      <c r="IZ15" s="109">
        <v>0</v>
      </c>
      <c r="JA15" s="109">
        <v>0</v>
      </c>
      <c r="JB15" s="109">
        <v>0</v>
      </c>
      <c r="JC15" s="109">
        <v>0</v>
      </c>
      <c r="JD15" s="109">
        <v>0</v>
      </c>
      <c r="JE15" s="110">
        <v>0</v>
      </c>
      <c r="JF15" s="111">
        <v>0</v>
      </c>
      <c r="JG15" s="129">
        <v>0</v>
      </c>
      <c r="JH15" s="109">
        <v>0</v>
      </c>
      <c r="JI15" s="128">
        <v>0</v>
      </c>
      <c r="JJ15" s="108">
        <v>0</v>
      </c>
      <c r="JK15" s="109">
        <v>1517664</v>
      </c>
      <c r="JL15" s="109">
        <v>1006013</v>
      </c>
      <c r="JM15" s="109">
        <v>1583402</v>
      </c>
      <c r="JN15" s="109">
        <v>421940</v>
      </c>
      <c r="JO15" s="109">
        <v>132413</v>
      </c>
      <c r="JP15" s="110">
        <v>4661432</v>
      </c>
      <c r="JQ15" s="298">
        <v>4661432</v>
      </c>
      <c r="JR15" s="129">
        <v>0</v>
      </c>
      <c r="JS15" s="109">
        <v>0</v>
      </c>
      <c r="JT15" s="128">
        <v>0</v>
      </c>
      <c r="JU15" s="108">
        <v>0</v>
      </c>
      <c r="JV15" s="109">
        <v>0</v>
      </c>
      <c r="JW15" s="109">
        <v>19891</v>
      </c>
      <c r="JX15" s="109">
        <v>0</v>
      </c>
      <c r="JY15" s="109">
        <v>0</v>
      </c>
      <c r="JZ15" s="109">
        <v>12773</v>
      </c>
      <c r="KA15" s="110">
        <v>32664</v>
      </c>
      <c r="KB15" s="298">
        <v>32664</v>
      </c>
      <c r="KC15" s="221">
        <v>38048</v>
      </c>
      <c r="KD15" s="217">
        <v>0</v>
      </c>
      <c r="KE15" s="110">
        <v>38048</v>
      </c>
      <c r="KF15" s="108">
        <v>0</v>
      </c>
      <c r="KG15" s="109">
        <v>427870</v>
      </c>
      <c r="KH15" s="109">
        <v>145342</v>
      </c>
      <c r="KI15" s="109">
        <v>541583</v>
      </c>
      <c r="KJ15" s="109">
        <v>207355</v>
      </c>
      <c r="KK15" s="109">
        <v>252659</v>
      </c>
      <c r="KL15" s="110">
        <v>1574809</v>
      </c>
      <c r="KM15" s="130">
        <v>1612857</v>
      </c>
      <c r="KN15" s="219">
        <v>0</v>
      </c>
      <c r="KO15" s="223">
        <v>0</v>
      </c>
      <c r="KP15" s="224">
        <v>0</v>
      </c>
      <c r="KQ15" s="127"/>
      <c r="KR15" s="109">
        <v>0</v>
      </c>
      <c r="KS15" s="109">
        <v>444984</v>
      </c>
      <c r="KT15" s="109">
        <v>1178130</v>
      </c>
      <c r="KU15" s="109">
        <v>464752</v>
      </c>
      <c r="KV15" s="109">
        <v>0</v>
      </c>
      <c r="KW15" s="110">
        <v>2087866</v>
      </c>
      <c r="KX15" s="298">
        <v>2087866</v>
      </c>
      <c r="KY15" s="129">
        <v>0</v>
      </c>
      <c r="KZ15" s="109">
        <v>0</v>
      </c>
      <c r="LA15" s="110">
        <v>0</v>
      </c>
      <c r="LB15" s="132"/>
      <c r="LC15" s="109">
        <v>0</v>
      </c>
      <c r="LD15" s="109">
        <v>160090</v>
      </c>
      <c r="LE15" s="109">
        <v>178077</v>
      </c>
      <c r="LF15" s="109">
        <v>194786</v>
      </c>
      <c r="LG15" s="109">
        <v>0</v>
      </c>
      <c r="LH15" s="110">
        <v>532953</v>
      </c>
      <c r="LI15" s="111">
        <v>532953</v>
      </c>
      <c r="LJ15" s="129">
        <v>0</v>
      </c>
      <c r="LK15" s="109">
        <v>0</v>
      </c>
      <c r="LL15" s="110">
        <v>0</v>
      </c>
      <c r="LM15" s="132"/>
      <c r="LN15" s="109">
        <v>0</v>
      </c>
      <c r="LO15" s="109">
        <v>0</v>
      </c>
      <c r="LP15" s="109">
        <v>0</v>
      </c>
      <c r="LQ15" s="109">
        <v>0</v>
      </c>
      <c r="LR15" s="109">
        <v>0</v>
      </c>
      <c r="LS15" s="110">
        <v>0</v>
      </c>
      <c r="LT15" s="298">
        <v>0</v>
      </c>
      <c r="LU15" s="129">
        <v>0</v>
      </c>
      <c r="LV15" s="109">
        <v>0</v>
      </c>
      <c r="LW15" s="110">
        <v>0</v>
      </c>
      <c r="LX15" s="132"/>
      <c r="LY15" s="109">
        <v>0</v>
      </c>
      <c r="LZ15" s="109">
        <v>198735</v>
      </c>
      <c r="MA15" s="109">
        <v>0</v>
      </c>
      <c r="MB15" s="109">
        <v>0</v>
      </c>
      <c r="MC15" s="109">
        <v>964118</v>
      </c>
      <c r="MD15" s="110">
        <v>1162853</v>
      </c>
      <c r="ME15" s="111">
        <v>1162853</v>
      </c>
      <c r="MF15" s="129">
        <v>0</v>
      </c>
      <c r="MG15" s="109">
        <v>0</v>
      </c>
      <c r="MH15" s="110">
        <v>0</v>
      </c>
      <c r="MI15" s="132"/>
      <c r="MJ15" s="109">
        <v>435385</v>
      </c>
      <c r="MK15" s="109">
        <v>1251520</v>
      </c>
      <c r="ML15" s="109">
        <v>3286380</v>
      </c>
      <c r="MM15" s="109">
        <v>5299007</v>
      </c>
      <c r="MN15" s="109">
        <v>4632462</v>
      </c>
      <c r="MO15" s="110">
        <v>14904754</v>
      </c>
      <c r="MP15" s="130">
        <v>14904754</v>
      </c>
      <c r="MQ15" s="129">
        <v>0</v>
      </c>
      <c r="MR15" s="109">
        <v>0</v>
      </c>
      <c r="MS15" s="110">
        <v>0</v>
      </c>
      <c r="MT15" s="132"/>
      <c r="MU15" s="109">
        <v>197208</v>
      </c>
      <c r="MV15" s="109">
        <v>0</v>
      </c>
      <c r="MW15" s="109">
        <v>1231790</v>
      </c>
      <c r="MX15" s="109">
        <v>3919180</v>
      </c>
      <c r="MY15" s="109">
        <v>3118690</v>
      </c>
      <c r="MZ15" s="110">
        <v>8466868</v>
      </c>
      <c r="NA15" s="130">
        <v>8466868</v>
      </c>
      <c r="NB15" s="129">
        <v>0</v>
      </c>
      <c r="NC15" s="109">
        <v>0</v>
      </c>
      <c r="ND15" s="110">
        <v>0</v>
      </c>
      <c r="NE15" s="132"/>
      <c r="NF15" s="109">
        <v>238177</v>
      </c>
      <c r="NG15" s="109">
        <v>1251520</v>
      </c>
      <c r="NH15" s="109">
        <v>2054590</v>
      </c>
      <c r="NI15" s="109">
        <v>1379827</v>
      </c>
      <c r="NJ15" s="109">
        <v>1513772</v>
      </c>
      <c r="NK15" s="110">
        <v>6437886</v>
      </c>
      <c r="NL15" s="298">
        <v>6437886</v>
      </c>
      <c r="NM15" s="129">
        <v>0</v>
      </c>
      <c r="NN15" s="109">
        <v>0</v>
      </c>
      <c r="NO15" s="110">
        <v>0</v>
      </c>
      <c r="NP15" s="132"/>
      <c r="NQ15" s="109">
        <v>0</v>
      </c>
      <c r="NR15" s="109">
        <v>0</v>
      </c>
      <c r="NS15" s="109">
        <v>0</v>
      </c>
      <c r="NT15" s="109">
        <v>0</v>
      </c>
      <c r="NU15" s="109">
        <v>0</v>
      </c>
      <c r="NV15" s="110">
        <v>0</v>
      </c>
      <c r="NW15" s="111">
        <v>0</v>
      </c>
      <c r="NX15" s="129">
        <v>0</v>
      </c>
      <c r="NY15" s="109">
        <v>0</v>
      </c>
      <c r="NZ15" s="110">
        <v>0</v>
      </c>
      <c r="OA15" s="132"/>
      <c r="OB15" s="109">
        <v>0</v>
      </c>
      <c r="OC15" s="109">
        <v>0</v>
      </c>
      <c r="OD15" s="109">
        <v>0</v>
      </c>
      <c r="OE15" s="109">
        <v>0</v>
      </c>
      <c r="OF15" s="109">
        <v>0</v>
      </c>
      <c r="OG15" s="110">
        <v>0</v>
      </c>
      <c r="OH15" s="111">
        <v>0</v>
      </c>
      <c r="OI15" s="129">
        <v>1367901</v>
      </c>
      <c r="OJ15" s="109">
        <v>1688052</v>
      </c>
      <c r="OK15" s="128">
        <v>3055953</v>
      </c>
      <c r="OL15" s="108">
        <v>0</v>
      </c>
      <c r="OM15" s="109">
        <v>14424935</v>
      </c>
      <c r="ON15" s="109">
        <v>14510676</v>
      </c>
      <c r="OO15" s="109">
        <v>21260040</v>
      </c>
      <c r="OP15" s="109">
        <v>22545288</v>
      </c>
      <c r="OQ15" s="109">
        <v>15740775</v>
      </c>
      <c r="OR15" s="110">
        <v>88481714</v>
      </c>
      <c r="OS15" s="130">
        <v>91537667</v>
      </c>
    </row>
    <row r="16" spans="2:409" ht="21" customHeight="1" x14ac:dyDescent="0.2">
      <c r="B16" s="472" t="s">
        <v>10</v>
      </c>
      <c r="C16" s="100">
        <v>1812093</v>
      </c>
      <c r="D16" s="104">
        <v>2713116</v>
      </c>
      <c r="E16" s="103">
        <v>4525209</v>
      </c>
      <c r="F16" s="159">
        <v>0</v>
      </c>
      <c r="G16" s="104">
        <v>18486142</v>
      </c>
      <c r="H16" s="104">
        <v>18065006</v>
      </c>
      <c r="I16" s="104">
        <v>16466378</v>
      </c>
      <c r="J16" s="104">
        <v>14068563</v>
      </c>
      <c r="K16" s="104">
        <v>13730219</v>
      </c>
      <c r="L16" s="99">
        <v>80816308</v>
      </c>
      <c r="M16" s="106">
        <v>85341517</v>
      </c>
      <c r="N16" s="100">
        <v>469091</v>
      </c>
      <c r="O16" s="104">
        <v>961144</v>
      </c>
      <c r="P16" s="103">
        <v>1430235</v>
      </c>
      <c r="Q16" s="100">
        <v>0</v>
      </c>
      <c r="R16" s="104">
        <v>6514596</v>
      </c>
      <c r="S16" s="104">
        <v>6212387</v>
      </c>
      <c r="T16" s="104">
        <v>6769011</v>
      </c>
      <c r="U16" s="104">
        <v>4965505</v>
      </c>
      <c r="V16" s="104">
        <v>4748288</v>
      </c>
      <c r="W16" s="103">
        <v>29209787</v>
      </c>
      <c r="X16" s="106">
        <v>30640022</v>
      </c>
      <c r="Y16" s="100">
        <v>0</v>
      </c>
      <c r="Z16" s="104">
        <v>0</v>
      </c>
      <c r="AA16" s="103">
        <v>0</v>
      </c>
      <c r="AB16" s="100">
        <v>0</v>
      </c>
      <c r="AC16" s="104">
        <v>3292713</v>
      </c>
      <c r="AD16" s="104">
        <v>2804224</v>
      </c>
      <c r="AE16" s="104">
        <v>4759524</v>
      </c>
      <c r="AF16" s="104">
        <v>3114924</v>
      </c>
      <c r="AG16" s="104">
        <v>2697852</v>
      </c>
      <c r="AH16" s="103">
        <v>16669237</v>
      </c>
      <c r="AI16" s="106">
        <v>16669237</v>
      </c>
      <c r="AJ16" s="100">
        <v>0</v>
      </c>
      <c r="AK16" s="104">
        <v>67759</v>
      </c>
      <c r="AL16" s="103">
        <v>67759</v>
      </c>
      <c r="AM16" s="100">
        <v>0</v>
      </c>
      <c r="AN16" s="104">
        <v>0</v>
      </c>
      <c r="AO16" s="104">
        <v>156310</v>
      </c>
      <c r="AP16" s="104">
        <v>126020</v>
      </c>
      <c r="AQ16" s="104">
        <v>202135</v>
      </c>
      <c r="AR16" s="104">
        <v>327313</v>
      </c>
      <c r="AS16" s="103">
        <v>811778</v>
      </c>
      <c r="AT16" s="106">
        <v>879537</v>
      </c>
      <c r="AU16" s="100">
        <v>240875</v>
      </c>
      <c r="AV16" s="104">
        <v>536856</v>
      </c>
      <c r="AW16" s="103">
        <v>777731</v>
      </c>
      <c r="AX16" s="100">
        <v>0</v>
      </c>
      <c r="AY16" s="104">
        <v>1917662</v>
      </c>
      <c r="AZ16" s="104">
        <v>2004735</v>
      </c>
      <c r="BA16" s="104">
        <v>847915</v>
      </c>
      <c r="BB16" s="104">
        <v>841704</v>
      </c>
      <c r="BC16" s="104">
        <v>574252</v>
      </c>
      <c r="BD16" s="103">
        <v>6186268</v>
      </c>
      <c r="BE16" s="106">
        <v>6963999</v>
      </c>
      <c r="BF16" s="100">
        <v>37368</v>
      </c>
      <c r="BG16" s="104">
        <v>117969</v>
      </c>
      <c r="BH16" s="102">
        <v>155337</v>
      </c>
      <c r="BI16" s="101">
        <v>0</v>
      </c>
      <c r="BJ16" s="104">
        <v>159448</v>
      </c>
      <c r="BK16" s="104">
        <v>264647</v>
      </c>
      <c r="BL16" s="104">
        <v>81207</v>
      </c>
      <c r="BM16" s="104">
        <v>27936</v>
      </c>
      <c r="BN16" s="104">
        <v>86824</v>
      </c>
      <c r="BO16" s="103">
        <v>620062</v>
      </c>
      <c r="BP16" s="106">
        <v>775399</v>
      </c>
      <c r="BQ16" s="100">
        <v>190848</v>
      </c>
      <c r="BR16" s="104">
        <v>238560</v>
      </c>
      <c r="BS16" s="103">
        <v>429408</v>
      </c>
      <c r="BT16" s="100">
        <v>0</v>
      </c>
      <c r="BU16" s="104">
        <v>1144773</v>
      </c>
      <c r="BV16" s="104">
        <v>982471</v>
      </c>
      <c r="BW16" s="104">
        <v>954345</v>
      </c>
      <c r="BX16" s="104">
        <v>778806</v>
      </c>
      <c r="BY16" s="104">
        <v>1062047</v>
      </c>
      <c r="BZ16" s="103">
        <v>4922442</v>
      </c>
      <c r="CA16" s="106">
        <v>5351850</v>
      </c>
      <c r="CB16" s="100">
        <v>62076</v>
      </c>
      <c r="CC16" s="104">
        <v>139337</v>
      </c>
      <c r="CD16" s="103">
        <v>201413</v>
      </c>
      <c r="CE16" s="100">
        <v>0</v>
      </c>
      <c r="CF16" s="104">
        <v>5501228</v>
      </c>
      <c r="CG16" s="104">
        <v>4307022</v>
      </c>
      <c r="CH16" s="104">
        <v>3260413</v>
      </c>
      <c r="CI16" s="104">
        <v>1192239</v>
      </c>
      <c r="CJ16" s="104">
        <v>502644</v>
      </c>
      <c r="CK16" s="103">
        <v>14763546</v>
      </c>
      <c r="CL16" s="106">
        <v>14964959</v>
      </c>
      <c r="CM16" s="100">
        <v>0</v>
      </c>
      <c r="CN16" s="104">
        <v>0</v>
      </c>
      <c r="CO16" s="103">
        <v>0</v>
      </c>
      <c r="CP16" s="101">
        <v>0</v>
      </c>
      <c r="CQ16" s="104">
        <v>4605739</v>
      </c>
      <c r="CR16" s="104">
        <v>3417010</v>
      </c>
      <c r="CS16" s="104">
        <v>2831812</v>
      </c>
      <c r="CT16" s="104">
        <v>1083862</v>
      </c>
      <c r="CU16" s="104">
        <v>368948</v>
      </c>
      <c r="CV16" s="103">
        <v>12307371</v>
      </c>
      <c r="CW16" s="106">
        <v>12307371</v>
      </c>
      <c r="CX16" s="100">
        <v>62076</v>
      </c>
      <c r="CY16" s="104">
        <v>139337</v>
      </c>
      <c r="CZ16" s="103">
        <v>201413</v>
      </c>
      <c r="DA16" s="100">
        <v>0</v>
      </c>
      <c r="DB16" s="104">
        <v>895489</v>
      </c>
      <c r="DC16" s="104">
        <v>890012</v>
      </c>
      <c r="DD16" s="104">
        <v>428601</v>
      </c>
      <c r="DE16" s="104">
        <v>108377</v>
      </c>
      <c r="DF16" s="104">
        <v>133696</v>
      </c>
      <c r="DG16" s="103">
        <v>2456175</v>
      </c>
      <c r="DH16" s="106">
        <v>2657588</v>
      </c>
      <c r="DI16" s="100">
        <v>0</v>
      </c>
      <c r="DJ16" s="104">
        <v>208098</v>
      </c>
      <c r="DK16" s="102">
        <v>208098</v>
      </c>
      <c r="DL16" s="101">
        <v>0</v>
      </c>
      <c r="DM16" s="104">
        <v>707404</v>
      </c>
      <c r="DN16" s="104">
        <v>2308620</v>
      </c>
      <c r="DO16" s="104">
        <v>1364724</v>
      </c>
      <c r="DP16" s="104">
        <v>1027487</v>
      </c>
      <c r="DQ16" s="104">
        <v>0</v>
      </c>
      <c r="DR16" s="103">
        <v>5408235</v>
      </c>
      <c r="DS16" s="106">
        <v>5616333</v>
      </c>
      <c r="DT16" s="100">
        <v>0</v>
      </c>
      <c r="DU16" s="104">
        <v>208098</v>
      </c>
      <c r="DV16" s="103">
        <v>208098</v>
      </c>
      <c r="DW16" s="100">
        <v>0</v>
      </c>
      <c r="DX16" s="104">
        <v>469930</v>
      </c>
      <c r="DY16" s="104">
        <v>2131810</v>
      </c>
      <c r="DZ16" s="104">
        <v>1364724</v>
      </c>
      <c r="EA16" s="104">
        <v>1027487</v>
      </c>
      <c r="EB16" s="104">
        <v>0</v>
      </c>
      <c r="EC16" s="103">
        <v>4993951</v>
      </c>
      <c r="ED16" s="106">
        <v>5202049</v>
      </c>
      <c r="EE16" s="100">
        <v>0</v>
      </c>
      <c r="EF16" s="102">
        <v>0</v>
      </c>
      <c r="EG16" s="103">
        <v>0</v>
      </c>
      <c r="EH16" s="100">
        <v>0</v>
      </c>
      <c r="EI16" s="104">
        <v>237474</v>
      </c>
      <c r="EJ16" s="104">
        <v>176810</v>
      </c>
      <c r="EK16" s="104">
        <v>0</v>
      </c>
      <c r="EL16" s="104">
        <v>0</v>
      </c>
      <c r="EM16" s="104">
        <v>0</v>
      </c>
      <c r="EN16" s="102">
        <v>414284</v>
      </c>
      <c r="EO16" s="106">
        <v>414284</v>
      </c>
      <c r="EP16" s="100">
        <v>0</v>
      </c>
      <c r="EQ16" s="104">
        <v>0</v>
      </c>
      <c r="ER16" s="102">
        <v>0</v>
      </c>
      <c r="ES16" s="101">
        <v>0</v>
      </c>
      <c r="ET16" s="104">
        <v>0</v>
      </c>
      <c r="EU16" s="104">
        <v>0</v>
      </c>
      <c r="EV16" s="104">
        <v>0</v>
      </c>
      <c r="EW16" s="104">
        <v>0</v>
      </c>
      <c r="EX16" s="104">
        <v>0</v>
      </c>
      <c r="EY16" s="103">
        <v>0</v>
      </c>
      <c r="EZ16" s="106">
        <v>0</v>
      </c>
      <c r="FA16" s="100">
        <v>0</v>
      </c>
      <c r="FB16" s="104">
        <v>0</v>
      </c>
      <c r="FC16" s="102">
        <v>0</v>
      </c>
      <c r="FD16" s="324"/>
      <c r="FE16" s="104">
        <v>0</v>
      </c>
      <c r="FF16" s="104">
        <v>0</v>
      </c>
      <c r="FG16" s="104">
        <v>0</v>
      </c>
      <c r="FH16" s="104">
        <v>0</v>
      </c>
      <c r="FI16" s="104">
        <v>0</v>
      </c>
      <c r="FJ16" s="103">
        <v>0</v>
      </c>
      <c r="FK16" s="106">
        <v>0</v>
      </c>
      <c r="FL16" s="100">
        <v>739620</v>
      </c>
      <c r="FM16" s="104">
        <v>754120</v>
      </c>
      <c r="FN16" s="103">
        <v>1493740</v>
      </c>
      <c r="FO16" s="100">
        <v>0</v>
      </c>
      <c r="FP16" s="104">
        <v>950775</v>
      </c>
      <c r="FQ16" s="104">
        <v>1442556</v>
      </c>
      <c r="FR16" s="104">
        <v>1277108</v>
      </c>
      <c r="FS16" s="104">
        <v>660422</v>
      </c>
      <c r="FT16" s="104">
        <v>679070</v>
      </c>
      <c r="FU16" s="103">
        <v>5009931</v>
      </c>
      <c r="FV16" s="106">
        <v>6503671</v>
      </c>
      <c r="FW16" s="105">
        <v>228928</v>
      </c>
      <c r="FX16" s="104">
        <v>619591</v>
      </c>
      <c r="FY16" s="102">
        <v>848519</v>
      </c>
      <c r="FZ16" s="101">
        <v>0</v>
      </c>
      <c r="GA16" s="104">
        <v>728448</v>
      </c>
      <c r="GB16" s="104">
        <v>1395394</v>
      </c>
      <c r="GC16" s="104">
        <v>1094128</v>
      </c>
      <c r="GD16" s="104">
        <v>603652</v>
      </c>
      <c r="GE16" s="104">
        <v>541730</v>
      </c>
      <c r="GF16" s="103">
        <v>4363352</v>
      </c>
      <c r="GG16" s="296">
        <v>5211871</v>
      </c>
      <c r="GH16" s="105">
        <v>229292</v>
      </c>
      <c r="GI16" s="104">
        <v>21829</v>
      </c>
      <c r="GJ16" s="102">
        <v>251121</v>
      </c>
      <c r="GK16" s="101">
        <v>0</v>
      </c>
      <c r="GL16" s="104">
        <v>115395</v>
      </c>
      <c r="GM16" s="104">
        <v>47162</v>
      </c>
      <c r="GN16" s="104">
        <v>99680</v>
      </c>
      <c r="GO16" s="104">
        <v>56770</v>
      </c>
      <c r="GP16" s="104">
        <v>0</v>
      </c>
      <c r="GQ16" s="103">
        <v>319007</v>
      </c>
      <c r="GR16" s="106">
        <v>570128</v>
      </c>
      <c r="GS16" s="100">
        <v>281400</v>
      </c>
      <c r="GT16" s="104">
        <v>112700</v>
      </c>
      <c r="GU16" s="103">
        <v>394100</v>
      </c>
      <c r="GV16" s="100">
        <v>0</v>
      </c>
      <c r="GW16" s="104">
        <v>106932</v>
      </c>
      <c r="GX16" s="104">
        <v>0</v>
      </c>
      <c r="GY16" s="104">
        <v>83300</v>
      </c>
      <c r="GZ16" s="104">
        <v>0</v>
      </c>
      <c r="HA16" s="104">
        <v>137340</v>
      </c>
      <c r="HB16" s="102">
        <v>327572</v>
      </c>
      <c r="HC16" s="106">
        <v>721672</v>
      </c>
      <c r="HD16" s="100">
        <v>541306</v>
      </c>
      <c r="HE16" s="104">
        <v>650417</v>
      </c>
      <c r="HF16" s="102">
        <v>1191723</v>
      </c>
      <c r="HG16" s="101">
        <v>0</v>
      </c>
      <c r="HH16" s="104">
        <v>4812139</v>
      </c>
      <c r="HI16" s="104">
        <v>3794421</v>
      </c>
      <c r="HJ16" s="104">
        <v>3795122</v>
      </c>
      <c r="HK16" s="104">
        <v>6222910</v>
      </c>
      <c r="HL16" s="104">
        <v>7800217</v>
      </c>
      <c r="HM16" s="103">
        <v>26424809</v>
      </c>
      <c r="HN16" s="99">
        <v>27616532</v>
      </c>
      <c r="HO16" s="306"/>
      <c r="HP16" s="307"/>
      <c r="HQ16" s="308"/>
      <c r="HR16" s="309"/>
      <c r="HS16" s="307"/>
      <c r="HT16" s="307"/>
      <c r="HU16" s="307"/>
      <c r="HV16" s="307"/>
      <c r="HW16" s="307"/>
      <c r="HX16" s="310"/>
      <c r="HY16" s="311"/>
      <c r="HZ16" s="137">
        <v>40399</v>
      </c>
      <c r="IA16" s="122">
        <v>70030</v>
      </c>
      <c r="IB16" s="137">
        <v>110429</v>
      </c>
      <c r="IC16" s="121">
        <v>0</v>
      </c>
      <c r="ID16" s="122">
        <v>2623543</v>
      </c>
      <c r="IE16" s="123">
        <v>3577728</v>
      </c>
      <c r="IF16" s="124">
        <v>3237069</v>
      </c>
      <c r="IG16" s="122">
        <v>2761742</v>
      </c>
      <c r="IH16" s="124">
        <v>3074926</v>
      </c>
      <c r="II16" s="125">
        <v>15275008</v>
      </c>
      <c r="IJ16" s="137">
        <v>15385437</v>
      </c>
      <c r="IK16" s="219">
        <v>0</v>
      </c>
      <c r="IL16" s="223">
        <v>0</v>
      </c>
      <c r="IM16" s="224">
        <v>0</v>
      </c>
      <c r="IN16" s="127"/>
      <c r="IO16" s="109">
        <v>66061</v>
      </c>
      <c r="IP16" s="109">
        <v>108325</v>
      </c>
      <c r="IQ16" s="109">
        <v>171685</v>
      </c>
      <c r="IR16" s="109">
        <v>89416</v>
      </c>
      <c r="IS16" s="109">
        <v>0</v>
      </c>
      <c r="IT16" s="128">
        <v>435487</v>
      </c>
      <c r="IU16" s="298">
        <v>435487</v>
      </c>
      <c r="IV16" s="129">
        <v>0</v>
      </c>
      <c r="IW16" s="109">
        <v>0</v>
      </c>
      <c r="IX16" s="110">
        <v>0</v>
      </c>
      <c r="IY16" s="131"/>
      <c r="IZ16" s="109">
        <v>0</v>
      </c>
      <c r="JA16" s="109">
        <v>9355</v>
      </c>
      <c r="JB16" s="109">
        <v>0</v>
      </c>
      <c r="JC16" s="109">
        <v>9355</v>
      </c>
      <c r="JD16" s="109">
        <v>0</v>
      </c>
      <c r="JE16" s="110">
        <v>18710</v>
      </c>
      <c r="JF16" s="111">
        <v>18710</v>
      </c>
      <c r="JG16" s="129">
        <v>0</v>
      </c>
      <c r="JH16" s="109">
        <v>0</v>
      </c>
      <c r="JI16" s="128">
        <v>0</v>
      </c>
      <c r="JJ16" s="108">
        <v>0</v>
      </c>
      <c r="JK16" s="109">
        <v>1189488</v>
      </c>
      <c r="JL16" s="109">
        <v>892425</v>
      </c>
      <c r="JM16" s="109">
        <v>48457</v>
      </c>
      <c r="JN16" s="109">
        <v>437592</v>
      </c>
      <c r="JO16" s="109">
        <v>39966</v>
      </c>
      <c r="JP16" s="110">
        <v>2607928</v>
      </c>
      <c r="JQ16" s="298">
        <v>2607928</v>
      </c>
      <c r="JR16" s="129">
        <v>0</v>
      </c>
      <c r="JS16" s="109">
        <v>0</v>
      </c>
      <c r="JT16" s="128">
        <v>0</v>
      </c>
      <c r="JU16" s="108">
        <v>0</v>
      </c>
      <c r="JV16" s="109">
        <v>79776</v>
      </c>
      <c r="JW16" s="109">
        <v>0</v>
      </c>
      <c r="JX16" s="109">
        <v>214440</v>
      </c>
      <c r="JY16" s="109">
        <v>272473</v>
      </c>
      <c r="JZ16" s="109">
        <v>0</v>
      </c>
      <c r="KA16" s="110">
        <v>566689</v>
      </c>
      <c r="KB16" s="298">
        <v>566689</v>
      </c>
      <c r="KC16" s="221">
        <v>40399</v>
      </c>
      <c r="KD16" s="217">
        <v>70030</v>
      </c>
      <c r="KE16" s="110">
        <v>110429</v>
      </c>
      <c r="KF16" s="108">
        <v>0</v>
      </c>
      <c r="KG16" s="109">
        <v>517559</v>
      </c>
      <c r="KH16" s="109">
        <v>306283</v>
      </c>
      <c r="KI16" s="109">
        <v>626488</v>
      </c>
      <c r="KJ16" s="109">
        <v>214308</v>
      </c>
      <c r="KK16" s="109">
        <v>235612</v>
      </c>
      <c r="KL16" s="110">
        <v>1900250</v>
      </c>
      <c r="KM16" s="130">
        <v>2010679</v>
      </c>
      <c r="KN16" s="219">
        <v>0</v>
      </c>
      <c r="KO16" s="223">
        <v>0</v>
      </c>
      <c r="KP16" s="224">
        <v>0</v>
      </c>
      <c r="KQ16" s="127"/>
      <c r="KR16" s="109">
        <v>495541</v>
      </c>
      <c r="KS16" s="109">
        <v>1396442</v>
      </c>
      <c r="KT16" s="109">
        <v>1208188</v>
      </c>
      <c r="KU16" s="109">
        <v>1168428</v>
      </c>
      <c r="KV16" s="109">
        <v>1880072</v>
      </c>
      <c r="KW16" s="110">
        <v>6148671</v>
      </c>
      <c r="KX16" s="298">
        <v>6148671</v>
      </c>
      <c r="KY16" s="129">
        <v>0</v>
      </c>
      <c r="KZ16" s="109">
        <v>0</v>
      </c>
      <c r="LA16" s="110">
        <v>0</v>
      </c>
      <c r="LB16" s="132"/>
      <c r="LC16" s="109">
        <v>275118</v>
      </c>
      <c r="LD16" s="109">
        <v>311071</v>
      </c>
      <c r="LE16" s="109">
        <v>734475</v>
      </c>
      <c r="LF16" s="109">
        <v>98378</v>
      </c>
      <c r="LG16" s="109">
        <v>627393</v>
      </c>
      <c r="LH16" s="110">
        <v>2046435</v>
      </c>
      <c r="LI16" s="111">
        <v>2046435</v>
      </c>
      <c r="LJ16" s="129">
        <v>0</v>
      </c>
      <c r="LK16" s="109">
        <v>0</v>
      </c>
      <c r="LL16" s="110">
        <v>0</v>
      </c>
      <c r="LM16" s="132"/>
      <c r="LN16" s="109">
        <v>0</v>
      </c>
      <c r="LO16" s="109">
        <v>0</v>
      </c>
      <c r="LP16" s="109">
        <v>0</v>
      </c>
      <c r="LQ16" s="109">
        <v>471792</v>
      </c>
      <c r="LR16" s="109">
        <v>0</v>
      </c>
      <c r="LS16" s="110">
        <v>471792</v>
      </c>
      <c r="LT16" s="298">
        <v>471792</v>
      </c>
      <c r="LU16" s="129">
        <v>0</v>
      </c>
      <c r="LV16" s="109">
        <v>0</v>
      </c>
      <c r="LW16" s="110">
        <v>0</v>
      </c>
      <c r="LX16" s="132"/>
      <c r="LY16" s="109">
        <v>0</v>
      </c>
      <c r="LZ16" s="109">
        <v>553827</v>
      </c>
      <c r="MA16" s="109">
        <v>233336</v>
      </c>
      <c r="MB16" s="109">
        <v>0</v>
      </c>
      <c r="MC16" s="109">
        <v>291883</v>
      </c>
      <c r="MD16" s="110">
        <v>1079046</v>
      </c>
      <c r="ME16" s="111">
        <v>1079046</v>
      </c>
      <c r="MF16" s="129">
        <v>0</v>
      </c>
      <c r="MG16" s="109">
        <v>0</v>
      </c>
      <c r="MH16" s="110">
        <v>0</v>
      </c>
      <c r="MI16" s="132"/>
      <c r="MJ16" s="109">
        <v>213600</v>
      </c>
      <c r="MK16" s="109">
        <v>692176</v>
      </c>
      <c r="ML16" s="109">
        <v>4104218</v>
      </c>
      <c r="MM16" s="109">
        <v>6165684</v>
      </c>
      <c r="MN16" s="109">
        <v>5476818</v>
      </c>
      <c r="MO16" s="110">
        <v>16652496</v>
      </c>
      <c r="MP16" s="130">
        <v>16652496</v>
      </c>
      <c r="MQ16" s="129">
        <v>0</v>
      </c>
      <c r="MR16" s="109">
        <v>0</v>
      </c>
      <c r="MS16" s="110">
        <v>0</v>
      </c>
      <c r="MT16" s="132"/>
      <c r="MU16" s="109">
        <v>0</v>
      </c>
      <c r="MV16" s="109">
        <v>395290</v>
      </c>
      <c r="MW16" s="109">
        <v>2795838</v>
      </c>
      <c r="MX16" s="109">
        <v>4456702</v>
      </c>
      <c r="MY16" s="109">
        <v>4849793</v>
      </c>
      <c r="MZ16" s="110">
        <v>12497623</v>
      </c>
      <c r="NA16" s="130">
        <v>12497623</v>
      </c>
      <c r="NB16" s="129">
        <v>0</v>
      </c>
      <c r="NC16" s="109">
        <v>0</v>
      </c>
      <c r="ND16" s="110">
        <v>0</v>
      </c>
      <c r="NE16" s="132"/>
      <c r="NF16" s="109">
        <v>213600</v>
      </c>
      <c r="NG16" s="109">
        <v>296886</v>
      </c>
      <c r="NH16" s="109">
        <v>1308380</v>
      </c>
      <c r="NI16" s="109">
        <v>1708982</v>
      </c>
      <c r="NJ16" s="109">
        <v>304419</v>
      </c>
      <c r="NK16" s="110">
        <v>3832267</v>
      </c>
      <c r="NL16" s="298">
        <v>3832267</v>
      </c>
      <c r="NM16" s="129">
        <v>0</v>
      </c>
      <c r="NN16" s="109">
        <v>0</v>
      </c>
      <c r="NO16" s="110">
        <v>0</v>
      </c>
      <c r="NP16" s="132"/>
      <c r="NQ16" s="109">
        <v>0</v>
      </c>
      <c r="NR16" s="109">
        <v>0</v>
      </c>
      <c r="NS16" s="109">
        <v>0</v>
      </c>
      <c r="NT16" s="109">
        <v>0</v>
      </c>
      <c r="NU16" s="109">
        <v>0</v>
      </c>
      <c r="NV16" s="110">
        <v>0</v>
      </c>
      <c r="NW16" s="111">
        <v>0</v>
      </c>
      <c r="NX16" s="129">
        <v>0</v>
      </c>
      <c r="NY16" s="109">
        <v>0</v>
      </c>
      <c r="NZ16" s="110">
        <v>0</v>
      </c>
      <c r="OA16" s="132"/>
      <c r="OB16" s="109">
        <v>0</v>
      </c>
      <c r="OC16" s="109">
        <v>0</v>
      </c>
      <c r="OD16" s="109">
        <v>0</v>
      </c>
      <c r="OE16" s="109">
        <v>0</v>
      </c>
      <c r="OF16" s="109">
        <v>322606</v>
      </c>
      <c r="OG16" s="110">
        <v>322606</v>
      </c>
      <c r="OH16" s="111">
        <v>322606</v>
      </c>
      <c r="OI16" s="129">
        <v>1852492</v>
      </c>
      <c r="OJ16" s="109">
        <v>2783146</v>
      </c>
      <c r="OK16" s="128">
        <v>4635638</v>
      </c>
      <c r="OL16" s="108">
        <v>0</v>
      </c>
      <c r="OM16" s="109">
        <v>21323285</v>
      </c>
      <c r="ON16" s="109">
        <v>22334910</v>
      </c>
      <c r="OO16" s="109">
        <v>23807665</v>
      </c>
      <c r="OP16" s="109">
        <v>22995989</v>
      </c>
      <c r="OQ16" s="109">
        <v>22281963</v>
      </c>
      <c r="OR16" s="110">
        <v>112743812</v>
      </c>
      <c r="OS16" s="130">
        <v>117379450</v>
      </c>
    </row>
    <row r="17" spans="2:409" ht="21" customHeight="1" x14ac:dyDescent="0.2">
      <c r="B17" s="472" t="s">
        <v>11</v>
      </c>
      <c r="C17" s="100">
        <v>211462</v>
      </c>
      <c r="D17" s="104">
        <v>508771</v>
      </c>
      <c r="E17" s="158">
        <v>720233</v>
      </c>
      <c r="F17" s="101">
        <v>0</v>
      </c>
      <c r="G17" s="104">
        <v>5419884</v>
      </c>
      <c r="H17" s="104">
        <v>3835070</v>
      </c>
      <c r="I17" s="104">
        <v>5339862</v>
      </c>
      <c r="J17" s="104">
        <v>7238603</v>
      </c>
      <c r="K17" s="104">
        <v>2581434</v>
      </c>
      <c r="L17" s="99">
        <v>24414853</v>
      </c>
      <c r="M17" s="106">
        <v>25135086</v>
      </c>
      <c r="N17" s="100">
        <v>74925</v>
      </c>
      <c r="O17" s="104">
        <v>76701</v>
      </c>
      <c r="P17" s="103">
        <v>151626</v>
      </c>
      <c r="Q17" s="100">
        <v>0</v>
      </c>
      <c r="R17" s="104">
        <v>1699234</v>
      </c>
      <c r="S17" s="104">
        <v>986886</v>
      </c>
      <c r="T17" s="104">
        <v>1154085</v>
      </c>
      <c r="U17" s="104">
        <v>2307228</v>
      </c>
      <c r="V17" s="104">
        <v>671158</v>
      </c>
      <c r="W17" s="103">
        <v>6818591</v>
      </c>
      <c r="X17" s="106">
        <v>6970217</v>
      </c>
      <c r="Y17" s="100">
        <v>0</v>
      </c>
      <c r="Z17" s="104">
        <v>0</v>
      </c>
      <c r="AA17" s="103">
        <v>0</v>
      </c>
      <c r="AB17" s="100">
        <v>0</v>
      </c>
      <c r="AC17" s="104">
        <v>374808</v>
      </c>
      <c r="AD17" s="104">
        <v>229950</v>
      </c>
      <c r="AE17" s="104">
        <v>619807</v>
      </c>
      <c r="AF17" s="104">
        <v>1026036</v>
      </c>
      <c r="AG17" s="104">
        <v>247617</v>
      </c>
      <c r="AH17" s="103">
        <v>2498218</v>
      </c>
      <c r="AI17" s="106">
        <v>2498218</v>
      </c>
      <c r="AJ17" s="100">
        <v>0</v>
      </c>
      <c r="AK17" s="104">
        <v>0</v>
      </c>
      <c r="AL17" s="103">
        <v>0</v>
      </c>
      <c r="AM17" s="100">
        <v>0</v>
      </c>
      <c r="AN17" s="104">
        <v>0</v>
      </c>
      <c r="AO17" s="104">
        <v>0</v>
      </c>
      <c r="AP17" s="104">
        <v>0</v>
      </c>
      <c r="AQ17" s="104">
        <v>156471</v>
      </c>
      <c r="AR17" s="104">
        <v>148968</v>
      </c>
      <c r="AS17" s="103">
        <v>305439</v>
      </c>
      <c r="AT17" s="106">
        <v>305439</v>
      </c>
      <c r="AU17" s="100">
        <v>55115</v>
      </c>
      <c r="AV17" s="104">
        <v>16956</v>
      </c>
      <c r="AW17" s="103">
        <v>72071</v>
      </c>
      <c r="AX17" s="100">
        <v>0</v>
      </c>
      <c r="AY17" s="104">
        <v>1161586</v>
      </c>
      <c r="AZ17" s="104">
        <v>433934</v>
      </c>
      <c r="BA17" s="104">
        <v>313620</v>
      </c>
      <c r="BB17" s="104">
        <v>658128</v>
      </c>
      <c r="BC17" s="104">
        <v>175173</v>
      </c>
      <c r="BD17" s="103">
        <v>2742441</v>
      </c>
      <c r="BE17" s="106">
        <v>2814512</v>
      </c>
      <c r="BF17" s="100">
        <v>0</v>
      </c>
      <c r="BG17" s="104">
        <v>52584</v>
      </c>
      <c r="BH17" s="102">
        <v>52584</v>
      </c>
      <c r="BI17" s="101">
        <v>0</v>
      </c>
      <c r="BJ17" s="104">
        <v>41208</v>
      </c>
      <c r="BK17" s="104">
        <v>104525</v>
      </c>
      <c r="BL17" s="104">
        <v>27472</v>
      </c>
      <c r="BM17" s="104">
        <v>191598</v>
      </c>
      <c r="BN17" s="104">
        <v>0</v>
      </c>
      <c r="BO17" s="103">
        <v>364803</v>
      </c>
      <c r="BP17" s="106">
        <v>417387</v>
      </c>
      <c r="BQ17" s="100">
        <v>19810</v>
      </c>
      <c r="BR17" s="104">
        <v>7161</v>
      </c>
      <c r="BS17" s="103">
        <v>26971</v>
      </c>
      <c r="BT17" s="100">
        <v>0</v>
      </c>
      <c r="BU17" s="104">
        <v>121632</v>
      </c>
      <c r="BV17" s="104">
        <v>218477</v>
      </c>
      <c r="BW17" s="104">
        <v>193186</v>
      </c>
      <c r="BX17" s="104">
        <v>274995</v>
      </c>
      <c r="BY17" s="104">
        <v>99400</v>
      </c>
      <c r="BZ17" s="103">
        <v>907690</v>
      </c>
      <c r="CA17" s="106">
        <v>934661</v>
      </c>
      <c r="CB17" s="100">
        <v>0</v>
      </c>
      <c r="CC17" s="104">
        <v>166615</v>
      </c>
      <c r="CD17" s="103">
        <v>166615</v>
      </c>
      <c r="CE17" s="100">
        <v>0</v>
      </c>
      <c r="CF17" s="104">
        <v>1316521</v>
      </c>
      <c r="CG17" s="104">
        <v>1008542</v>
      </c>
      <c r="CH17" s="104">
        <v>1568929</v>
      </c>
      <c r="CI17" s="104">
        <v>1209274</v>
      </c>
      <c r="CJ17" s="104">
        <v>240515</v>
      </c>
      <c r="CK17" s="103">
        <v>5343781</v>
      </c>
      <c r="CL17" s="106">
        <v>5510396</v>
      </c>
      <c r="CM17" s="100">
        <v>0</v>
      </c>
      <c r="CN17" s="104">
        <v>0</v>
      </c>
      <c r="CO17" s="103">
        <v>0</v>
      </c>
      <c r="CP17" s="101">
        <v>0</v>
      </c>
      <c r="CQ17" s="104">
        <v>788911</v>
      </c>
      <c r="CR17" s="104">
        <v>629518</v>
      </c>
      <c r="CS17" s="104">
        <v>827530</v>
      </c>
      <c r="CT17" s="104">
        <v>1027273</v>
      </c>
      <c r="CU17" s="104">
        <v>240515</v>
      </c>
      <c r="CV17" s="103">
        <v>3513747</v>
      </c>
      <c r="CW17" s="106">
        <v>3513747</v>
      </c>
      <c r="CX17" s="100">
        <v>0</v>
      </c>
      <c r="CY17" s="104">
        <v>166615</v>
      </c>
      <c r="CZ17" s="103">
        <v>166615</v>
      </c>
      <c r="DA17" s="100">
        <v>0</v>
      </c>
      <c r="DB17" s="104">
        <v>527610</v>
      </c>
      <c r="DC17" s="104">
        <v>379024</v>
      </c>
      <c r="DD17" s="104">
        <v>741399</v>
      </c>
      <c r="DE17" s="104">
        <v>182001</v>
      </c>
      <c r="DF17" s="104">
        <v>0</v>
      </c>
      <c r="DG17" s="103">
        <v>1830034</v>
      </c>
      <c r="DH17" s="106">
        <v>1996649</v>
      </c>
      <c r="DI17" s="100">
        <v>0</v>
      </c>
      <c r="DJ17" s="104">
        <v>0</v>
      </c>
      <c r="DK17" s="102">
        <v>0</v>
      </c>
      <c r="DL17" s="101">
        <v>0</v>
      </c>
      <c r="DM17" s="104">
        <v>155889</v>
      </c>
      <c r="DN17" s="104">
        <v>6720</v>
      </c>
      <c r="DO17" s="104">
        <v>356385</v>
      </c>
      <c r="DP17" s="104">
        <v>199430</v>
      </c>
      <c r="DQ17" s="104">
        <v>275470</v>
      </c>
      <c r="DR17" s="103">
        <v>993894</v>
      </c>
      <c r="DS17" s="106">
        <v>993894</v>
      </c>
      <c r="DT17" s="100">
        <v>0</v>
      </c>
      <c r="DU17" s="104">
        <v>0</v>
      </c>
      <c r="DV17" s="103">
        <v>0</v>
      </c>
      <c r="DW17" s="100">
        <v>0</v>
      </c>
      <c r="DX17" s="104">
        <v>155889</v>
      </c>
      <c r="DY17" s="104">
        <v>6720</v>
      </c>
      <c r="DZ17" s="104">
        <v>257254</v>
      </c>
      <c r="EA17" s="104">
        <v>163975</v>
      </c>
      <c r="EB17" s="104">
        <v>184289</v>
      </c>
      <c r="EC17" s="103">
        <v>768127</v>
      </c>
      <c r="ED17" s="106">
        <v>768127</v>
      </c>
      <c r="EE17" s="100">
        <v>0</v>
      </c>
      <c r="EF17" s="102">
        <v>0</v>
      </c>
      <c r="EG17" s="103">
        <v>0</v>
      </c>
      <c r="EH17" s="100">
        <v>0</v>
      </c>
      <c r="EI17" s="104">
        <v>0</v>
      </c>
      <c r="EJ17" s="104">
        <v>0</v>
      </c>
      <c r="EK17" s="104">
        <v>99131</v>
      </c>
      <c r="EL17" s="104">
        <v>35455</v>
      </c>
      <c r="EM17" s="104">
        <v>91181</v>
      </c>
      <c r="EN17" s="102">
        <v>225767</v>
      </c>
      <c r="EO17" s="106">
        <v>225767</v>
      </c>
      <c r="EP17" s="100">
        <v>0</v>
      </c>
      <c r="EQ17" s="104">
        <v>0</v>
      </c>
      <c r="ER17" s="102">
        <v>0</v>
      </c>
      <c r="ES17" s="101">
        <v>0</v>
      </c>
      <c r="ET17" s="104">
        <v>0</v>
      </c>
      <c r="EU17" s="104">
        <v>0</v>
      </c>
      <c r="EV17" s="104">
        <v>0</v>
      </c>
      <c r="EW17" s="104">
        <v>0</v>
      </c>
      <c r="EX17" s="104">
        <v>0</v>
      </c>
      <c r="EY17" s="103">
        <v>0</v>
      </c>
      <c r="EZ17" s="106">
        <v>0</v>
      </c>
      <c r="FA17" s="100">
        <v>0</v>
      </c>
      <c r="FB17" s="104">
        <v>0</v>
      </c>
      <c r="FC17" s="102">
        <v>0</v>
      </c>
      <c r="FD17" s="324"/>
      <c r="FE17" s="104">
        <v>0</v>
      </c>
      <c r="FF17" s="104">
        <v>0</v>
      </c>
      <c r="FG17" s="104">
        <v>0</v>
      </c>
      <c r="FH17" s="104">
        <v>0</v>
      </c>
      <c r="FI17" s="104">
        <v>0</v>
      </c>
      <c r="FJ17" s="103">
        <v>0</v>
      </c>
      <c r="FK17" s="106">
        <v>0</v>
      </c>
      <c r="FL17" s="100">
        <v>88368</v>
      </c>
      <c r="FM17" s="104">
        <v>105126</v>
      </c>
      <c r="FN17" s="103">
        <v>193494</v>
      </c>
      <c r="FO17" s="100">
        <v>0</v>
      </c>
      <c r="FP17" s="104">
        <v>278243</v>
      </c>
      <c r="FQ17" s="104">
        <v>273875</v>
      </c>
      <c r="FR17" s="104">
        <v>404299</v>
      </c>
      <c r="FS17" s="104">
        <v>584878</v>
      </c>
      <c r="FT17" s="104">
        <v>158319</v>
      </c>
      <c r="FU17" s="103">
        <v>1699614</v>
      </c>
      <c r="FV17" s="106">
        <v>1893108</v>
      </c>
      <c r="FW17" s="105">
        <v>45668</v>
      </c>
      <c r="FX17" s="104">
        <v>105126</v>
      </c>
      <c r="FY17" s="102">
        <v>150794</v>
      </c>
      <c r="FZ17" s="101">
        <v>0</v>
      </c>
      <c r="GA17" s="104">
        <v>240555</v>
      </c>
      <c r="GB17" s="104">
        <v>273875</v>
      </c>
      <c r="GC17" s="104">
        <v>404299</v>
      </c>
      <c r="GD17" s="104">
        <v>562044</v>
      </c>
      <c r="GE17" s="104">
        <v>158319</v>
      </c>
      <c r="GF17" s="103">
        <v>1639092</v>
      </c>
      <c r="GG17" s="296">
        <v>1789886</v>
      </c>
      <c r="GH17" s="105">
        <v>0</v>
      </c>
      <c r="GI17" s="104">
        <v>0</v>
      </c>
      <c r="GJ17" s="102">
        <v>0</v>
      </c>
      <c r="GK17" s="101">
        <v>0</v>
      </c>
      <c r="GL17" s="104">
        <v>11088</v>
      </c>
      <c r="GM17" s="104">
        <v>0</v>
      </c>
      <c r="GN17" s="104">
        <v>0</v>
      </c>
      <c r="GO17" s="104">
        <v>22834</v>
      </c>
      <c r="GP17" s="104">
        <v>0</v>
      </c>
      <c r="GQ17" s="103">
        <v>33922</v>
      </c>
      <c r="GR17" s="106">
        <v>33922</v>
      </c>
      <c r="GS17" s="100">
        <v>42700</v>
      </c>
      <c r="GT17" s="104">
        <v>0</v>
      </c>
      <c r="GU17" s="103">
        <v>42700</v>
      </c>
      <c r="GV17" s="100">
        <v>0</v>
      </c>
      <c r="GW17" s="104">
        <v>26600</v>
      </c>
      <c r="GX17" s="104">
        <v>0</v>
      </c>
      <c r="GY17" s="104">
        <v>0</v>
      </c>
      <c r="GZ17" s="104">
        <v>0</v>
      </c>
      <c r="HA17" s="104">
        <v>0</v>
      </c>
      <c r="HB17" s="102">
        <v>26600</v>
      </c>
      <c r="HC17" s="106">
        <v>69300</v>
      </c>
      <c r="HD17" s="100">
        <v>48169</v>
      </c>
      <c r="HE17" s="104">
        <v>160329</v>
      </c>
      <c r="HF17" s="102">
        <v>208498</v>
      </c>
      <c r="HG17" s="101">
        <v>0</v>
      </c>
      <c r="HH17" s="104">
        <v>1969997</v>
      </c>
      <c r="HI17" s="104">
        <v>1559047</v>
      </c>
      <c r="HJ17" s="104">
        <v>1856164</v>
      </c>
      <c r="HK17" s="104">
        <v>2937793</v>
      </c>
      <c r="HL17" s="104">
        <v>1235972</v>
      </c>
      <c r="HM17" s="103">
        <v>9558973</v>
      </c>
      <c r="HN17" s="99">
        <v>9767471</v>
      </c>
      <c r="HO17" s="306"/>
      <c r="HP17" s="307"/>
      <c r="HQ17" s="308"/>
      <c r="HR17" s="309"/>
      <c r="HS17" s="307"/>
      <c r="HT17" s="307"/>
      <c r="HU17" s="307"/>
      <c r="HV17" s="307"/>
      <c r="HW17" s="307"/>
      <c r="HX17" s="310"/>
      <c r="HY17" s="311"/>
      <c r="HZ17" s="118">
        <v>0</v>
      </c>
      <c r="IA17" s="119">
        <v>61362</v>
      </c>
      <c r="IB17" s="120">
        <v>61362</v>
      </c>
      <c r="IC17" s="133">
        <v>0</v>
      </c>
      <c r="ID17" s="119">
        <v>1675082</v>
      </c>
      <c r="IE17" s="134">
        <v>1020349</v>
      </c>
      <c r="IF17" s="120">
        <v>894064</v>
      </c>
      <c r="IG17" s="119">
        <v>1427053</v>
      </c>
      <c r="IH17" s="120">
        <v>134997</v>
      </c>
      <c r="II17" s="135">
        <v>5151545</v>
      </c>
      <c r="IJ17" s="126">
        <v>5212907</v>
      </c>
      <c r="IK17" s="219">
        <v>0</v>
      </c>
      <c r="IL17" s="223">
        <v>0</v>
      </c>
      <c r="IM17" s="224">
        <v>0</v>
      </c>
      <c r="IN17" s="127"/>
      <c r="IO17" s="109">
        <v>68271</v>
      </c>
      <c r="IP17" s="109">
        <v>238923</v>
      </c>
      <c r="IQ17" s="109">
        <v>0</v>
      </c>
      <c r="IR17" s="109">
        <v>205435</v>
      </c>
      <c r="IS17" s="109">
        <v>0</v>
      </c>
      <c r="IT17" s="128">
        <v>512629</v>
      </c>
      <c r="IU17" s="298">
        <v>512629</v>
      </c>
      <c r="IV17" s="129">
        <v>0</v>
      </c>
      <c r="IW17" s="109">
        <v>0</v>
      </c>
      <c r="IX17" s="110">
        <v>0</v>
      </c>
      <c r="IY17" s="131"/>
      <c r="IZ17" s="109">
        <v>14732</v>
      </c>
      <c r="JA17" s="109">
        <v>0</v>
      </c>
      <c r="JB17" s="109">
        <v>0</v>
      </c>
      <c r="JC17" s="109">
        <v>14732</v>
      </c>
      <c r="JD17" s="109">
        <v>0</v>
      </c>
      <c r="JE17" s="110">
        <v>29464</v>
      </c>
      <c r="JF17" s="111">
        <v>29464</v>
      </c>
      <c r="JG17" s="129">
        <v>0</v>
      </c>
      <c r="JH17" s="109">
        <v>0</v>
      </c>
      <c r="JI17" s="128">
        <v>0</v>
      </c>
      <c r="JJ17" s="108">
        <v>0</v>
      </c>
      <c r="JK17" s="109">
        <v>1083515</v>
      </c>
      <c r="JL17" s="109">
        <v>222928</v>
      </c>
      <c r="JM17" s="109">
        <v>221298</v>
      </c>
      <c r="JN17" s="109">
        <v>516169</v>
      </c>
      <c r="JO17" s="109">
        <v>134997</v>
      </c>
      <c r="JP17" s="110">
        <v>2178907</v>
      </c>
      <c r="JQ17" s="298">
        <v>2178907</v>
      </c>
      <c r="JR17" s="129">
        <v>0</v>
      </c>
      <c r="JS17" s="109">
        <v>0</v>
      </c>
      <c r="JT17" s="128">
        <v>0</v>
      </c>
      <c r="JU17" s="108">
        <v>0</v>
      </c>
      <c r="JV17" s="109">
        <v>89188</v>
      </c>
      <c r="JW17" s="109">
        <v>0</v>
      </c>
      <c r="JX17" s="109">
        <v>0</v>
      </c>
      <c r="JY17" s="109">
        <v>0</v>
      </c>
      <c r="JZ17" s="109">
        <v>0</v>
      </c>
      <c r="KA17" s="110">
        <v>89188</v>
      </c>
      <c r="KB17" s="298">
        <v>89188</v>
      </c>
      <c r="KC17" s="221">
        <v>0</v>
      </c>
      <c r="KD17" s="217">
        <v>61362</v>
      </c>
      <c r="KE17" s="110">
        <v>61362</v>
      </c>
      <c r="KF17" s="108">
        <v>0</v>
      </c>
      <c r="KG17" s="109">
        <v>209304</v>
      </c>
      <c r="KH17" s="109">
        <v>115847</v>
      </c>
      <c r="KI17" s="109">
        <v>0</v>
      </c>
      <c r="KJ17" s="109">
        <v>456126</v>
      </c>
      <c r="KK17" s="109">
        <v>0</v>
      </c>
      <c r="KL17" s="110">
        <v>781277</v>
      </c>
      <c r="KM17" s="130">
        <v>842639</v>
      </c>
      <c r="KN17" s="219">
        <v>0</v>
      </c>
      <c r="KO17" s="223">
        <v>0</v>
      </c>
      <c r="KP17" s="224">
        <v>0</v>
      </c>
      <c r="KQ17" s="127"/>
      <c r="KR17" s="109">
        <v>210072</v>
      </c>
      <c r="KS17" s="109">
        <v>442651</v>
      </c>
      <c r="KT17" s="109">
        <v>672766</v>
      </c>
      <c r="KU17" s="109">
        <v>234591</v>
      </c>
      <c r="KV17" s="109">
        <v>0</v>
      </c>
      <c r="KW17" s="110">
        <v>1560080</v>
      </c>
      <c r="KX17" s="298">
        <v>1560080</v>
      </c>
      <c r="KY17" s="129">
        <v>0</v>
      </c>
      <c r="KZ17" s="109">
        <v>0</v>
      </c>
      <c r="LA17" s="110">
        <v>0</v>
      </c>
      <c r="LB17" s="132"/>
      <c r="LC17" s="109">
        <v>0</v>
      </c>
      <c r="LD17" s="109">
        <v>0</v>
      </c>
      <c r="LE17" s="109">
        <v>0</v>
      </c>
      <c r="LF17" s="109">
        <v>0</v>
      </c>
      <c r="LG17" s="109">
        <v>0</v>
      </c>
      <c r="LH17" s="110">
        <v>0</v>
      </c>
      <c r="LI17" s="111">
        <v>0</v>
      </c>
      <c r="LJ17" s="129">
        <v>0</v>
      </c>
      <c r="LK17" s="109">
        <v>0</v>
      </c>
      <c r="LL17" s="110">
        <v>0</v>
      </c>
      <c r="LM17" s="132"/>
      <c r="LN17" s="109">
        <v>0</v>
      </c>
      <c r="LO17" s="109">
        <v>0</v>
      </c>
      <c r="LP17" s="109">
        <v>0</v>
      </c>
      <c r="LQ17" s="109">
        <v>0</v>
      </c>
      <c r="LR17" s="109">
        <v>0</v>
      </c>
      <c r="LS17" s="110">
        <v>0</v>
      </c>
      <c r="LT17" s="298">
        <v>0</v>
      </c>
      <c r="LU17" s="129">
        <v>0</v>
      </c>
      <c r="LV17" s="109">
        <v>0</v>
      </c>
      <c r="LW17" s="110">
        <v>0</v>
      </c>
      <c r="LX17" s="132"/>
      <c r="LY17" s="109">
        <v>0</v>
      </c>
      <c r="LZ17" s="109">
        <v>0</v>
      </c>
      <c r="MA17" s="109">
        <v>0</v>
      </c>
      <c r="MB17" s="109">
        <v>0</v>
      </c>
      <c r="MC17" s="109">
        <v>0</v>
      </c>
      <c r="MD17" s="110">
        <v>0</v>
      </c>
      <c r="ME17" s="111">
        <v>0</v>
      </c>
      <c r="MF17" s="129">
        <v>0</v>
      </c>
      <c r="MG17" s="109">
        <v>0</v>
      </c>
      <c r="MH17" s="110">
        <v>0</v>
      </c>
      <c r="MI17" s="132"/>
      <c r="MJ17" s="109">
        <v>201740</v>
      </c>
      <c r="MK17" s="109">
        <v>854232</v>
      </c>
      <c r="ML17" s="109">
        <v>3094304</v>
      </c>
      <c r="MM17" s="109">
        <v>2131461</v>
      </c>
      <c r="MN17" s="109">
        <v>1527382</v>
      </c>
      <c r="MO17" s="110">
        <v>7809119</v>
      </c>
      <c r="MP17" s="130">
        <v>7809119</v>
      </c>
      <c r="MQ17" s="129">
        <v>0</v>
      </c>
      <c r="MR17" s="109">
        <v>0</v>
      </c>
      <c r="MS17" s="110">
        <v>0</v>
      </c>
      <c r="MT17" s="132"/>
      <c r="MU17" s="109">
        <v>0</v>
      </c>
      <c r="MV17" s="109">
        <v>0</v>
      </c>
      <c r="MW17" s="109">
        <v>1462768</v>
      </c>
      <c r="MX17" s="109">
        <v>1400277</v>
      </c>
      <c r="MY17" s="109">
        <v>1527382</v>
      </c>
      <c r="MZ17" s="110">
        <v>4390427</v>
      </c>
      <c r="NA17" s="130">
        <v>4390427</v>
      </c>
      <c r="NB17" s="129">
        <v>0</v>
      </c>
      <c r="NC17" s="109">
        <v>0</v>
      </c>
      <c r="ND17" s="110">
        <v>0</v>
      </c>
      <c r="NE17" s="132"/>
      <c r="NF17" s="109">
        <v>201740</v>
      </c>
      <c r="NG17" s="109">
        <v>674072</v>
      </c>
      <c r="NH17" s="109">
        <v>1631536</v>
      </c>
      <c r="NI17" s="109">
        <v>731184</v>
      </c>
      <c r="NJ17" s="109">
        <v>0</v>
      </c>
      <c r="NK17" s="110">
        <v>3238532</v>
      </c>
      <c r="NL17" s="298">
        <v>3238532</v>
      </c>
      <c r="NM17" s="129">
        <v>0</v>
      </c>
      <c r="NN17" s="109">
        <v>0</v>
      </c>
      <c r="NO17" s="110">
        <v>0</v>
      </c>
      <c r="NP17" s="132"/>
      <c r="NQ17" s="109">
        <v>0</v>
      </c>
      <c r="NR17" s="109">
        <v>0</v>
      </c>
      <c r="NS17" s="109">
        <v>0</v>
      </c>
      <c r="NT17" s="109">
        <v>0</v>
      </c>
      <c r="NU17" s="109">
        <v>0</v>
      </c>
      <c r="NV17" s="110">
        <v>0</v>
      </c>
      <c r="NW17" s="111">
        <v>0</v>
      </c>
      <c r="NX17" s="129">
        <v>0</v>
      </c>
      <c r="NY17" s="109">
        <v>0</v>
      </c>
      <c r="NZ17" s="110">
        <v>0</v>
      </c>
      <c r="OA17" s="132"/>
      <c r="OB17" s="109">
        <v>0</v>
      </c>
      <c r="OC17" s="109">
        <v>180160</v>
      </c>
      <c r="OD17" s="109">
        <v>0</v>
      </c>
      <c r="OE17" s="109">
        <v>0</v>
      </c>
      <c r="OF17" s="109">
        <v>0</v>
      </c>
      <c r="OG17" s="110">
        <v>180160</v>
      </c>
      <c r="OH17" s="111">
        <v>180160</v>
      </c>
      <c r="OI17" s="129">
        <v>211462</v>
      </c>
      <c r="OJ17" s="109">
        <v>570133</v>
      </c>
      <c r="OK17" s="128">
        <v>781595</v>
      </c>
      <c r="OL17" s="108">
        <v>0</v>
      </c>
      <c r="OM17" s="109">
        <v>7296706</v>
      </c>
      <c r="ON17" s="109">
        <v>5709651</v>
      </c>
      <c r="OO17" s="109">
        <v>9328230</v>
      </c>
      <c r="OP17" s="109">
        <v>10797117</v>
      </c>
      <c r="OQ17" s="109">
        <v>4243813</v>
      </c>
      <c r="OR17" s="110">
        <v>37375517</v>
      </c>
      <c r="OS17" s="130">
        <v>38157112</v>
      </c>
    </row>
    <row r="18" spans="2:409" ht="21" customHeight="1" x14ac:dyDescent="0.2">
      <c r="B18" s="472" t="s">
        <v>12</v>
      </c>
      <c r="C18" s="100">
        <v>919978</v>
      </c>
      <c r="D18" s="104">
        <v>1784185</v>
      </c>
      <c r="E18" s="103">
        <v>2704163</v>
      </c>
      <c r="F18" s="99">
        <v>0</v>
      </c>
      <c r="G18" s="104">
        <v>5674867</v>
      </c>
      <c r="H18" s="157">
        <v>7902721</v>
      </c>
      <c r="I18" s="157">
        <v>7114342</v>
      </c>
      <c r="J18" s="157">
        <v>7655196</v>
      </c>
      <c r="K18" s="157">
        <v>4997644</v>
      </c>
      <c r="L18" s="102">
        <v>33344770</v>
      </c>
      <c r="M18" s="106">
        <v>36048933</v>
      </c>
      <c r="N18" s="100">
        <v>236558</v>
      </c>
      <c r="O18" s="104">
        <v>675383</v>
      </c>
      <c r="P18" s="103">
        <v>911941</v>
      </c>
      <c r="Q18" s="100">
        <v>0</v>
      </c>
      <c r="R18" s="104">
        <v>1986343</v>
      </c>
      <c r="S18" s="104">
        <v>2419670</v>
      </c>
      <c r="T18" s="104">
        <v>2526159</v>
      </c>
      <c r="U18" s="104">
        <v>2427247</v>
      </c>
      <c r="V18" s="104">
        <v>2800975</v>
      </c>
      <c r="W18" s="103">
        <v>12160394</v>
      </c>
      <c r="X18" s="106">
        <v>13072335</v>
      </c>
      <c r="Y18" s="100">
        <v>0</v>
      </c>
      <c r="Z18" s="104">
        <v>0</v>
      </c>
      <c r="AA18" s="103">
        <v>0</v>
      </c>
      <c r="AB18" s="100">
        <v>0</v>
      </c>
      <c r="AC18" s="104">
        <v>1208753</v>
      </c>
      <c r="AD18" s="104">
        <v>1175019</v>
      </c>
      <c r="AE18" s="104">
        <v>1495715</v>
      </c>
      <c r="AF18" s="104">
        <v>1410797</v>
      </c>
      <c r="AG18" s="104">
        <v>1740297</v>
      </c>
      <c r="AH18" s="103">
        <v>7030581</v>
      </c>
      <c r="AI18" s="106">
        <v>7030581</v>
      </c>
      <c r="AJ18" s="100">
        <v>0</v>
      </c>
      <c r="AK18" s="104">
        <v>0</v>
      </c>
      <c r="AL18" s="103">
        <v>0</v>
      </c>
      <c r="AM18" s="100">
        <v>0</v>
      </c>
      <c r="AN18" s="104">
        <v>0</v>
      </c>
      <c r="AO18" s="104">
        <v>92996</v>
      </c>
      <c r="AP18" s="104">
        <v>92074</v>
      </c>
      <c r="AQ18" s="104">
        <v>31936</v>
      </c>
      <c r="AR18" s="104">
        <v>290173</v>
      </c>
      <c r="AS18" s="103">
        <v>507179</v>
      </c>
      <c r="AT18" s="106">
        <v>507179</v>
      </c>
      <c r="AU18" s="100">
        <v>161802</v>
      </c>
      <c r="AV18" s="104">
        <v>588903</v>
      </c>
      <c r="AW18" s="103">
        <v>750705</v>
      </c>
      <c r="AX18" s="100">
        <v>0</v>
      </c>
      <c r="AY18" s="104">
        <v>593297</v>
      </c>
      <c r="AZ18" s="104">
        <v>693965</v>
      </c>
      <c r="BA18" s="104">
        <v>565830</v>
      </c>
      <c r="BB18" s="104">
        <v>638582</v>
      </c>
      <c r="BC18" s="104">
        <v>617436</v>
      </c>
      <c r="BD18" s="103">
        <v>3109110</v>
      </c>
      <c r="BE18" s="106">
        <v>3859815</v>
      </c>
      <c r="BF18" s="100">
        <v>27737</v>
      </c>
      <c r="BG18" s="104">
        <v>13603</v>
      </c>
      <c r="BH18" s="102">
        <v>41340</v>
      </c>
      <c r="BI18" s="101">
        <v>0</v>
      </c>
      <c r="BJ18" s="104">
        <v>41605</v>
      </c>
      <c r="BK18" s="104">
        <v>120297</v>
      </c>
      <c r="BL18" s="104">
        <v>28490</v>
      </c>
      <c r="BM18" s="104">
        <v>51981</v>
      </c>
      <c r="BN18" s="104">
        <v>0</v>
      </c>
      <c r="BO18" s="103">
        <v>242373</v>
      </c>
      <c r="BP18" s="106">
        <v>283713</v>
      </c>
      <c r="BQ18" s="100">
        <v>47019</v>
      </c>
      <c r="BR18" s="104">
        <v>72877</v>
      </c>
      <c r="BS18" s="103">
        <v>119896</v>
      </c>
      <c r="BT18" s="100">
        <v>0</v>
      </c>
      <c r="BU18" s="104">
        <v>142688</v>
      </c>
      <c r="BV18" s="104">
        <v>337393</v>
      </c>
      <c r="BW18" s="104">
        <v>344050</v>
      </c>
      <c r="BX18" s="104">
        <v>293951</v>
      </c>
      <c r="BY18" s="104">
        <v>153069</v>
      </c>
      <c r="BZ18" s="103">
        <v>1271151</v>
      </c>
      <c r="CA18" s="106">
        <v>1391047</v>
      </c>
      <c r="CB18" s="100">
        <v>259503</v>
      </c>
      <c r="CC18" s="104">
        <v>206007</v>
      </c>
      <c r="CD18" s="103">
        <v>465510</v>
      </c>
      <c r="CE18" s="100">
        <v>0</v>
      </c>
      <c r="CF18" s="104">
        <v>2102046</v>
      </c>
      <c r="CG18" s="104">
        <v>1777597</v>
      </c>
      <c r="CH18" s="104">
        <v>1468238</v>
      </c>
      <c r="CI18" s="104">
        <v>1275480</v>
      </c>
      <c r="CJ18" s="104">
        <v>477863</v>
      </c>
      <c r="CK18" s="103">
        <v>7101224</v>
      </c>
      <c r="CL18" s="106">
        <v>7566734</v>
      </c>
      <c r="CM18" s="100">
        <v>0</v>
      </c>
      <c r="CN18" s="104">
        <v>0</v>
      </c>
      <c r="CO18" s="103">
        <v>0</v>
      </c>
      <c r="CP18" s="101">
        <v>0</v>
      </c>
      <c r="CQ18" s="104">
        <v>1677926</v>
      </c>
      <c r="CR18" s="104">
        <v>1313419</v>
      </c>
      <c r="CS18" s="104">
        <v>759841</v>
      </c>
      <c r="CT18" s="104">
        <v>863195</v>
      </c>
      <c r="CU18" s="104">
        <v>477863</v>
      </c>
      <c r="CV18" s="103">
        <v>5092244</v>
      </c>
      <c r="CW18" s="106">
        <v>5092244</v>
      </c>
      <c r="CX18" s="100">
        <v>259503</v>
      </c>
      <c r="CY18" s="104">
        <v>206007</v>
      </c>
      <c r="CZ18" s="103">
        <v>465510</v>
      </c>
      <c r="DA18" s="100">
        <v>0</v>
      </c>
      <c r="DB18" s="104">
        <v>424120</v>
      </c>
      <c r="DC18" s="104">
        <v>464178</v>
      </c>
      <c r="DD18" s="104">
        <v>708397</v>
      </c>
      <c r="DE18" s="104">
        <v>412285</v>
      </c>
      <c r="DF18" s="104">
        <v>0</v>
      </c>
      <c r="DG18" s="103">
        <v>2008980</v>
      </c>
      <c r="DH18" s="106">
        <v>2474490</v>
      </c>
      <c r="DI18" s="100">
        <v>22686</v>
      </c>
      <c r="DJ18" s="104">
        <v>42094</v>
      </c>
      <c r="DK18" s="102">
        <v>64780</v>
      </c>
      <c r="DL18" s="101">
        <v>0</v>
      </c>
      <c r="DM18" s="104">
        <v>447019</v>
      </c>
      <c r="DN18" s="104">
        <v>557090</v>
      </c>
      <c r="DO18" s="104">
        <v>342643</v>
      </c>
      <c r="DP18" s="104">
        <v>649410</v>
      </c>
      <c r="DQ18" s="104">
        <v>437175</v>
      </c>
      <c r="DR18" s="103">
        <v>2433337</v>
      </c>
      <c r="DS18" s="106">
        <v>2498117</v>
      </c>
      <c r="DT18" s="100">
        <v>22686</v>
      </c>
      <c r="DU18" s="104">
        <v>42094</v>
      </c>
      <c r="DV18" s="103">
        <v>64780</v>
      </c>
      <c r="DW18" s="100">
        <v>0</v>
      </c>
      <c r="DX18" s="104">
        <v>358976</v>
      </c>
      <c r="DY18" s="104">
        <v>557090</v>
      </c>
      <c r="DZ18" s="104">
        <v>342643</v>
      </c>
      <c r="EA18" s="104">
        <v>649410</v>
      </c>
      <c r="EB18" s="104">
        <v>437175</v>
      </c>
      <c r="EC18" s="103">
        <v>2345294</v>
      </c>
      <c r="ED18" s="106">
        <v>2410074</v>
      </c>
      <c r="EE18" s="100">
        <v>0</v>
      </c>
      <c r="EF18" s="102">
        <v>0</v>
      </c>
      <c r="EG18" s="103">
        <v>0</v>
      </c>
      <c r="EH18" s="100">
        <v>0</v>
      </c>
      <c r="EI18" s="104">
        <v>88043</v>
      </c>
      <c r="EJ18" s="104">
        <v>0</v>
      </c>
      <c r="EK18" s="104">
        <v>0</v>
      </c>
      <c r="EL18" s="104">
        <v>0</v>
      </c>
      <c r="EM18" s="104">
        <v>0</v>
      </c>
      <c r="EN18" s="102">
        <v>88043</v>
      </c>
      <c r="EO18" s="106">
        <v>88043</v>
      </c>
      <c r="EP18" s="100">
        <v>0</v>
      </c>
      <c r="EQ18" s="104">
        <v>0</v>
      </c>
      <c r="ER18" s="102">
        <v>0</v>
      </c>
      <c r="ES18" s="101">
        <v>0</v>
      </c>
      <c r="ET18" s="104">
        <v>0</v>
      </c>
      <c r="EU18" s="104">
        <v>0</v>
      </c>
      <c r="EV18" s="104">
        <v>0</v>
      </c>
      <c r="EW18" s="104">
        <v>0</v>
      </c>
      <c r="EX18" s="104">
        <v>0</v>
      </c>
      <c r="EY18" s="103">
        <v>0</v>
      </c>
      <c r="EZ18" s="106">
        <v>0</v>
      </c>
      <c r="FA18" s="100">
        <v>0</v>
      </c>
      <c r="FB18" s="104">
        <v>0</v>
      </c>
      <c r="FC18" s="102">
        <v>0</v>
      </c>
      <c r="FD18" s="324"/>
      <c r="FE18" s="104">
        <v>0</v>
      </c>
      <c r="FF18" s="104">
        <v>0</v>
      </c>
      <c r="FG18" s="104">
        <v>0</v>
      </c>
      <c r="FH18" s="104">
        <v>0</v>
      </c>
      <c r="FI18" s="104">
        <v>0</v>
      </c>
      <c r="FJ18" s="103">
        <v>0</v>
      </c>
      <c r="FK18" s="106">
        <v>0</v>
      </c>
      <c r="FL18" s="100">
        <v>142821</v>
      </c>
      <c r="FM18" s="104">
        <v>528493</v>
      </c>
      <c r="FN18" s="103">
        <v>671314</v>
      </c>
      <c r="FO18" s="100">
        <v>0</v>
      </c>
      <c r="FP18" s="104">
        <v>294315</v>
      </c>
      <c r="FQ18" s="104">
        <v>613774</v>
      </c>
      <c r="FR18" s="104">
        <v>455350</v>
      </c>
      <c r="FS18" s="104">
        <v>717591</v>
      </c>
      <c r="FT18" s="104">
        <v>443611</v>
      </c>
      <c r="FU18" s="103">
        <v>2524641</v>
      </c>
      <c r="FV18" s="106">
        <v>3195955</v>
      </c>
      <c r="FW18" s="105">
        <v>142821</v>
      </c>
      <c r="FX18" s="104">
        <v>272643</v>
      </c>
      <c r="FY18" s="102">
        <v>415464</v>
      </c>
      <c r="FZ18" s="101">
        <v>0</v>
      </c>
      <c r="GA18" s="104">
        <v>260015</v>
      </c>
      <c r="GB18" s="104">
        <v>542794</v>
      </c>
      <c r="GC18" s="104">
        <v>442050</v>
      </c>
      <c r="GD18" s="104">
        <v>672581</v>
      </c>
      <c r="GE18" s="104">
        <v>443611</v>
      </c>
      <c r="GF18" s="103">
        <v>2361051</v>
      </c>
      <c r="GG18" s="296">
        <v>2776515</v>
      </c>
      <c r="GH18" s="105">
        <v>0</v>
      </c>
      <c r="GI18" s="104">
        <v>82250</v>
      </c>
      <c r="GJ18" s="102">
        <v>82250</v>
      </c>
      <c r="GK18" s="101">
        <v>0</v>
      </c>
      <c r="GL18" s="104">
        <v>0</v>
      </c>
      <c r="GM18" s="104">
        <v>36400</v>
      </c>
      <c r="GN18" s="104">
        <v>13300</v>
      </c>
      <c r="GO18" s="104">
        <v>45010</v>
      </c>
      <c r="GP18" s="104">
        <v>0</v>
      </c>
      <c r="GQ18" s="103">
        <v>94710</v>
      </c>
      <c r="GR18" s="106">
        <v>176960</v>
      </c>
      <c r="GS18" s="100">
        <v>0</v>
      </c>
      <c r="GT18" s="104">
        <v>173600</v>
      </c>
      <c r="GU18" s="103">
        <v>173600</v>
      </c>
      <c r="GV18" s="100">
        <v>0</v>
      </c>
      <c r="GW18" s="104">
        <v>34300</v>
      </c>
      <c r="GX18" s="104">
        <v>34580</v>
      </c>
      <c r="GY18" s="104">
        <v>0</v>
      </c>
      <c r="GZ18" s="104">
        <v>0</v>
      </c>
      <c r="HA18" s="104">
        <v>0</v>
      </c>
      <c r="HB18" s="102">
        <v>68880</v>
      </c>
      <c r="HC18" s="106">
        <v>242480</v>
      </c>
      <c r="HD18" s="100">
        <v>258410</v>
      </c>
      <c r="HE18" s="104">
        <v>332208</v>
      </c>
      <c r="HF18" s="102">
        <v>590618</v>
      </c>
      <c r="HG18" s="101">
        <v>0</v>
      </c>
      <c r="HH18" s="104">
        <v>845144</v>
      </c>
      <c r="HI18" s="104">
        <v>2534590</v>
      </c>
      <c r="HJ18" s="104">
        <v>2321952</v>
      </c>
      <c r="HK18" s="104">
        <v>2585468</v>
      </c>
      <c r="HL18" s="104">
        <v>838020</v>
      </c>
      <c r="HM18" s="103">
        <v>9125174</v>
      </c>
      <c r="HN18" s="99">
        <v>9715792</v>
      </c>
      <c r="HO18" s="306"/>
      <c r="HP18" s="307"/>
      <c r="HQ18" s="308"/>
      <c r="HR18" s="309"/>
      <c r="HS18" s="307"/>
      <c r="HT18" s="307"/>
      <c r="HU18" s="307"/>
      <c r="HV18" s="307"/>
      <c r="HW18" s="307"/>
      <c r="HX18" s="310"/>
      <c r="HY18" s="311"/>
      <c r="HZ18" s="137">
        <v>0</v>
      </c>
      <c r="IA18" s="122">
        <v>0</v>
      </c>
      <c r="IB18" s="137">
        <v>0</v>
      </c>
      <c r="IC18" s="121">
        <v>0</v>
      </c>
      <c r="ID18" s="122">
        <v>1346305</v>
      </c>
      <c r="IE18" s="123">
        <v>1761685</v>
      </c>
      <c r="IF18" s="124">
        <v>900082</v>
      </c>
      <c r="IG18" s="122">
        <v>1715781</v>
      </c>
      <c r="IH18" s="124">
        <v>487835</v>
      </c>
      <c r="II18" s="125">
        <v>6211688</v>
      </c>
      <c r="IJ18" s="137">
        <v>6211688</v>
      </c>
      <c r="IK18" s="219">
        <v>0</v>
      </c>
      <c r="IL18" s="223">
        <v>0</v>
      </c>
      <c r="IM18" s="224">
        <v>0</v>
      </c>
      <c r="IN18" s="127"/>
      <c r="IO18" s="109">
        <v>0</v>
      </c>
      <c r="IP18" s="109">
        <v>0</v>
      </c>
      <c r="IQ18" s="109">
        <v>0</v>
      </c>
      <c r="IR18" s="109">
        <v>0</v>
      </c>
      <c r="IS18" s="109">
        <v>0</v>
      </c>
      <c r="IT18" s="128">
        <v>0</v>
      </c>
      <c r="IU18" s="298">
        <v>0</v>
      </c>
      <c r="IV18" s="129">
        <v>0</v>
      </c>
      <c r="IW18" s="109">
        <v>0</v>
      </c>
      <c r="IX18" s="110">
        <v>0</v>
      </c>
      <c r="IY18" s="131"/>
      <c r="IZ18" s="109">
        <v>0</v>
      </c>
      <c r="JA18" s="109">
        <v>0</v>
      </c>
      <c r="JB18" s="109">
        <v>0</v>
      </c>
      <c r="JC18" s="109">
        <v>0</v>
      </c>
      <c r="JD18" s="109">
        <v>0</v>
      </c>
      <c r="JE18" s="110">
        <v>0</v>
      </c>
      <c r="JF18" s="111">
        <v>0</v>
      </c>
      <c r="JG18" s="129">
        <v>0</v>
      </c>
      <c r="JH18" s="109">
        <v>0</v>
      </c>
      <c r="JI18" s="128">
        <v>0</v>
      </c>
      <c r="JJ18" s="108">
        <v>0</v>
      </c>
      <c r="JK18" s="109">
        <v>737681</v>
      </c>
      <c r="JL18" s="109">
        <v>600036</v>
      </c>
      <c r="JM18" s="109">
        <v>446866</v>
      </c>
      <c r="JN18" s="109">
        <v>309771</v>
      </c>
      <c r="JO18" s="109">
        <v>254253</v>
      </c>
      <c r="JP18" s="110">
        <v>2348607</v>
      </c>
      <c r="JQ18" s="298">
        <v>2348607</v>
      </c>
      <c r="JR18" s="129">
        <v>0</v>
      </c>
      <c r="JS18" s="109">
        <v>0</v>
      </c>
      <c r="JT18" s="128">
        <v>0</v>
      </c>
      <c r="JU18" s="108">
        <v>0</v>
      </c>
      <c r="JV18" s="109">
        <v>0</v>
      </c>
      <c r="JW18" s="109">
        <v>0</v>
      </c>
      <c r="JX18" s="109">
        <v>0</v>
      </c>
      <c r="JY18" s="109">
        <v>0</v>
      </c>
      <c r="JZ18" s="109">
        <v>0</v>
      </c>
      <c r="KA18" s="110">
        <v>0</v>
      </c>
      <c r="KB18" s="298">
        <v>0</v>
      </c>
      <c r="KC18" s="221">
        <v>0</v>
      </c>
      <c r="KD18" s="217">
        <v>0</v>
      </c>
      <c r="KE18" s="110">
        <v>0</v>
      </c>
      <c r="KF18" s="108">
        <v>0</v>
      </c>
      <c r="KG18" s="109">
        <v>183361</v>
      </c>
      <c r="KH18" s="109">
        <v>164958</v>
      </c>
      <c r="KI18" s="109">
        <v>219947</v>
      </c>
      <c r="KJ18" s="109">
        <v>694602</v>
      </c>
      <c r="KK18" s="109">
        <v>0</v>
      </c>
      <c r="KL18" s="110">
        <v>1262868</v>
      </c>
      <c r="KM18" s="130">
        <v>1262868</v>
      </c>
      <c r="KN18" s="219">
        <v>0</v>
      </c>
      <c r="KO18" s="223">
        <v>0</v>
      </c>
      <c r="KP18" s="224">
        <v>0</v>
      </c>
      <c r="KQ18" s="127"/>
      <c r="KR18" s="109">
        <v>425263</v>
      </c>
      <c r="KS18" s="109">
        <v>442446</v>
      </c>
      <c r="KT18" s="109">
        <v>0</v>
      </c>
      <c r="KU18" s="109">
        <v>227203</v>
      </c>
      <c r="KV18" s="109">
        <v>233582</v>
      </c>
      <c r="KW18" s="110">
        <v>1328494</v>
      </c>
      <c r="KX18" s="298">
        <v>1328494</v>
      </c>
      <c r="KY18" s="129">
        <v>0</v>
      </c>
      <c r="KZ18" s="109">
        <v>0</v>
      </c>
      <c r="LA18" s="110">
        <v>0</v>
      </c>
      <c r="LB18" s="132"/>
      <c r="LC18" s="109">
        <v>0</v>
      </c>
      <c r="LD18" s="109">
        <v>164747</v>
      </c>
      <c r="LE18" s="109">
        <v>0</v>
      </c>
      <c r="LF18" s="109">
        <v>198879</v>
      </c>
      <c r="LG18" s="109">
        <v>0</v>
      </c>
      <c r="LH18" s="110">
        <v>363626</v>
      </c>
      <c r="LI18" s="111">
        <v>363626</v>
      </c>
      <c r="LJ18" s="129">
        <v>0</v>
      </c>
      <c r="LK18" s="109">
        <v>0</v>
      </c>
      <c r="LL18" s="110">
        <v>0</v>
      </c>
      <c r="LM18" s="132"/>
      <c r="LN18" s="109">
        <v>0</v>
      </c>
      <c r="LO18" s="109">
        <v>0</v>
      </c>
      <c r="LP18" s="109">
        <v>0</v>
      </c>
      <c r="LQ18" s="109">
        <v>0</v>
      </c>
      <c r="LR18" s="109">
        <v>0</v>
      </c>
      <c r="LS18" s="110">
        <v>0</v>
      </c>
      <c r="LT18" s="298">
        <v>0</v>
      </c>
      <c r="LU18" s="129">
        <v>0</v>
      </c>
      <c r="LV18" s="109">
        <v>0</v>
      </c>
      <c r="LW18" s="110">
        <v>0</v>
      </c>
      <c r="LX18" s="132"/>
      <c r="LY18" s="109">
        <v>0</v>
      </c>
      <c r="LZ18" s="109">
        <v>389498</v>
      </c>
      <c r="MA18" s="109">
        <v>233269</v>
      </c>
      <c r="MB18" s="109">
        <v>285326</v>
      </c>
      <c r="MC18" s="109">
        <v>0</v>
      </c>
      <c r="MD18" s="110">
        <v>908093</v>
      </c>
      <c r="ME18" s="111">
        <v>908093</v>
      </c>
      <c r="MF18" s="129">
        <v>0</v>
      </c>
      <c r="MG18" s="109">
        <v>0</v>
      </c>
      <c r="MH18" s="110">
        <v>0</v>
      </c>
      <c r="MI18" s="132"/>
      <c r="MJ18" s="109">
        <v>0</v>
      </c>
      <c r="MK18" s="109">
        <v>1164517</v>
      </c>
      <c r="ML18" s="109">
        <v>699605</v>
      </c>
      <c r="MM18" s="109">
        <v>4349427</v>
      </c>
      <c r="MN18" s="109">
        <v>1903982</v>
      </c>
      <c r="MO18" s="110">
        <v>8117531</v>
      </c>
      <c r="MP18" s="130">
        <v>8117531</v>
      </c>
      <c r="MQ18" s="129">
        <v>0</v>
      </c>
      <c r="MR18" s="109">
        <v>0</v>
      </c>
      <c r="MS18" s="110">
        <v>0</v>
      </c>
      <c r="MT18" s="132"/>
      <c r="MU18" s="109">
        <v>0</v>
      </c>
      <c r="MV18" s="109">
        <v>0</v>
      </c>
      <c r="MW18" s="109">
        <v>230612</v>
      </c>
      <c r="MX18" s="109">
        <v>2835642</v>
      </c>
      <c r="MY18" s="109">
        <v>567629</v>
      </c>
      <c r="MZ18" s="110">
        <v>3633883</v>
      </c>
      <c r="NA18" s="130">
        <v>3633883</v>
      </c>
      <c r="NB18" s="129">
        <v>0</v>
      </c>
      <c r="NC18" s="109">
        <v>0</v>
      </c>
      <c r="ND18" s="110">
        <v>0</v>
      </c>
      <c r="NE18" s="132"/>
      <c r="NF18" s="109">
        <v>0</v>
      </c>
      <c r="NG18" s="109">
        <v>1164517</v>
      </c>
      <c r="NH18" s="109">
        <v>468993</v>
      </c>
      <c r="NI18" s="109">
        <v>1203863</v>
      </c>
      <c r="NJ18" s="109">
        <v>1336353</v>
      </c>
      <c r="NK18" s="110">
        <v>4173726</v>
      </c>
      <c r="NL18" s="298">
        <v>4173726</v>
      </c>
      <c r="NM18" s="129">
        <v>0</v>
      </c>
      <c r="NN18" s="109">
        <v>0</v>
      </c>
      <c r="NO18" s="110">
        <v>0</v>
      </c>
      <c r="NP18" s="132"/>
      <c r="NQ18" s="109">
        <v>0</v>
      </c>
      <c r="NR18" s="109">
        <v>0</v>
      </c>
      <c r="NS18" s="109">
        <v>0</v>
      </c>
      <c r="NT18" s="109">
        <v>0</v>
      </c>
      <c r="NU18" s="109">
        <v>0</v>
      </c>
      <c r="NV18" s="110">
        <v>0</v>
      </c>
      <c r="NW18" s="111">
        <v>0</v>
      </c>
      <c r="NX18" s="129">
        <v>0</v>
      </c>
      <c r="NY18" s="109">
        <v>0</v>
      </c>
      <c r="NZ18" s="110">
        <v>0</v>
      </c>
      <c r="OA18" s="132"/>
      <c r="OB18" s="109">
        <v>0</v>
      </c>
      <c r="OC18" s="109">
        <v>0</v>
      </c>
      <c r="OD18" s="109">
        <v>0</v>
      </c>
      <c r="OE18" s="109">
        <v>309922</v>
      </c>
      <c r="OF18" s="109">
        <v>0</v>
      </c>
      <c r="OG18" s="110">
        <v>309922</v>
      </c>
      <c r="OH18" s="111">
        <v>309922</v>
      </c>
      <c r="OI18" s="129">
        <v>919978</v>
      </c>
      <c r="OJ18" s="109">
        <v>1784185</v>
      </c>
      <c r="OK18" s="128">
        <v>2704163</v>
      </c>
      <c r="OL18" s="108">
        <v>0</v>
      </c>
      <c r="OM18" s="109">
        <v>7021172</v>
      </c>
      <c r="ON18" s="109">
        <v>10828923</v>
      </c>
      <c r="OO18" s="109">
        <v>8714029</v>
      </c>
      <c r="OP18" s="109">
        <v>13720404</v>
      </c>
      <c r="OQ18" s="109">
        <v>7389461</v>
      </c>
      <c r="OR18" s="110">
        <v>47673989</v>
      </c>
      <c r="OS18" s="130">
        <v>50378152</v>
      </c>
    </row>
    <row r="19" spans="2:409" ht="21" customHeight="1" x14ac:dyDescent="0.2">
      <c r="B19" s="472" t="s">
        <v>13</v>
      </c>
      <c r="C19" s="100">
        <v>426680</v>
      </c>
      <c r="D19" s="104">
        <v>804120</v>
      </c>
      <c r="E19" s="103">
        <v>1230800</v>
      </c>
      <c r="F19" s="100">
        <v>0</v>
      </c>
      <c r="G19" s="157">
        <v>3822002</v>
      </c>
      <c r="H19" s="104">
        <v>4662726</v>
      </c>
      <c r="I19" s="104">
        <v>4108535</v>
      </c>
      <c r="J19" s="104">
        <v>4891431</v>
      </c>
      <c r="K19" s="104">
        <v>4433698</v>
      </c>
      <c r="L19" s="102">
        <v>21918392</v>
      </c>
      <c r="M19" s="106">
        <v>23149192</v>
      </c>
      <c r="N19" s="100">
        <v>89075</v>
      </c>
      <c r="O19" s="104">
        <v>309202</v>
      </c>
      <c r="P19" s="103">
        <v>398277</v>
      </c>
      <c r="Q19" s="100">
        <v>0</v>
      </c>
      <c r="R19" s="104">
        <v>1351689</v>
      </c>
      <c r="S19" s="104">
        <v>1561952</v>
      </c>
      <c r="T19" s="104">
        <v>1553457</v>
      </c>
      <c r="U19" s="104">
        <v>1736484</v>
      </c>
      <c r="V19" s="104">
        <v>2581478</v>
      </c>
      <c r="W19" s="103">
        <v>8785060</v>
      </c>
      <c r="X19" s="106">
        <v>9183337</v>
      </c>
      <c r="Y19" s="100">
        <v>0</v>
      </c>
      <c r="Z19" s="104">
        <v>0</v>
      </c>
      <c r="AA19" s="103">
        <v>0</v>
      </c>
      <c r="AB19" s="100">
        <v>0</v>
      </c>
      <c r="AC19" s="104">
        <v>560313</v>
      </c>
      <c r="AD19" s="104">
        <v>800051</v>
      </c>
      <c r="AE19" s="104">
        <v>948943</v>
      </c>
      <c r="AF19" s="104">
        <v>802172</v>
      </c>
      <c r="AG19" s="104">
        <v>1622049</v>
      </c>
      <c r="AH19" s="103">
        <v>4733528</v>
      </c>
      <c r="AI19" s="106">
        <v>4733528</v>
      </c>
      <c r="AJ19" s="100">
        <v>0</v>
      </c>
      <c r="AK19" s="104">
        <v>0</v>
      </c>
      <c r="AL19" s="103">
        <v>0</v>
      </c>
      <c r="AM19" s="100">
        <v>0</v>
      </c>
      <c r="AN19" s="104">
        <v>0</v>
      </c>
      <c r="AO19" s="104">
        <v>0</v>
      </c>
      <c r="AP19" s="104">
        <v>0</v>
      </c>
      <c r="AQ19" s="104">
        <v>144811</v>
      </c>
      <c r="AR19" s="104">
        <v>40876</v>
      </c>
      <c r="AS19" s="103">
        <v>185687</v>
      </c>
      <c r="AT19" s="106">
        <v>185687</v>
      </c>
      <c r="AU19" s="100">
        <v>12929</v>
      </c>
      <c r="AV19" s="104">
        <v>265179</v>
      </c>
      <c r="AW19" s="103">
        <v>278108</v>
      </c>
      <c r="AX19" s="100">
        <v>0</v>
      </c>
      <c r="AY19" s="104">
        <v>507060</v>
      </c>
      <c r="AZ19" s="104">
        <v>387077</v>
      </c>
      <c r="BA19" s="104">
        <v>381928</v>
      </c>
      <c r="BB19" s="104">
        <v>438265</v>
      </c>
      <c r="BC19" s="104">
        <v>586722</v>
      </c>
      <c r="BD19" s="103">
        <v>2301052</v>
      </c>
      <c r="BE19" s="106">
        <v>2579160</v>
      </c>
      <c r="BF19" s="100">
        <v>0</v>
      </c>
      <c r="BG19" s="104">
        <v>0</v>
      </c>
      <c r="BH19" s="102">
        <v>0</v>
      </c>
      <c r="BI19" s="101">
        <v>0</v>
      </c>
      <c r="BJ19" s="104">
        <v>19191</v>
      </c>
      <c r="BK19" s="104">
        <v>56072</v>
      </c>
      <c r="BL19" s="104">
        <v>0</v>
      </c>
      <c r="BM19" s="104">
        <v>62409</v>
      </c>
      <c r="BN19" s="104">
        <v>82029</v>
      </c>
      <c r="BO19" s="103">
        <v>219701</v>
      </c>
      <c r="BP19" s="106">
        <v>219701</v>
      </c>
      <c r="BQ19" s="100">
        <v>76146</v>
      </c>
      <c r="BR19" s="104">
        <v>44023</v>
      </c>
      <c r="BS19" s="103">
        <v>120169</v>
      </c>
      <c r="BT19" s="100">
        <v>0</v>
      </c>
      <c r="BU19" s="104">
        <v>265125</v>
      </c>
      <c r="BV19" s="104">
        <v>318752</v>
      </c>
      <c r="BW19" s="104">
        <v>222586</v>
      </c>
      <c r="BX19" s="104">
        <v>288827</v>
      </c>
      <c r="BY19" s="104">
        <v>249802</v>
      </c>
      <c r="BZ19" s="103">
        <v>1345092</v>
      </c>
      <c r="CA19" s="106">
        <v>1465261</v>
      </c>
      <c r="CB19" s="100">
        <v>0</v>
      </c>
      <c r="CC19" s="104">
        <v>0</v>
      </c>
      <c r="CD19" s="103">
        <v>0</v>
      </c>
      <c r="CE19" s="100">
        <v>0</v>
      </c>
      <c r="CF19" s="104">
        <v>630800</v>
      </c>
      <c r="CG19" s="104">
        <v>1121672</v>
      </c>
      <c r="CH19" s="104">
        <v>780408</v>
      </c>
      <c r="CI19" s="104">
        <v>240969</v>
      </c>
      <c r="CJ19" s="104">
        <v>222996</v>
      </c>
      <c r="CK19" s="103">
        <v>2996845</v>
      </c>
      <c r="CL19" s="106">
        <v>2996845</v>
      </c>
      <c r="CM19" s="100">
        <v>0</v>
      </c>
      <c r="CN19" s="104">
        <v>0</v>
      </c>
      <c r="CO19" s="103">
        <v>0</v>
      </c>
      <c r="CP19" s="101">
        <v>0</v>
      </c>
      <c r="CQ19" s="104">
        <v>564347</v>
      </c>
      <c r="CR19" s="104">
        <v>1080452</v>
      </c>
      <c r="CS19" s="104">
        <v>648748</v>
      </c>
      <c r="CT19" s="104">
        <v>51576</v>
      </c>
      <c r="CU19" s="104">
        <v>22481</v>
      </c>
      <c r="CV19" s="103">
        <v>2367604</v>
      </c>
      <c r="CW19" s="106">
        <v>2367604</v>
      </c>
      <c r="CX19" s="100">
        <v>0</v>
      </c>
      <c r="CY19" s="104">
        <v>0</v>
      </c>
      <c r="CZ19" s="103">
        <v>0</v>
      </c>
      <c r="DA19" s="100">
        <v>0</v>
      </c>
      <c r="DB19" s="104">
        <v>66453</v>
      </c>
      <c r="DC19" s="104">
        <v>41220</v>
      </c>
      <c r="DD19" s="104">
        <v>131660</v>
      </c>
      <c r="DE19" s="104">
        <v>189393</v>
      </c>
      <c r="DF19" s="104">
        <v>200515</v>
      </c>
      <c r="DG19" s="103">
        <v>629241</v>
      </c>
      <c r="DH19" s="106">
        <v>629241</v>
      </c>
      <c r="DI19" s="100">
        <v>0</v>
      </c>
      <c r="DJ19" s="104">
        <v>0</v>
      </c>
      <c r="DK19" s="102">
        <v>0</v>
      </c>
      <c r="DL19" s="101">
        <v>0</v>
      </c>
      <c r="DM19" s="104">
        <v>0</v>
      </c>
      <c r="DN19" s="104">
        <v>265427</v>
      </c>
      <c r="DO19" s="104">
        <v>250609</v>
      </c>
      <c r="DP19" s="104">
        <v>688112</v>
      </c>
      <c r="DQ19" s="104">
        <v>0</v>
      </c>
      <c r="DR19" s="103">
        <v>1204148</v>
      </c>
      <c r="DS19" s="106">
        <v>1204148</v>
      </c>
      <c r="DT19" s="100">
        <v>0</v>
      </c>
      <c r="DU19" s="104">
        <v>0</v>
      </c>
      <c r="DV19" s="103">
        <v>0</v>
      </c>
      <c r="DW19" s="100">
        <v>0</v>
      </c>
      <c r="DX19" s="104">
        <v>0</v>
      </c>
      <c r="DY19" s="104">
        <v>265427</v>
      </c>
      <c r="DZ19" s="104">
        <v>250609</v>
      </c>
      <c r="EA19" s="104">
        <v>688112</v>
      </c>
      <c r="EB19" s="104">
        <v>0</v>
      </c>
      <c r="EC19" s="103">
        <v>1204148</v>
      </c>
      <c r="ED19" s="106">
        <v>1204148</v>
      </c>
      <c r="EE19" s="100">
        <v>0</v>
      </c>
      <c r="EF19" s="102">
        <v>0</v>
      </c>
      <c r="EG19" s="103">
        <v>0</v>
      </c>
      <c r="EH19" s="100">
        <v>0</v>
      </c>
      <c r="EI19" s="104">
        <v>0</v>
      </c>
      <c r="EJ19" s="104">
        <v>0</v>
      </c>
      <c r="EK19" s="104">
        <v>0</v>
      </c>
      <c r="EL19" s="104">
        <v>0</v>
      </c>
      <c r="EM19" s="104">
        <v>0</v>
      </c>
      <c r="EN19" s="102">
        <v>0</v>
      </c>
      <c r="EO19" s="106">
        <v>0</v>
      </c>
      <c r="EP19" s="100">
        <v>0</v>
      </c>
      <c r="EQ19" s="104">
        <v>0</v>
      </c>
      <c r="ER19" s="102">
        <v>0</v>
      </c>
      <c r="ES19" s="101">
        <v>0</v>
      </c>
      <c r="ET19" s="104">
        <v>0</v>
      </c>
      <c r="EU19" s="104">
        <v>0</v>
      </c>
      <c r="EV19" s="104">
        <v>0</v>
      </c>
      <c r="EW19" s="104">
        <v>0</v>
      </c>
      <c r="EX19" s="104">
        <v>0</v>
      </c>
      <c r="EY19" s="103">
        <v>0</v>
      </c>
      <c r="EZ19" s="106">
        <v>0</v>
      </c>
      <c r="FA19" s="100">
        <v>0</v>
      </c>
      <c r="FB19" s="104">
        <v>0</v>
      </c>
      <c r="FC19" s="102">
        <v>0</v>
      </c>
      <c r="FD19" s="324"/>
      <c r="FE19" s="104">
        <v>0</v>
      </c>
      <c r="FF19" s="104">
        <v>0</v>
      </c>
      <c r="FG19" s="104">
        <v>0</v>
      </c>
      <c r="FH19" s="104">
        <v>0</v>
      </c>
      <c r="FI19" s="104">
        <v>0</v>
      </c>
      <c r="FJ19" s="103">
        <v>0</v>
      </c>
      <c r="FK19" s="106">
        <v>0</v>
      </c>
      <c r="FL19" s="100">
        <v>146300</v>
      </c>
      <c r="FM19" s="104">
        <v>238507</v>
      </c>
      <c r="FN19" s="103">
        <v>384807</v>
      </c>
      <c r="FO19" s="100">
        <v>0</v>
      </c>
      <c r="FP19" s="104">
        <v>260561</v>
      </c>
      <c r="FQ19" s="104">
        <v>374801</v>
      </c>
      <c r="FR19" s="104">
        <v>333081</v>
      </c>
      <c r="FS19" s="104">
        <v>330396</v>
      </c>
      <c r="FT19" s="104">
        <v>212457</v>
      </c>
      <c r="FU19" s="103">
        <v>1511296</v>
      </c>
      <c r="FV19" s="106">
        <v>1896103</v>
      </c>
      <c r="FW19" s="105">
        <v>6300</v>
      </c>
      <c r="FX19" s="104">
        <v>226380</v>
      </c>
      <c r="FY19" s="102">
        <v>232680</v>
      </c>
      <c r="FZ19" s="101">
        <v>0</v>
      </c>
      <c r="GA19" s="104">
        <v>154280</v>
      </c>
      <c r="GB19" s="104">
        <v>311801</v>
      </c>
      <c r="GC19" s="104">
        <v>311521</v>
      </c>
      <c r="GD19" s="104">
        <v>294357</v>
      </c>
      <c r="GE19" s="104">
        <v>212457</v>
      </c>
      <c r="GF19" s="103">
        <v>1284416</v>
      </c>
      <c r="GG19" s="296">
        <v>1517096</v>
      </c>
      <c r="GH19" s="105">
        <v>0</v>
      </c>
      <c r="GI19" s="104">
        <v>12127</v>
      </c>
      <c r="GJ19" s="102">
        <v>12127</v>
      </c>
      <c r="GK19" s="101">
        <v>0</v>
      </c>
      <c r="GL19" s="104">
        <v>32067</v>
      </c>
      <c r="GM19" s="104">
        <v>35420</v>
      </c>
      <c r="GN19" s="104">
        <v>21560</v>
      </c>
      <c r="GO19" s="104">
        <v>8050</v>
      </c>
      <c r="GP19" s="104">
        <v>0</v>
      </c>
      <c r="GQ19" s="103">
        <v>97097</v>
      </c>
      <c r="GR19" s="106">
        <v>109224</v>
      </c>
      <c r="GS19" s="100">
        <v>140000</v>
      </c>
      <c r="GT19" s="104">
        <v>0</v>
      </c>
      <c r="GU19" s="103">
        <v>140000</v>
      </c>
      <c r="GV19" s="100">
        <v>0</v>
      </c>
      <c r="GW19" s="104">
        <v>74214</v>
      </c>
      <c r="GX19" s="104">
        <v>27580</v>
      </c>
      <c r="GY19" s="104">
        <v>0</v>
      </c>
      <c r="GZ19" s="104">
        <v>27989</v>
      </c>
      <c r="HA19" s="104">
        <v>0</v>
      </c>
      <c r="HB19" s="102">
        <v>129783</v>
      </c>
      <c r="HC19" s="106">
        <v>269783</v>
      </c>
      <c r="HD19" s="100">
        <v>191305</v>
      </c>
      <c r="HE19" s="104">
        <v>256411</v>
      </c>
      <c r="HF19" s="102">
        <v>447716</v>
      </c>
      <c r="HG19" s="101">
        <v>0</v>
      </c>
      <c r="HH19" s="104">
        <v>1578952</v>
      </c>
      <c r="HI19" s="104">
        <v>1338874</v>
      </c>
      <c r="HJ19" s="104">
        <v>1190980</v>
      </c>
      <c r="HK19" s="104">
        <v>1895470</v>
      </c>
      <c r="HL19" s="104">
        <v>1416767</v>
      </c>
      <c r="HM19" s="103">
        <v>7421043</v>
      </c>
      <c r="HN19" s="99">
        <v>7868759</v>
      </c>
      <c r="HO19" s="306"/>
      <c r="HP19" s="307"/>
      <c r="HQ19" s="308"/>
      <c r="HR19" s="309"/>
      <c r="HS19" s="307"/>
      <c r="HT19" s="307"/>
      <c r="HU19" s="307"/>
      <c r="HV19" s="307"/>
      <c r="HW19" s="307"/>
      <c r="HX19" s="310"/>
      <c r="HY19" s="311"/>
      <c r="HZ19" s="118">
        <v>0</v>
      </c>
      <c r="IA19" s="119">
        <v>0</v>
      </c>
      <c r="IB19" s="120">
        <v>0</v>
      </c>
      <c r="IC19" s="133">
        <v>0</v>
      </c>
      <c r="ID19" s="119">
        <v>532543</v>
      </c>
      <c r="IE19" s="134">
        <v>602185</v>
      </c>
      <c r="IF19" s="120">
        <v>675213</v>
      </c>
      <c r="IG19" s="119">
        <v>453693</v>
      </c>
      <c r="IH19" s="120">
        <v>138233</v>
      </c>
      <c r="II19" s="135">
        <v>2401867</v>
      </c>
      <c r="IJ19" s="126">
        <v>2401867</v>
      </c>
      <c r="IK19" s="219">
        <v>0</v>
      </c>
      <c r="IL19" s="223">
        <v>0</v>
      </c>
      <c r="IM19" s="224">
        <v>0</v>
      </c>
      <c r="IN19" s="127"/>
      <c r="IO19" s="109">
        <v>0</v>
      </c>
      <c r="IP19" s="109">
        <v>0</v>
      </c>
      <c r="IQ19" s="109">
        <v>0</v>
      </c>
      <c r="IR19" s="109">
        <v>0</v>
      </c>
      <c r="IS19" s="109">
        <v>0</v>
      </c>
      <c r="IT19" s="128">
        <v>0</v>
      </c>
      <c r="IU19" s="298">
        <v>0</v>
      </c>
      <c r="IV19" s="129">
        <v>0</v>
      </c>
      <c r="IW19" s="109">
        <v>0</v>
      </c>
      <c r="IX19" s="110">
        <v>0</v>
      </c>
      <c r="IY19" s="131"/>
      <c r="IZ19" s="109">
        <v>0</v>
      </c>
      <c r="JA19" s="109">
        <v>0</v>
      </c>
      <c r="JB19" s="109">
        <v>0</v>
      </c>
      <c r="JC19" s="109">
        <v>0</v>
      </c>
      <c r="JD19" s="109">
        <v>0</v>
      </c>
      <c r="JE19" s="110">
        <v>0</v>
      </c>
      <c r="JF19" s="111">
        <v>0</v>
      </c>
      <c r="JG19" s="129">
        <v>0</v>
      </c>
      <c r="JH19" s="109">
        <v>0</v>
      </c>
      <c r="JI19" s="128">
        <v>0</v>
      </c>
      <c r="JJ19" s="108">
        <v>0</v>
      </c>
      <c r="JK19" s="109">
        <v>266714</v>
      </c>
      <c r="JL19" s="109">
        <v>602185</v>
      </c>
      <c r="JM19" s="109">
        <v>466077</v>
      </c>
      <c r="JN19" s="109">
        <v>262803</v>
      </c>
      <c r="JO19" s="109">
        <v>138233</v>
      </c>
      <c r="JP19" s="110">
        <v>1736012</v>
      </c>
      <c r="JQ19" s="298">
        <v>1736012</v>
      </c>
      <c r="JR19" s="129">
        <v>0</v>
      </c>
      <c r="JS19" s="109">
        <v>0</v>
      </c>
      <c r="JT19" s="128">
        <v>0</v>
      </c>
      <c r="JU19" s="108">
        <v>0</v>
      </c>
      <c r="JV19" s="109">
        <v>45368</v>
      </c>
      <c r="JW19" s="109">
        <v>0</v>
      </c>
      <c r="JX19" s="109">
        <v>0</v>
      </c>
      <c r="JY19" s="109">
        <v>0</v>
      </c>
      <c r="JZ19" s="109">
        <v>0</v>
      </c>
      <c r="KA19" s="110">
        <v>45368</v>
      </c>
      <c r="KB19" s="298">
        <v>45368</v>
      </c>
      <c r="KC19" s="221">
        <v>0</v>
      </c>
      <c r="KD19" s="217">
        <v>0</v>
      </c>
      <c r="KE19" s="110">
        <v>0</v>
      </c>
      <c r="KF19" s="108">
        <v>0</v>
      </c>
      <c r="KG19" s="109">
        <v>0</v>
      </c>
      <c r="KH19" s="109">
        <v>0</v>
      </c>
      <c r="KI19" s="109">
        <v>209136</v>
      </c>
      <c r="KJ19" s="109">
        <v>0</v>
      </c>
      <c r="KK19" s="109">
        <v>0</v>
      </c>
      <c r="KL19" s="110">
        <v>209136</v>
      </c>
      <c r="KM19" s="130">
        <v>209136</v>
      </c>
      <c r="KN19" s="219">
        <v>0</v>
      </c>
      <c r="KO19" s="223">
        <v>0</v>
      </c>
      <c r="KP19" s="224">
        <v>0</v>
      </c>
      <c r="KQ19" s="127"/>
      <c r="KR19" s="109">
        <v>220461</v>
      </c>
      <c r="KS19" s="109">
        <v>0</v>
      </c>
      <c r="KT19" s="109">
        <v>0</v>
      </c>
      <c r="KU19" s="109">
        <v>0</v>
      </c>
      <c r="KV19" s="109">
        <v>0</v>
      </c>
      <c r="KW19" s="110">
        <v>220461</v>
      </c>
      <c r="KX19" s="298">
        <v>220461</v>
      </c>
      <c r="KY19" s="129">
        <v>0</v>
      </c>
      <c r="KZ19" s="109">
        <v>0</v>
      </c>
      <c r="LA19" s="110">
        <v>0</v>
      </c>
      <c r="LB19" s="132"/>
      <c r="LC19" s="109">
        <v>0</v>
      </c>
      <c r="LD19" s="109">
        <v>0</v>
      </c>
      <c r="LE19" s="109">
        <v>0</v>
      </c>
      <c r="LF19" s="109">
        <v>190890</v>
      </c>
      <c r="LG19" s="109">
        <v>0</v>
      </c>
      <c r="LH19" s="110">
        <v>190890</v>
      </c>
      <c r="LI19" s="111">
        <v>190890</v>
      </c>
      <c r="LJ19" s="129">
        <v>0</v>
      </c>
      <c r="LK19" s="109">
        <v>0</v>
      </c>
      <c r="LL19" s="110">
        <v>0</v>
      </c>
      <c r="LM19" s="132"/>
      <c r="LN19" s="109">
        <v>0</v>
      </c>
      <c r="LO19" s="109">
        <v>0</v>
      </c>
      <c r="LP19" s="109">
        <v>0</v>
      </c>
      <c r="LQ19" s="109">
        <v>0</v>
      </c>
      <c r="LR19" s="109">
        <v>0</v>
      </c>
      <c r="LS19" s="110">
        <v>0</v>
      </c>
      <c r="LT19" s="298">
        <v>0</v>
      </c>
      <c r="LU19" s="129">
        <v>0</v>
      </c>
      <c r="LV19" s="109">
        <v>0</v>
      </c>
      <c r="LW19" s="110">
        <v>0</v>
      </c>
      <c r="LX19" s="132"/>
      <c r="LY19" s="109">
        <v>0</v>
      </c>
      <c r="LZ19" s="109">
        <v>0</v>
      </c>
      <c r="MA19" s="109">
        <v>0</v>
      </c>
      <c r="MB19" s="109">
        <v>0</v>
      </c>
      <c r="MC19" s="109">
        <v>0</v>
      </c>
      <c r="MD19" s="110">
        <v>0</v>
      </c>
      <c r="ME19" s="111">
        <v>0</v>
      </c>
      <c r="MF19" s="129">
        <v>0</v>
      </c>
      <c r="MG19" s="109">
        <v>0</v>
      </c>
      <c r="MH19" s="110">
        <v>0</v>
      </c>
      <c r="MI19" s="132"/>
      <c r="MJ19" s="109">
        <v>0</v>
      </c>
      <c r="MK19" s="109">
        <v>782561</v>
      </c>
      <c r="ML19" s="109">
        <v>258952</v>
      </c>
      <c r="MM19" s="109">
        <v>1458027</v>
      </c>
      <c r="MN19" s="109">
        <v>1871369</v>
      </c>
      <c r="MO19" s="110">
        <v>4370909</v>
      </c>
      <c r="MP19" s="130">
        <v>4370909</v>
      </c>
      <c r="MQ19" s="129">
        <v>0</v>
      </c>
      <c r="MR19" s="109">
        <v>0</v>
      </c>
      <c r="MS19" s="110">
        <v>0</v>
      </c>
      <c r="MT19" s="132"/>
      <c r="MU19" s="109">
        <v>0</v>
      </c>
      <c r="MV19" s="109">
        <v>0</v>
      </c>
      <c r="MW19" s="109">
        <v>0</v>
      </c>
      <c r="MX19" s="109">
        <v>1177446</v>
      </c>
      <c r="MY19" s="109">
        <v>1284278</v>
      </c>
      <c r="MZ19" s="110">
        <v>2461724</v>
      </c>
      <c r="NA19" s="130">
        <v>2461724</v>
      </c>
      <c r="NB19" s="129">
        <v>0</v>
      </c>
      <c r="NC19" s="109">
        <v>0</v>
      </c>
      <c r="ND19" s="110">
        <v>0</v>
      </c>
      <c r="NE19" s="132"/>
      <c r="NF19" s="109">
        <v>0</v>
      </c>
      <c r="NG19" s="109">
        <v>782561</v>
      </c>
      <c r="NH19" s="109">
        <v>258952</v>
      </c>
      <c r="NI19" s="109">
        <v>280581</v>
      </c>
      <c r="NJ19" s="109">
        <v>587091</v>
      </c>
      <c r="NK19" s="110">
        <v>1909185</v>
      </c>
      <c r="NL19" s="298">
        <v>1909185</v>
      </c>
      <c r="NM19" s="129">
        <v>0</v>
      </c>
      <c r="NN19" s="109">
        <v>0</v>
      </c>
      <c r="NO19" s="110">
        <v>0</v>
      </c>
      <c r="NP19" s="132"/>
      <c r="NQ19" s="109">
        <v>0</v>
      </c>
      <c r="NR19" s="109">
        <v>0</v>
      </c>
      <c r="NS19" s="109">
        <v>0</v>
      </c>
      <c r="NT19" s="109">
        <v>0</v>
      </c>
      <c r="NU19" s="109">
        <v>0</v>
      </c>
      <c r="NV19" s="110">
        <v>0</v>
      </c>
      <c r="NW19" s="111">
        <v>0</v>
      </c>
      <c r="NX19" s="129">
        <v>0</v>
      </c>
      <c r="NY19" s="109">
        <v>0</v>
      </c>
      <c r="NZ19" s="110">
        <v>0</v>
      </c>
      <c r="OA19" s="132"/>
      <c r="OB19" s="109">
        <v>0</v>
      </c>
      <c r="OC19" s="109">
        <v>0</v>
      </c>
      <c r="OD19" s="109">
        <v>0</v>
      </c>
      <c r="OE19" s="109">
        <v>0</v>
      </c>
      <c r="OF19" s="109">
        <v>0</v>
      </c>
      <c r="OG19" s="110">
        <v>0</v>
      </c>
      <c r="OH19" s="111">
        <v>0</v>
      </c>
      <c r="OI19" s="129">
        <v>426680</v>
      </c>
      <c r="OJ19" s="109">
        <v>804120</v>
      </c>
      <c r="OK19" s="128">
        <v>1230800</v>
      </c>
      <c r="OL19" s="108">
        <v>0</v>
      </c>
      <c r="OM19" s="109">
        <v>4354545</v>
      </c>
      <c r="ON19" s="109">
        <v>6047472</v>
      </c>
      <c r="OO19" s="109">
        <v>5042700</v>
      </c>
      <c r="OP19" s="109">
        <v>6803151</v>
      </c>
      <c r="OQ19" s="109">
        <v>6443300</v>
      </c>
      <c r="OR19" s="110">
        <v>28691168</v>
      </c>
      <c r="OS19" s="130">
        <v>29921968</v>
      </c>
    </row>
    <row r="20" spans="2:409" ht="21" customHeight="1" x14ac:dyDescent="0.2">
      <c r="B20" s="472" t="s">
        <v>15</v>
      </c>
      <c r="C20" s="100">
        <v>53997</v>
      </c>
      <c r="D20" s="104">
        <v>127823</v>
      </c>
      <c r="E20" s="103">
        <v>181820</v>
      </c>
      <c r="F20" s="99">
        <v>0</v>
      </c>
      <c r="G20" s="104">
        <v>771708</v>
      </c>
      <c r="H20" s="104">
        <v>1476912</v>
      </c>
      <c r="I20" s="104">
        <v>1045536</v>
      </c>
      <c r="J20" s="104">
        <v>1310796</v>
      </c>
      <c r="K20" s="104">
        <v>813883</v>
      </c>
      <c r="L20" s="99">
        <v>5418835</v>
      </c>
      <c r="M20" s="106">
        <v>5600655</v>
      </c>
      <c r="N20" s="100">
        <v>0</v>
      </c>
      <c r="O20" s="104">
        <v>18040</v>
      </c>
      <c r="P20" s="103">
        <v>18040</v>
      </c>
      <c r="Q20" s="100">
        <v>0</v>
      </c>
      <c r="R20" s="104">
        <v>117968</v>
      </c>
      <c r="S20" s="104">
        <v>384909</v>
      </c>
      <c r="T20" s="104">
        <v>17530</v>
      </c>
      <c r="U20" s="104">
        <v>531683</v>
      </c>
      <c r="V20" s="104">
        <v>542851</v>
      </c>
      <c r="W20" s="103">
        <v>1594941</v>
      </c>
      <c r="X20" s="106">
        <v>1612981</v>
      </c>
      <c r="Y20" s="100">
        <v>0</v>
      </c>
      <c r="Z20" s="104">
        <v>0</v>
      </c>
      <c r="AA20" s="103">
        <v>0</v>
      </c>
      <c r="AB20" s="100">
        <v>0</v>
      </c>
      <c r="AC20" s="104">
        <v>66043</v>
      </c>
      <c r="AD20" s="104">
        <v>171555</v>
      </c>
      <c r="AE20" s="104">
        <v>3355</v>
      </c>
      <c r="AF20" s="104">
        <v>252748</v>
      </c>
      <c r="AG20" s="104">
        <v>158721</v>
      </c>
      <c r="AH20" s="103">
        <v>652422</v>
      </c>
      <c r="AI20" s="106">
        <v>652422</v>
      </c>
      <c r="AJ20" s="100">
        <v>0</v>
      </c>
      <c r="AK20" s="104">
        <v>0</v>
      </c>
      <c r="AL20" s="103">
        <v>0</v>
      </c>
      <c r="AM20" s="100">
        <v>0</v>
      </c>
      <c r="AN20" s="104">
        <v>0</v>
      </c>
      <c r="AO20" s="104">
        <v>0</v>
      </c>
      <c r="AP20" s="104">
        <v>0</v>
      </c>
      <c r="AQ20" s="104">
        <v>51149</v>
      </c>
      <c r="AR20" s="104">
        <v>132991</v>
      </c>
      <c r="AS20" s="103">
        <v>184140</v>
      </c>
      <c r="AT20" s="106">
        <v>184140</v>
      </c>
      <c r="AU20" s="100">
        <v>0</v>
      </c>
      <c r="AV20" s="104">
        <v>0</v>
      </c>
      <c r="AW20" s="103">
        <v>0</v>
      </c>
      <c r="AX20" s="100">
        <v>0</v>
      </c>
      <c r="AY20" s="104">
        <v>27985</v>
      </c>
      <c r="AZ20" s="104">
        <v>152524</v>
      </c>
      <c r="BA20" s="104">
        <v>0</v>
      </c>
      <c r="BB20" s="104">
        <v>152732</v>
      </c>
      <c r="BC20" s="104">
        <v>177003</v>
      </c>
      <c r="BD20" s="103">
        <v>510244</v>
      </c>
      <c r="BE20" s="106">
        <v>510244</v>
      </c>
      <c r="BF20" s="100">
        <v>0</v>
      </c>
      <c r="BG20" s="104">
        <v>13868</v>
      </c>
      <c r="BH20" s="102">
        <v>13868</v>
      </c>
      <c r="BI20" s="101">
        <v>0</v>
      </c>
      <c r="BJ20" s="104">
        <v>0</v>
      </c>
      <c r="BK20" s="104">
        <v>0</v>
      </c>
      <c r="BL20" s="104">
        <v>0</v>
      </c>
      <c r="BM20" s="104">
        <v>0</v>
      </c>
      <c r="BN20" s="104">
        <v>27159</v>
      </c>
      <c r="BO20" s="103">
        <v>27159</v>
      </c>
      <c r="BP20" s="106">
        <v>41027</v>
      </c>
      <c r="BQ20" s="100">
        <v>0</v>
      </c>
      <c r="BR20" s="104">
        <v>4172</v>
      </c>
      <c r="BS20" s="103">
        <v>4172</v>
      </c>
      <c r="BT20" s="100">
        <v>0</v>
      </c>
      <c r="BU20" s="104">
        <v>23940</v>
      </c>
      <c r="BV20" s="104">
        <v>60830</v>
      </c>
      <c r="BW20" s="104">
        <v>14175</v>
      </c>
      <c r="BX20" s="104">
        <v>75054</v>
      </c>
      <c r="BY20" s="104">
        <v>46977</v>
      </c>
      <c r="BZ20" s="103">
        <v>220976</v>
      </c>
      <c r="CA20" s="106">
        <v>225148</v>
      </c>
      <c r="CB20" s="100">
        <v>0</v>
      </c>
      <c r="CC20" s="104">
        <v>0</v>
      </c>
      <c r="CD20" s="103">
        <v>0</v>
      </c>
      <c r="CE20" s="100">
        <v>0</v>
      </c>
      <c r="CF20" s="104">
        <v>199317</v>
      </c>
      <c r="CG20" s="104">
        <v>291717</v>
      </c>
      <c r="CH20" s="104">
        <v>488428</v>
      </c>
      <c r="CI20" s="104">
        <v>244929</v>
      </c>
      <c r="CJ20" s="104">
        <v>89700</v>
      </c>
      <c r="CK20" s="103">
        <v>1314091</v>
      </c>
      <c r="CL20" s="106">
        <v>1314091</v>
      </c>
      <c r="CM20" s="100">
        <v>0</v>
      </c>
      <c r="CN20" s="104">
        <v>0</v>
      </c>
      <c r="CO20" s="103">
        <v>0</v>
      </c>
      <c r="CP20" s="101">
        <v>0</v>
      </c>
      <c r="CQ20" s="104">
        <v>121484</v>
      </c>
      <c r="CR20" s="104">
        <v>224701</v>
      </c>
      <c r="CS20" s="104">
        <v>219219</v>
      </c>
      <c r="CT20" s="104">
        <v>70099</v>
      </c>
      <c r="CU20" s="104">
        <v>0</v>
      </c>
      <c r="CV20" s="103">
        <v>635503</v>
      </c>
      <c r="CW20" s="106">
        <v>635503</v>
      </c>
      <c r="CX20" s="100">
        <v>0</v>
      </c>
      <c r="CY20" s="104">
        <v>0</v>
      </c>
      <c r="CZ20" s="103">
        <v>0</v>
      </c>
      <c r="DA20" s="100">
        <v>0</v>
      </c>
      <c r="DB20" s="104">
        <v>77833</v>
      </c>
      <c r="DC20" s="104">
        <v>67016</v>
      </c>
      <c r="DD20" s="104">
        <v>269209</v>
      </c>
      <c r="DE20" s="104">
        <v>174830</v>
      </c>
      <c r="DF20" s="104">
        <v>89700</v>
      </c>
      <c r="DG20" s="103">
        <v>678588</v>
      </c>
      <c r="DH20" s="106">
        <v>678588</v>
      </c>
      <c r="DI20" s="100">
        <v>0</v>
      </c>
      <c r="DJ20" s="104">
        <v>0</v>
      </c>
      <c r="DK20" s="102">
        <v>0</v>
      </c>
      <c r="DL20" s="101">
        <v>0</v>
      </c>
      <c r="DM20" s="104">
        <v>0</v>
      </c>
      <c r="DN20" s="104">
        <v>210069</v>
      </c>
      <c r="DO20" s="104">
        <v>354321</v>
      </c>
      <c r="DP20" s="104">
        <v>26052</v>
      </c>
      <c r="DQ20" s="104">
        <v>108980</v>
      </c>
      <c r="DR20" s="103">
        <v>699422</v>
      </c>
      <c r="DS20" s="106">
        <v>699422</v>
      </c>
      <c r="DT20" s="100">
        <v>0</v>
      </c>
      <c r="DU20" s="104">
        <v>0</v>
      </c>
      <c r="DV20" s="103">
        <v>0</v>
      </c>
      <c r="DW20" s="100">
        <v>0</v>
      </c>
      <c r="DX20" s="104">
        <v>0</v>
      </c>
      <c r="DY20" s="104">
        <v>203355</v>
      </c>
      <c r="DZ20" s="104">
        <v>354321</v>
      </c>
      <c r="EA20" s="104">
        <v>26052</v>
      </c>
      <c r="EB20" s="104">
        <v>108980</v>
      </c>
      <c r="EC20" s="103">
        <v>692708</v>
      </c>
      <c r="ED20" s="106">
        <v>692708</v>
      </c>
      <c r="EE20" s="100">
        <v>0</v>
      </c>
      <c r="EF20" s="102">
        <v>0</v>
      </c>
      <c r="EG20" s="103">
        <v>0</v>
      </c>
      <c r="EH20" s="100">
        <v>0</v>
      </c>
      <c r="EI20" s="104">
        <v>0</v>
      </c>
      <c r="EJ20" s="104">
        <v>6714</v>
      </c>
      <c r="EK20" s="104">
        <v>0</v>
      </c>
      <c r="EL20" s="104">
        <v>0</v>
      </c>
      <c r="EM20" s="104">
        <v>0</v>
      </c>
      <c r="EN20" s="102">
        <v>6714</v>
      </c>
      <c r="EO20" s="106">
        <v>6714</v>
      </c>
      <c r="EP20" s="100">
        <v>0</v>
      </c>
      <c r="EQ20" s="104">
        <v>0</v>
      </c>
      <c r="ER20" s="102">
        <v>0</v>
      </c>
      <c r="ES20" s="101">
        <v>0</v>
      </c>
      <c r="ET20" s="104">
        <v>0</v>
      </c>
      <c r="EU20" s="104">
        <v>0</v>
      </c>
      <c r="EV20" s="104">
        <v>0</v>
      </c>
      <c r="EW20" s="104">
        <v>0</v>
      </c>
      <c r="EX20" s="104">
        <v>0</v>
      </c>
      <c r="EY20" s="103">
        <v>0</v>
      </c>
      <c r="EZ20" s="106">
        <v>0</v>
      </c>
      <c r="FA20" s="100">
        <v>0</v>
      </c>
      <c r="FB20" s="104">
        <v>0</v>
      </c>
      <c r="FC20" s="102">
        <v>0</v>
      </c>
      <c r="FD20" s="324"/>
      <c r="FE20" s="104">
        <v>0</v>
      </c>
      <c r="FF20" s="104">
        <v>0</v>
      </c>
      <c r="FG20" s="104">
        <v>0</v>
      </c>
      <c r="FH20" s="104">
        <v>0</v>
      </c>
      <c r="FI20" s="104">
        <v>0</v>
      </c>
      <c r="FJ20" s="103">
        <v>0</v>
      </c>
      <c r="FK20" s="106">
        <v>0</v>
      </c>
      <c r="FL20" s="100">
        <v>2100</v>
      </c>
      <c r="FM20" s="104">
        <v>25830</v>
      </c>
      <c r="FN20" s="103">
        <v>27930</v>
      </c>
      <c r="FO20" s="100">
        <v>0</v>
      </c>
      <c r="FP20" s="104">
        <v>24444</v>
      </c>
      <c r="FQ20" s="104">
        <v>125622</v>
      </c>
      <c r="FR20" s="104">
        <v>69076</v>
      </c>
      <c r="FS20" s="104">
        <v>126973</v>
      </c>
      <c r="FT20" s="104">
        <v>72352</v>
      </c>
      <c r="FU20" s="103">
        <v>418467</v>
      </c>
      <c r="FV20" s="106">
        <v>446397</v>
      </c>
      <c r="FW20" s="105">
        <v>2100</v>
      </c>
      <c r="FX20" s="104">
        <v>25830</v>
      </c>
      <c r="FY20" s="102">
        <v>27930</v>
      </c>
      <c r="FZ20" s="101">
        <v>0</v>
      </c>
      <c r="GA20" s="104">
        <v>24444</v>
      </c>
      <c r="GB20" s="104">
        <v>125622</v>
      </c>
      <c r="GC20" s="104">
        <v>69076</v>
      </c>
      <c r="GD20" s="104">
        <v>126973</v>
      </c>
      <c r="GE20" s="104">
        <v>72352</v>
      </c>
      <c r="GF20" s="103">
        <v>418467</v>
      </c>
      <c r="GG20" s="296">
        <v>446397</v>
      </c>
      <c r="GH20" s="105">
        <v>0</v>
      </c>
      <c r="GI20" s="104">
        <v>0</v>
      </c>
      <c r="GJ20" s="102">
        <v>0</v>
      </c>
      <c r="GK20" s="101">
        <v>0</v>
      </c>
      <c r="GL20" s="104">
        <v>0</v>
      </c>
      <c r="GM20" s="104">
        <v>0</v>
      </c>
      <c r="GN20" s="104">
        <v>0</v>
      </c>
      <c r="GO20" s="104">
        <v>0</v>
      </c>
      <c r="GP20" s="104">
        <v>0</v>
      </c>
      <c r="GQ20" s="103">
        <v>0</v>
      </c>
      <c r="GR20" s="106">
        <v>0</v>
      </c>
      <c r="GS20" s="100">
        <v>0</v>
      </c>
      <c r="GT20" s="104">
        <v>0</v>
      </c>
      <c r="GU20" s="103">
        <v>0</v>
      </c>
      <c r="GV20" s="100">
        <v>0</v>
      </c>
      <c r="GW20" s="104">
        <v>0</v>
      </c>
      <c r="GX20" s="104">
        <v>0</v>
      </c>
      <c r="GY20" s="104">
        <v>0</v>
      </c>
      <c r="GZ20" s="104">
        <v>0</v>
      </c>
      <c r="HA20" s="104">
        <v>0</v>
      </c>
      <c r="HB20" s="102">
        <v>0</v>
      </c>
      <c r="HC20" s="106">
        <v>0</v>
      </c>
      <c r="HD20" s="100">
        <v>51897</v>
      </c>
      <c r="HE20" s="104">
        <v>83953</v>
      </c>
      <c r="HF20" s="102">
        <v>135850</v>
      </c>
      <c r="HG20" s="101">
        <v>0</v>
      </c>
      <c r="HH20" s="104">
        <v>429979</v>
      </c>
      <c r="HI20" s="104">
        <v>464595</v>
      </c>
      <c r="HJ20" s="104">
        <v>116181</v>
      </c>
      <c r="HK20" s="104">
        <v>381159</v>
      </c>
      <c r="HL20" s="104">
        <v>0</v>
      </c>
      <c r="HM20" s="103">
        <v>1391914</v>
      </c>
      <c r="HN20" s="99">
        <v>1527764</v>
      </c>
      <c r="HO20" s="306"/>
      <c r="HP20" s="307"/>
      <c r="HQ20" s="308"/>
      <c r="HR20" s="309"/>
      <c r="HS20" s="307"/>
      <c r="HT20" s="307"/>
      <c r="HU20" s="307"/>
      <c r="HV20" s="307"/>
      <c r="HW20" s="307"/>
      <c r="HX20" s="310"/>
      <c r="HY20" s="311"/>
      <c r="HZ20" s="137">
        <v>0</v>
      </c>
      <c r="IA20" s="122">
        <v>0</v>
      </c>
      <c r="IB20" s="137">
        <v>0</v>
      </c>
      <c r="IC20" s="121">
        <v>0</v>
      </c>
      <c r="ID20" s="122">
        <v>155121</v>
      </c>
      <c r="IE20" s="123">
        <v>313087</v>
      </c>
      <c r="IF20" s="124">
        <v>259293</v>
      </c>
      <c r="IG20" s="122">
        <v>460325</v>
      </c>
      <c r="IH20" s="124">
        <v>146135</v>
      </c>
      <c r="II20" s="125">
        <v>1333961</v>
      </c>
      <c r="IJ20" s="137">
        <v>1333961</v>
      </c>
      <c r="IK20" s="219">
        <v>0</v>
      </c>
      <c r="IL20" s="223">
        <v>0</v>
      </c>
      <c r="IM20" s="224">
        <v>0</v>
      </c>
      <c r="IN20" s="127"/>
      <c r="IO20" s="109">
        <v>0</v>
      </c>
      <c r="IP20" s="109">
        <v>0</v>
      </c>
      <c r="IQ20" s="109">
        <v>165435</v>
      </c>
      <c r="IR20" s="109">
        <v>0</v>
      </c>
      <c r="IS20" s="109">
        <v>0</v>
      </c>
      <c r="IT20" s="128">
        <v>165435</v>
      </c>
      <c r="IU20" s="298">
        <v>165435</v>
      </c>
      <c r="IV20" s="129">
        <v>0</v>
      </c>
      <c r="IW20" s="109">
        <v>0</v>
      </c>
      <c r="IX20" s="110">
        <v>0</v>
      </c>
      <c r="IY20" s="131"/>
      <c r="IZ20" s="109">
        <v>0</v>
      </c>
      <c r="JA20" s="109">
        <v>0</v>
      </c>
      <c r="JB20" s="109">
        <v>0</v>
      </c>
      <c r="JC20" s="109">
        <v>0</v>
      </c>
      <c r="JD20" s="109">
        <v>0</v>
      </c>
      <c r="JE20" s="110">
        <v>0</v>
      </c>
      <c r="JF20" s="111">
        <v>0</v>
      </c>
      <c r="JG20" s="129">
        <v>0</v>
      </c>
      <c r="JH20" s="109">
        <v>0</v>
      </c>
      <c r="JI20" s="128">
        <v>0</v>
      </c>
      <c r="JJ20" s="108">
        <v>0</v>
      </c>
      <c r="JK20" s="109">
        <v>155121</v>
      </c>
      <c r="JL20" s="109">
        <v>313087</v>
      </c>
      <c r="JM20" s="109">
        <v>93858</v>
      </c>
      <c r="JN20" s="109">
        <v>0</v>
      </c>
      <c r="JO20" s="109">
        <v>94382</v>
      </c>
      <c r="JP20" s="110">
        <v>656448</v>
      </c>
      <c r="JQ20" s="298">
        <v>656448</v>
      </c>
      <c r="JR20" s="129">
        <v>0</v>
      </c>
      <c r="JS20" s="109">
        <v>0</v>
      </c>
      <c r="JT20" s="128">
        <v>0</v>
      </c>
      <c r="JU20" s="108">
        <v>0</v>
      </c>
      <c r="JV20" s="109">
        <v>0</v>
      </c>
      <c r="JW20" s="109">
        <v>0</v>
      </c>
      <c r="JX20" s="109">
        <v>0</v>
      </c>
      <c r="JY20" s="109">
        <v>0</v>
      </c>
      <c r="JZ20" s="109">
        <v>0</v>
      </c>
      <c r="KA20" s="110">
        <v>0</v>
      </c>
      <c r="KB20" s="298">
        <v>0</v>
      </c>
      <c r="KC20" s="221">
        <v>0</v>
      </c>
      <c r="KD20" s="217">
        <v>0</v>
      </c>
      <c r="KE20" s="110">
        <v>0</v>
      </c>
      <c r="KF20" s="108">
        <v>0</v>
      </c>
      <c r="KG20" s="109">
        <v>0</v>
      </c>
      <c r="KH20" s="109">
        <v>0</v>
      </c>
      <c r="KI20" s="109">
        <v>0</v>
      </c>
      <c r="KJ20" s="109">
        <v>0</v>
      </c>
      <c r="KK20" s="109">
        <v>0</v>
      </c>
      <c r="KL20" s="110">
        <v>0</v>
      </c>
      <c r="KM20" s="130">
        <v>0</v>
      </c>
      <c r="KN20" s="219">
        <v>0</v>
      </c>
      <c r="KO20" s="223">
        <v>0</v>
      </c>
      <c r="KP20" s="224">
        <v>0</v>
      </c>
      <c r="KQ20" s="127"/>
      <c r="KR20" s="109">
        <v>0</v>
      </c>
      <c r="KS20" s="109">
        <v>0</v>
      </c>
      <c r="KT20" s="109">
        <v>0</v>
      </c>
      <c r="KU20" s="109">
        <v>223879</v>
      </c>
      <c r="KV20" s="109">
        <v>0</v>
      </c>
      <c r="KW20" s="110">
        <v>223879</v>
      </c>
      <c r="KX20" s="298">
        <v>223879</v>
      </c>
      <c r="KY20" s="129">
        <v>0</v>
      </c>
      <c r="KZ20" s="109">
        <v>0</v>
      </c>
      <c r="LA20" s="110">
        <v>0</v>
      </c>
      <c r="LB20" s="132"/>
      <c r="LC20" s="109">
        <v>0</v>
      </c>
      <c r="LD20" s="109">
        <v>0</v>
      </c>
      <c r="LE20" s="109">
        <v>0</v>
      </c>
      <c r="LF20" s="109">
        <v>0</v>
      </c>
      <c r="LG20" s="109">
        <v>0</v>
      </c>
      <c r="LH20" s="110">
        <v>0</v>
      </c>
      <c r="LI20" s="111">
        <v>0</v>
      </c>
      <c r="LJ20" s="129">
        <v>0</v>
      </c>
      <c r="LK20" s="109">
        <v>0</v>
      </c>
      <c r="LL20" s="110">
        <v>0</v>
      </c>
      <c r="LM20" s="132"/>
      <c r="LN20" s="109">
        <v>0</v>
      </c>
      <c r="LO20" s="109">
        <v>0</v>
      </c>
      <c r="LP20" s="109">
        <v>0</v>
      </c>
      <c r="LQ20" s="109">
        <v>236446</v>
      </c>
      <c r="LR20" s="109">
        <v>51753</v>
      </c>
      <c r="LS20" s="110">
        <v>288199</v>
      </c>
      <c r="LT20" s="298">
        <v>288199</v>
      </c>
      <c r="LU20" s="129">
        <v>0</v>
      </c>
      <c r="LV20" s="109">
        <v>0</v>
      </c>
      <c r="LW20" s="110">
        <v>0</v>
      </c>
      <c r="LX20" s="132"/>
      <c r="LY20" s="109">
        <v>0</v>
      </c>
      <c r="LZ20" s="109">
        <v>0</v>
      </c>
      <c r="MA20" s="109">
        <v>0</v>
      </c>
      <c r="MB20" s="109">
        <v>0</v>
      </c>
      <c r="MC20" s="109">
        <v>0</v>
      </c>
      <c r="MD20" s="110">
        <v>0</v>
      </c>
      <c r="ME20" s="111">
        <v>0</v>
      </c>
      <c r="MF20" s="129">
        <v>0</v>
      </c>
      <c r="MG20" s="109">
        <v>0</v>
      </c>
      <c r="MH20" s="110">
        <v>0</v>
      </c>
      <c r="MI20" s="132"/>
      <c r="MJ20" s="109">
        <v>0</v>
      </c>
      <c r="MK20" s="109">
        <v>0</v>
      </c>
      <c r="ML20" s="109">
        <v>482575</v>
      </c>
      <c r="MM20" s="109">
        <v>229228</v>
      </c>
      <c r="MN20" s="109">
        <v>385084</v>
      </c>
      <c r="MO20" s="110">
        <v>1096887</v>
      </c>
      <c r="MP20" s="130">
        <v>1096887</v>
      </c>
      <c r="MQ20" s="129">
        <v>0</v>
      </c>
      <c r="MR20" s="109">
        <v>0</v>
      </c>
      <c r="MS20" s="110">
        <v>0</v>
      </c>
      <c r="MT20" s="132"/>
      <c r="MU20" s="109">
        <v>0</v>
      </c>
      <c r="MV20" s="109">
        <v>0</v>
      </c>
      <c r="MW20" s="109">
        <v>0</v>
      </c>
      <c r="MX20" s="109">
        <v>0</v>
      </c>
      <c r="MY20" s="109">
        <v>385084</v>
      </c>
      <c r="MZ20" s="110">
        <v>385084</v>
      </c>
      <c r="NA20" s="130">
        <v>385084</v>
      </c>
      <c r="NB20" s="129">
        <v>0</v>
      </c>
      <c r="NC20" s="109">
        <v>0</v>
      </c>
      <c r="ND20" s="110">
        <v>0</v>
      </c>
      <c r="NE20" s="132"/>
      <c r="NF20" s="109">
        <v>0</v>
      </c>
      <c r="NG20" s="109">
        <v>0</v>
      </c>
      <c r="NH20" s="109">
        <v>482575</v>
      </c>
      <c r="NI20" s="109">
        <v>229228</v>
      </c>
      <c r="NJ20" s="109">
        <v>0</v>
      </c>
      <c r="NK20" s="110">
        <v>711803</v>
      </c>
      <c r="NL20" s="298">
        <v>711803</v>
      </c>
      <c r="NM20" s="129">
        <v>0</v>
      </c>
      <c r="NN20" s="109">
        <v>0</v>
      </c>
      <c r="NO20" s="110">
        <v>0</v>
      </c>
      <c r="NP20" s="132"/>
      <c r="NQ20" s="109">
        <v>0</v>
      </c>
      <c r="NR20" s="109">
        <v>0</v>
      </c>
      <c r="NS20" s="109">
        <v>0</v>
      </c>
      <c r="NT20" s="109">
        <v>0</v>
      </c>
      <c r="NU20" s="109">
        <v>0</v>
      </c>
      <c r="NV20" s="110">
        <v>0</v>
      </c>
      <c r="NW20" s="111">
        <v>0</v>
      </c>
      <c r="NX20" s="129">
        <v>0</v>
      </c>
      <c r="NY20" s="109">
        <v>0</v>
      </c>
      <c r="NZ20" s="110">
        <v>0</v>
      </c>
      <c r="OA20" s="132"/>
      <c r="OB20" s="109">
        <v>0</v>
      </c>
      <c r="OC20" s="109">
        <v>0</v>
      </c>
      <c r="OD20" s="109">
        <v>0</v>
      </c>
      <c r="OE20" s="109">
        <v>0</v>
      </c>
      <c r="OF20" s="109">
        <v>0</v>
      </c>
      <c r="OG20" s="110">
        <v>0</v>
      </c>
      <c r="OH20" s="111">
        <v>0</v>
      </c>
      <c r="OI20" s="129">
        <v>53997</v>
      </c>
      <c r="OJ20" s="109">
        <v>127823</v>
      </c>
      <c r="OK20" s="128">
        <v>181820</v>
      </c>
      <c r="OL20" s="108">
        <v>0</v>
      </c>
      <c r="OM20" s="109">
        <v>926829</v>
      </c>
      <c r="ON20" s="109">
        <v>1789999</v>
      </c>
      <c r="OO20" s="109">
        <v>1787404</v>
      </c>
      <c r="OP20" s="109">
        <v>2000349</v>
      </c>
      <c r="OQ20" s="109">
        <v>1345102</v>
      </c>
      <c r="OR20" s="110">
        <v>7849683</v>
      </c>
      <c r="OS20" s="130">
        <v>8031503</v>
      </c>
    </row>
    <row r="21" spans="2:409" ht="21" customHeight="1" x14ac:dyDescent="0.2">
      <c r="B21" s="472" t="s">
        <v>16</v>
      </c>
      <c r="C21" s="100">
        <v>410562</v>
      </c>
      <c r="D21" s="104">
        <v>330698</v>
      </c>
      <c r="E21" s="103">
        <v>741260</v>
      </c>
      <c r="F21" s="99">
        <v>0</v>
      </c>
      <c r="G21" s="104">
        <v>3038191</v>
      </c>
      <c r="H21" s="104">
        <v>5266275</v>
      </c>
      <c r="I21" s="104">
        <v>4847999</v>
      </c>
      <c r="J21" s="104">
        <v>3797854</v>
      </c>
      <c r="K21" s="104">
        <v>2853038</v>
      </c>
      <c r="L21" s="99">
        <v>19803357</v>
      </c>
      <c r="M21" s="106">
        <v>20544617</v>
      </c>
      <c r="N21" s="100">
        <v>49756</v>
      </c>
      <c r="O21" s="104">
        <v>39967</v>
      </c>
      <c r="P21" s="103">
        <v>89723</v>
      </c>
      <c r="Q21" s="100">
        <v>0</v>
      </c>
      <c r="R21" s="104">
        <v>504778</v>
      </c>
      <c r="S21" s="104">
        <v>1503683</v>
      </c>
      <c r="T21" s="104">
        <v>1064267</v>
      </c>
      <c r="U21" s="104">
        <v>905370</v>
      </c>
      <c r="V21" s="104">
        <v>681723</v>
      </c>
      <c r="W21" s="103">
        <v>4659821</v>
      </c>
      <c r="X21" s="106">
        <v>4749544</v>
      </c>
      <c r="Y21" s="100">
        <v>0</v>
      </c>
      <c r="Z21" s="104">
        <v>0</v>
      </c>
      <c r="AA21" s="103">
        <v>0</v>
      </c>
      <c r="AB21" s="100">
        <v>0</v>
      </c>
      <c r="AC21" s="104">
        <v>193742</v>
      </c>
      <c r="AD21" s="104">
        <v>863294</v>
      </c>
      <c r="AE21" s="104">
        <v>339145</v>
      </c>
      <c r="AF21" s="104">
        <v>446406</v>
      </c>
      <c r="AG21" s="104">
        <v>55718</v>
      </c>
      <c r="AH21" s="103">
        <v>1898305</v>
      </c>
      <c r="AI21" s="106">
        <v>1898305</v>
      </c>
      <c r="AJ21" s="100">
        <v>0</v>
      </c>
      <c r="AK21" s="104">
        <v>0</v>
      </c>
      <c r="AL21" s="103">
        <v>0</v>
      </c>
      <c r="AM21" s="100">
        <v>0</v>
      </c>
      <c r="AN21" s="104">
        <v>0</v>
      </c>
      <c r="AO21" s="104">
        <v>0</v>
      </c>
      <c r="AP21" s="104">
        <v>11545</v>
      </c>
      <c r="AQ21" s="104">
        <v>39846</v>
      </c>
      <c r="AR21" s="104">
        <v>194750</v>
      </c>
      <c r="AS21" s="103">
        <v>246141</v>
      </c>
      <c r="AT21" s="106">
        <v>246141</v>
      </c>
      <c r="AU21" s="100">
        <v>18284</v>
      </c>
      <c r="AV21" s="104">
        <v>21655</v>
      </c>
      <c r="AW21" s="103">
        <v>39939</v>
      </c>
      <c r="AX21" s="100">
        <v>0</v>
      </c>
      <c r="AY21" s="104">
        <v>213071</v>
      </c>
      <c r="AZ21" s="104">
        <v>419490</v>
      </c>
      <c r="BA21" s="104">
        <v>389679</v>
      </c>
      <c r="BB21" s="104">
        <v>224861</v>
      </c>
      <c r="BC21" s="104">
        <v>247459</v>
      </c>
      <c r="BD21" s="103">
        <v>1494560</v>
      </c>
      <c r="BE21" s="106">
        <v>1534499</v>
      </c>
      <c r="BF21" s="100">
        <v>0</v>
      </c>
      <c r="BG21" s="104">
        <v>0</v>
      </c>
      <c r="BH21" s="102">
        <v>0</v>
      </c>
      <c r="BI21" s="101">
        <v>0</v>
      </c>
      <c r="BJ21" s="104">
        <v>0</v>
      </c>
      <c r="BK21" s="104">
        <v>67998</v>
      </c>
      <c r="BL21" s="104">
        <v>82706</v>
      </c>
      <c r="BM21" s="104">
        <v>0</v>
      </c>
      <c r="BN21" s="104">
        <v>34563</v>
      </c>
      <c r="BO21" s="103">
        <v>185267</v>
      </c>
      <c r="BP21" s="106">
        <v>185267</v>
      </c>
      <c r="BQ21" s="100">
        <v>31472</v>
      </c>
      <c r="BR21" s="104">
        <v>18312</v>
      </c>
      <c r="BS21" s="103">
        <v>49784</v>
      </c>
      <c r="BT21" s="100">
        <v>0</v>
      </c>
      <c r="BU21" s="104">
        <v>97965</v>
      </c>
      <c r="BV21" s="104">
        <v>152901</v>
      </c>
      <c r="BW21" s="104">
        <v>241192</v>
      </c>
      <c r="BX21" s="104">
        <v>194257</v>
      </c>
      <c r="BY21" s="104">
        <v>149233</v>
      </c>
      <c r="BZ21" s="103">
        <v>835548</v>
      </c>
      <c r="CA21" s="106">
        <v>885332</v>
      </c>
      <c r="CB21" s="100">
        <v>18424</v>
      </c>
      <c r="CC21" s="104">
        <v>137118</v>
      </c>
      <c r="CD21" s="103">
        <v>155542</v>
      </c>
      <c r="CE21" s="100">
        <v>0</v>
      </c>
      <c r="CF21" s="104">
        <v>1316551</v>
      </c>
      <c r="CG21" s="104">
        <v>2175733</v>
      </c>
      <c r="CH21" s="104">
        <v>978116</v>
      </c>
      <c r="CI21" s="104">
        <v>506204</v>
      </c>
      <c r="CJ21" s="104">
        <v>218576</v>
      </c>
      <c r="CK21" s="103">
        <v>5195180</v>
      </c>
      <c r="CL21" s="106">
        <v>5350722</v>
      </c>
      <c r="CM21" s="100">
        <v>0</v>
      </c>
      <c r="CN21" s="104">
        <v>0</v>
      </c>
      <c r="CO21" s="103">
        <v>0</v>
      </c>
      <c r="CP21" s="101">
        <v>0</v>
      </c>
      <c r="CQ21" s="104">
        <v>1063955</v>
      </c>
      <c r="CR21" s="104">
        <v>874287</v>
      </c>
      <c r="CS21" s="104">
        <v>532815</v>
      </c>
      <c r="CT21" s="104">
        <v>294831</v>
      </c>
      <c r="CU21" s="104">
        <v>119932</v>
      </c>
      <c r="CV21" s="103">
        <v>2885820</v>
      </c>
      <c r="CW21" s="106">
        <v>2885820</v>
      </c>
      <c r="CX21" s="100">
        <v>18424</v>
      </c>
      <c r="CY21" s="104">
        <v>137118</v>
      </c>
      <c r="CZ21" s="103">
        <v>155542</v>
      </c>
      <c r="DA21" s="100">
        <v>0</v>
      </c>
      <c r="DB21" s="104">
        <v>252596</v>
      </c>
      <c r="DC21" s="104">
        <v>1301446</v>
      </c>
      <c r="DD21" s="104">
        <v>445301</v>
      </c>
      <c r="DE21" s="104">
        <v>211373</v>
      </c>
      <c r="DF21" s="104">
        <v>98644</v>
      </c>
      <c r="DG21" s="103">
        <v>2309360</v>
      </c>
      <c r="DH21" s="106">
        <v>2464902</v>
      </c>
      <c r="DI21" s="100">
        <v>0</v>
      </c>
      <c r="DJ21" s="104">
        <v>11337</v>
      </c>
      <c r="DK21" s="102">
        <v>11337</v>
      </c>
      <c r="DL21" s="101">
        <v>0</v>
      </c>
      <c r="DM21" s="104">
        <v>150936</v>
      </c>
      <c r="DN21" s="104">
        <v>210683</v>
      </c>
      <c r="DO21" s="104">
        <v>215344</v>
      </c>
      <c r="DP21" s="104">
        <v>147974</v>
      </c>
      <c r="DQ21" s="104">
        <v>0</v>
      </c>
      <c r="DR21" s="103">
        <v>724937</v>
      </c>
      <c r="DS21" s="106">
        <v>736274</v>
      </c>
      <c r="DT21" s="100">
        <v>0</v>
      </c>
      <c r="DU21" s="104">
        <v>11337</v>
      </c>
      <c r="DV21" s="103">
        <v>11337</v>
      </c>
      <c r="DW21" s="100">
        <v>0</v>
      </c>
      <c r="DX21" s="104">
        <v>150936</v>
      </c>
      <c r="DY21" s="104">
        <v>138513</v>
      </c>
      <c r="DZ21" s="104">
        <v>215344</v>
      </c>
      <c r="EA21" s="104">
        <v>147974</v>
      </c>
      <c r="EB21" s="104">
        <v>0</v>
      </c>
      <c r="EC21" s="103">
        <v>652767</v>
      </c>
      <c r="ED21" s="106">
        <v>664104</v>
      </c>
      <c r="EE21" s="100">
        <v>0</v>
      </c>
      <c r="EF21" s="102">
        <v>0</v>
      </c>
      <c r="EG21" s="103">
        <v>0</v>
      </c>
      <c r="EH21" s="100">
        <v>0</v>
      </c>
      <c r="EI21" s="104">
        <v>0</v>
      </c>
      <c r="EJ21" s="104">
        <v>72170</v>
      </c>
      <c r="EK21" s="104">
        <v>0</v>
      </c>
      <c r="EL21" s="104">
        <v>0</v>
      </c>
      <c r="EM21" s="104">
        <v>0</v>
      </c>
      <c r="EN21" s="102">
        <v>72170</v>
      </c>
      <c r="EO21" s="106">
        <v>72170</v>
      </c>
      <c r="EP21" s="100">
        <v>0</v>
      </c>
      <c r="EQ21" s="104">
        <v>0</v>
      </c>
      <c r="ER21" s="102">
        <v>0</v>
      </c>
      <c r="ES21" s="101">
        <v>0</v>
      </c>
      <c r="ET21" s="104">
        <v>0</v>
      </c>
      <c r="EU21" s="104">
        <v>0</v>
      </c>
      <c r="EV21" s="104">
        <v>0</v>
      </c>
      <c r="EW21" s="104">
        <v>0</v>
      </c>
      <c r="EX21" s="104">
        <v>0</v>
      </c>
      <c r="EY21" s="103">
        <v>0</v>
      </c>
      <c r="EZ21" s="106">
        <v>0</v>
      </c>
      <c r="FA21" s="100">
        <v>0</v>
      </c>
      <c r="FB21" s="104">
        <v>0</v>
      </c>
      <c r="FC21" s="102">
        <v>0</v>
      </c>
      <c r="FD21" s="324"/>
      <c r="FE21" s="104">
        <v>0</v>
      </c>
      <c r="FF21" s="104">
        <v>0</v>
      </c>
      <c r="FG21" s="104">
        <v>0</v>
      </c>
      <c r="FH21" s="104">
        <v>0</v>
      </c>
      <c r="FI21" s="104">
        <v>0</v>
      </c>
      <c r="FJ21" s="103">
        <v>0</v>
      </c>
      <c r="FK21" s="106">
        <v>0</v>
      </c>
      <c r="FL21" s="100">
        <v>129850</v>
      </c>
      <c r="FM21" s="104">
        <v>59430</v>
      </c>
      <c r="FN21" s="103">
        <v>189280</v>
      </c>
      <c r="FO21" s="100">
        <v>0</v>
      </c>
      <c r="FP21" s="104">
        <v>95242</v>
      </c>
      <c r="FQ21" s="104">
        <v>526218</v>
      </c>
      <c r="FR21" s="104">
        <v>233527</v>
      </c>
      <c r="FS21" s="104">
        <v>188531</v>
      </c>
      <c r="FT21" s="104">
        <v>296107</v>
      </c>
      <c r="FU21" s="103">
        <v>1339625</v>
      </c>
      <c r="FV21" s="106">
        <v>1528905</v>
      </c>
      <c r="FW21" s="105">
        <v>29750</v>
      </c>
      <c r="FX21" s="104">
        <v>59430</v>
      </c>
      <c r="FY21" s="102">
        <v>89180</v>
      </c>
      <c r="FZ21" s="101">
        <v>0</v>
      </c>
      <c r="GA21" s="104">
        <v>95242</v>
      </c>
      <c r="GB21" s="104">
        <v>508508</v>
      </c>
      <c r="GC21" s="104">
        <v>233527</v>
      </c>
      <c r="GD21" s="104">
        <v>188531</v>
      </c>
      <c r="GE21" s="104">
        <v>296107</v>
      </c>
      <c r="GF21" s="103">
        <v>1321915</v>
      </c>
      <c r="GG21" s="296">
        <v>1411095</v>
      </c>
      <c r="GH21" s="105">
        <v>0</v>
      </c>
      <c r="GI21" s="104">
        <v>0</v>
      </c>
      <c r="GJ21" s="102">
        <v>0</v>
      </c>
      <c r="GK21" s="101">
        <v>0</v>
      </c>
      <c r="GL21" s="104">
        <v>0</v>
      </c>
      <c r="GM21" s="104">
        <v>0</v>
      </c>
      <c r="GN21" s="104">
        <v>0</v>
      </c>
      <c r="GO21" s="104">
        <v>0</v>
      </c>
      <c r="GP21" s="104">
        <v>0</v>
      </c>
      <c r="GQ21" s="103">
        <v>0</v>
      </c>
      <c r="GR21" s="106">
        <v>0</v>
      </c>
      <c r="GS21" s="100">
        <v>100100</v>
      </c>
      <c r="GT21" s="104">
        <v>0</v>
      </c>
      <c r="GU21" s="103">
        <v>100100</v>
      </c>
      <c r="GV21" s="100">
        <v>0</v>
      </c>
      <c r="GW21" s="104">
        <v>0</v>
      </c>
      <c r="GX21" s="104">
        <v>17710</v>
      </c>
      <c r="GY21" s="104">
        <v>0</v>
      </c>
      <c r="GZ21" s="104">
        <v>0</v>
      </c>
      <c r="HA21" s="104">
        <v>0</v>
      </c>
      <c r="HB21" s="102">
        <v>17710</v>
      </c>
      <c r="HC21" s="106">
        <v>117810</v>
      </c>
      <c r="HD21" s="100">
        <v>212532</v>
      </c>
      <c r="HE21" s="104">
        <v>82846</v>
      </c>
      <c r="HF21" s="102">
        <v>295378</v>
      </c>
      <c r="HG21" s="101">
        <v>0</v>
      </c>
      <c r="HH21" s="104">
        <v>970684</v>
      </c>
      <c r="HI21" s="104">
        <v>849958</v>
      </c>
      <c r="HJ21" s="104">
        <v>2356745</v>
      </c>
      <c r="HK21" s="104">
        <v>2049775</v>
      </c>
      <c r="HL21" s="104">
        <v>1656632</v>
      </c>
      <c r="HM21" s="103">
        <v>7883794</v>
      </c>
      <c r="HN21" s="99">
        <v>8179172</v>
      </c>
      <c r="HO21" s="306"/>
      <c r="HP21" s="307"/>
      <c r="HQ21" s="308"/>
      <c r="HR21" s="309"/>
      <c r="HS21" s="307"/>
      <c r="HT21" s="307"/>
      <c r="HU21" s="307"/>
      <c r="HV21" s="307"/>
      <c r="HW21" s="307"/>
      <c r="HX21" s="310"/>
      <c r="HY21" s="311"/>
      <c r="HZ21" s="118">
        <v>0</v>
      </c>
      <c r="IA21" s="119">
        <v>67139</v>
      </c>
      <c r="IB21" s="120">
        <v>67139</v>
      </c>
      <c r="IC21" s="133">
        <v>0</v>
      </c>
      <c r="ID21" s="119">
        <v>107650</v>
      </c>
      <c r="IE21" s="134">
        <v>1448415</v>
      </c>
      <c r="IF21" s="120">
        <v>928066</v>
      </c>
      <c r="IG21" s="119">
        <v>416601</v>
      </c>
      <c r="IH21" s="120">
        <v>717721</v>
      </c>
      <c r="II21" s="135">
        <v>3618453</v>
      </c>
      <c r="IJ21" s="126">
        <v>3685592</v>
      </c>
      <c r="IK21" s="219">
        <v>0</v>
      </c>
      <c r="IL21" s="223">
        <v>0</v>
      </c>
      <c r="IM21" s="224">
        <v>0</v>
      </c>
      <c r="IN21" s="127"/>
      <c r="IO21" s="109">
        <v>0</v>
      </c>
      <c r="IP21" s="109">
        <v>0</v>
      </c>
      <c r="IQ21" s="109">
        <v>0</v>
      </c>
      <c r="IR21" s="109">
        <v>168749</v>
      </c>
      <c r="IS21" s="109">
        <v>238491</v>
      </c>
      <c r="IT21" s="128">
        <v>407240</v>
      </c>
      <c r="IU21" s="298">
        <v>407240</v>
      </c>
      <c r="IV21" s="129">
        <v>0</v>
      </c>
      <c r="IW21" s="109">
        <v>0</v>
      </c>
      <c r="IX21" s="110">
        <v>0</v>
      </c>
      <c r="IY21" s="131"/>
      <c r="IZ21" s="109">
        <v>0</v>
      </c>
      <c r="JA21" s="109">
        <v>0</v>
      </c>
      <c r="JB21" s="109">
        <v>0</v>
      </c>
      <c r="JC21" s="109">
        <v>14347</v>
      </c>
      <c r="JD21" s="109">
        <v>0</v>
      </c>
      <c r="JE21" s="110">
        <v>14347</v>
      </c>
      <c r="JF21" s="111">
        <v>14347</v>
      </c>
      <c r="JG21" s="129">
        <v>0</v>
      </c>
      <c r="JH21" s="109">
        <v>0</v>
      </c>
      <c r="JI21" s="128">
        <v>0</v>
      </c>
      <c r="JJ21" s="108">
        <v>0</v>
      </c>
      <c r="JK21" s="109">
        <v>107650</v>
      </c>
      <c r="JL21" s="109">
        <v>309261</v>
      </c>
      <c r="JM21" s="109">
        <v>384081</v>
      </c>
      <c r="JN21" s="109">
        <v>10215</v>
      </c>
      <c r="JO21" s="109">
        <v>0</v>
      </c>
      <c r="JP21" s="110">
        <v>811207</v>
      </c>
      <c r="JQ21" s="298">
        <v>811207</v>
      </c>
      <c r="JR21" s="129">
        <v>0</v>
      </c>
      <c r="JS21" s="109">
        <v>0</v>
      </c>
      <c r="JT21" s="128">
        <v>0</v>
      </c>
      <c r="JU21" s="108">
        <v>0</v>
      </c>
      <c r="JV21" s="109">
        <v>0</v>
      </c>
      <c r="JW21" s="109">
        <v>135262</v>
      </c>
      <c r="JX21" s="109">
        <v>94826</v>
      </c>
      <c r="JY21" s="109">
        <v>0</v>
      </c>
      <c r="JZ21" s="109">
        <v>0</v>
      </c>
      <c r="KA21" s="110">
        <v>230088</v>
      </c>
      <c r="KB21" s="298">
        <v>230088</v>
      </c>
      <c r="KC21" s="221">
        <v>0</v>
      </c>
      <c r="KD21" s="217">
        <v>67139</v>
      </c>
      <c r="KE21" s="110">
        <v>67139</v>
      </c>
      <c r="KF21" s="108">
        <v>0</v>
      </c>
      <c r="KG21" s="109">
        <v>0</v>
      </c>
      <c r="KH21" s="109">
        <v>158734</v>
      </c>
      <c r="KI21" s="109">
        <v>0</v>
      </c>
      <c r="KJ21" s="109">
        <v>0</v>
      </c>
      <c r="KK21" s="109">
        <v>250973</v>
      </c>
      <c r="KL21" s="110">
        <v>409707</v>
      </c>
      <c r="KM21" s="130">
        <v>476846</v>
      </c>
      <c r="KN21" s="219">
        <v>0</v>
      </c>
      <c r="KO21" s="223">
        <v>0</v>
      </c>
      <c r="KP21" s="224">
        <v>0</v>
      </c>
      <c r="KQ21" s="127"/>
      <c r="KR21" s="109">
        <v>0</v>
      </c>
      <c r="KS21" s="109">
        <v>845158</v>
      </c>
      <c r="KT21" s="109">
        <v>449159</v>
      </c>
      <c r="KU21" s="109">
        <v>223290</v>
      </c>
      <c r="KV21" s="109">
        <v>228257</v>
      </c>
      <c r="KW21" s="110">
        <v>1745864</v>
      </c>
      <c r="KX21" s="298">
        <v>1745864</v>
      </c>
      <c r="KY21" s="129">
        <v>0</v>
      </c>
      <c r="KZ21" s="109">
        <v>0</v>
      </c>
      <c r="LA21" s="110">
        <v>0</v>
      </c>
      <c r="LB21" s="132"/>
      <c r="LC21" s="109">
        <v>0</v>
      </c>
      <c r="LD21" s="109">
        <v>0</v>
      </c>
      <c r="LE21" s="109">
        <v>0</v>
      </c>
      <c r="LF21" s="109">
        <v>0</v>
      </c>
      <c r="LG21" s="109">
        <v>0</v>
      </c>
      <c r="LH21" s="110">
        <v>0</v>
      </c>
      <c r="LI21" s="111">
        <v>0</v>
      </c>
      <c r="LJ21" s="129">
        <v>0</v>
      </c>
      <c r="LK21" s="109">
        <v>0</v>
      </c>
      <c r="LL21" s="110">
        <v>0</v>
      </c>
      <c r="LM21" s="132"/>
      <c r="LN21" s="109">
        <v>0</v>
      </c>
      <c r="LO21" s="109">
        <v>0</v>
      </c>
      <c r="LP21" s="109">
        <v>0</v>
      </c>
      <c r="LQ21" s="109">
        <v>0</v>
      </c>
      <c r="LR21" s="109">
        <v>0</v>
      </c>
      <c r="LS21" s="110">
        <v>0</v>
      </c>
      <c r="LT21" s="298">
        <v>0</v>
      </c>
      <c r="LU21" s="129">
        <v>0</v>
      </c>
      <c r="LV21" s="109">
        <v>0</v>
      </c>
      <c r="LW21" s="110">
        <v>0</v>
      </c>
      <c r="LX21" s="132"/>
      <c r="LY21" s="109">
        <v>0</v>
      </c>
      <c r="LZ21" s="109">
        <v>0</v>
      </c>
      <c r="MA21" s="109">
        <v>0</v>
      </c>
      <c r="MB21" s="109">
        <v>0</v>
      </c>
      <c r="MC21" s="109">
        <v>0</v>
      </c>
      <c r="MD21" s="110">
        <v>0</v>
      </c>
      <c r="ME21" s="111">
        <v>0</v>
      </c>
      <c r="MF21" s="129">
        <v>0</v>
      </c>
      <c r="MG21" s="109">
        <v>0</v>
      </c>
      <c r="MH21" s="110">
        <v>0</v>
      </c>
      <c r="MI21" s="132"/>
      <c r="MJ21" s="109">
        <v>119826</v>
      </c>
      <c r="MK21" s="109">
        <v>420327</v>
      </c>
      <c r="ML21" s="109">
        <v>2121835</v>
      </c>
      <c r="MM21" s="109">
        <v>2200883</v>
      </c>
      <c r="MN21" s="109">
        <v>1009656</v>
      </c>
      <c r="MO21" s="110">
        <v>5872527</v>
      </c>
      <c r="MP21" s="130">
        <v>5872527</v>
      </c>
      <c r="MQ21" s="129">
        <v>0</v>
      </c>
      <c r="MR21" s="109">
        <v>0</v>
      </c>
      <c r="MS21" s="110">
        <v>0</v>
      </c>
      <c r="MT21" s="132"/>
      <c r="MU21" s="109">
        <v>0</v>
      </c>
      <c r="MV21" s="109">
        <v>0</v>
      </c>
      <c r="MW21" s="109">
        <v>1420832</v>
      </c>
      <c r="MX21" s="109">
        <v>1593134</v>
      </c>
      <c r="MY21" s="109">
        <v>742010</v>
      </c>
      <c r="MZ21" s="110">
        <v>3755976</v>
      </c>
      <c r="NA21" s="130">
        <v>3755976</v>
      </c>
      <c r="NB21" s="129">
        <v>0</v>
      </c>
      <c r="NC21" s="109">
        <v>0</v>
      </c>
      <c r="ND21" s="110">
        <v>0</v>
      </c>
      <c r="NE21" s="132"/>
      <c r="NF21" s="109">
        <v>119826</v>
      </c>
      <c r="NG21" s="109">
        <v>420327</v>
      </c>
      <c r="NH21" s="109">
        <v>701003</v>
      </c>
      <c r="NI21" s="109">
        <v>607749</v>
      </c>
      <c r="NJ21" s="109">
        <v>267646</v>
      </c>
      <c r="NK21" s="110">
        <v>2116551</v>
      </c>
      <c r="NL21" s="298">
        <v>2116551</v>
      </c>
      <c r="NM21" s="129">
        <v>0</v>
      </c>
      <c r="NN21" s="109">
        <v>0</v>
      </c>
      <c r="NO21" s="110">
        <v>0</v>
      </c>
      <c r="NP21" s="132"/>
      <c r="NQ21" s="109">
        <v>0</v>
      </c>
      <c r="NR21" s="109">
        <v>0</v>
      </c>
      <c r="NS21" s="109">
        <v>0</v>
      </c>
      <c r="NT21" s="109">
        <v>0</v>
      </c>
      <c r="NU21" s="109">
        <v>0</v>
      </c>
      <c r="NV21" s="110">
        <v>0</v>
      </c>
      <c r="NW21" s="111">
        <v>0</v>
      </c>
      <c r="NX21" s="129">
        <v>0</v>
      </c>
      <c r="NY21" s="109">
        <v>0</v>
      </c>
      <c r="NZ21" s="110">
        <v>0</v>
      </c>
      <c r="OA21" s="132"/>
      <c r="OB21" s="109">
        <v>0</v>
      </c>
      <c r="OC21" s="109">
        <v>0</v>
      </c>
      <c r="OD21" s="109">
        <v>0</v>
      </c>
      <c r="OE21" s="109">
        <v>0</v>
      </c>
      <c r="OF21" s="109">
        <v>0</v>
      </c>
      <c r="OG21" s="110">
        <v>0</v>
      </c>
      <c r="OH21" s="111">
        <v>0</v>
      </c>
      <c r="OI21" s="129">
        <v>410562</v>
      </c>
      <c r="OJ21" s="109">
        <v>397837</v>
      </c>
      <c r="OK21" s="128">
        <v>808399</v>
      </c>
      <c r="OL21" s="108">
        <v>0</v>
      </c>
      <c r="OM21" s="109">
        <v>3265667</v>
      </c>
      <c r="ON21" s="109">
        <v>7135017</v>
      </c>
      <c r="OO21" s="109">
        <v>7897900</v>
      </c>
      <c r="OP21" s="109">
        <v>6415338</v>
      </c>
      <c r="OQ21" s="109">
        <v>4580415</v>
      </c>
      <c r="OR21" s="110">
        <v>29294337</v>
      </c>
      <c r="OS21" s="130">
        <v>30102736</v>
      </c>
    </row>
    <row r="22" spans="2:409" ht="21" customHeight="1" x14ac:dyDescent="0.2">
      <c r="B22" s="472" t="s">
        <v>17</v>
      </c>
      <c r="C22" s="100">
        <v>661640</v>
      </c>
      <c r="D22" s="104">
        <v>1011228</v>
      </c>
      <c r="E22" s="103">
        <v>1672868</v>
      </c>
      <c r="F22" s="99">
        <v>0</v>
      </c>
      <c r="G22" s="104">
        <v>3240623</v>
      </c>
      <c r="H22" s="104">
        <v>6579485</v>
      </c>
      <c r="I22" s="104">
        <v>8311751</v>
      </c>
      <c r="J22" s="104">
        <v>6977368</v>
      </c>
      <c r="K22" s="104">
        <v>4193871</v>
      </c>
      <c r="L22" s="99">
        <v>29303098</v>
      </c>
      <c r="M22" s="106">
        <v>30975966</v>
      </c>
      <c r="N22" s="100">
        <v>206215</v>
      </c>
      <c r="O22" s="104">
        <v>224718</v>
      </c>
      <c r="P22" s="103">
        <v>430933</v>
      </c>
      <c r="Q22" s="100">
        <v>0</v>
      </c>
      <c r="R22" s="104">
        <v>791046</v>
      </c>
      <c r="S22" s="104">
        <v>1989729</v>
      </c>
      <c r="T22" s="104">
        <v>3170361</v>
      </c>
      <c r="U22" s="104">
        <v>1800187</v>
      </c>
      <c r="V22" s="104">
        <v>1791617</v>
      </c>
      <c r="W22" s="103">
        <v>9542940</v>
      </c>
      <c r="X22" s="106">
        <v>9973873</v>
      </c>
      <c r="Y22" s="100">
        <v>0</v>
      </c>
      <c r="Z22" s="104">
        <v>0</v>
      </c>
      <c r="AA22" s="103">
        <v>0</v>
      </c>
      <c r="AB22" s="100">
        <v>0</v>
      </c>
      <c r="AC22" s="104">
        <v>306008</v>
      </c>
      <c r="AD22" s="104">
        <v>864299</v>
      </c>
      <c r="AE22" s="104">
        <v>1977010</v>
      </c>
      <c r="AF22" s="104">
        <v>797588</v>
      </c>
      <c r="AG22" s="104">
        <v>1121529</v>
      </c>
      <c r="AH22" s="103">
        <v>5066434</v>
      </c>
      <c r="AI22" s="106">
        <v>5066434</v>
      </c>
      <c r="AJ22" s="100">
        <v>0</v>
      </c>
      <c r="AK22" s="104">
        <v>0</v>
      </c>
      <c r="AL22" s="103">
        <v>0</v>
      </c>
      <c r="AM22" s="100">
        <v>0</v>
      </c>
      <c r="AN22" s="104">
        <v>0</v>
      </c>
      <c r="AO22" s="104">
        <v>0</v>
      </c>
      <c r="AP22" s="104">
        <v>20462</v>
      </c>
      <c r="AQ22" s="104">
        <v>104198</v>
      </c>
      <c r="AR22" s="104">
        <v>93279</v>
      </c>
      <c r="AS22" s="103">
        <v>217939</v>
      </c>
      <c r="AT22" s="106">
        <v>217939</v>
      </c>
      <c r="AU22" s="100">
        <v>123650</v>
      </c>
      <c r="AV22" s="104">
        <v>168053</v>
      </c>
      <c r="AW22" s="103">
        <v>291703</v>
      </c>
      <c r="AX22" s="100">
        <v>0</v>
      </c>
      <c r="AY22" s="104">
        <v>312012</v>
      </c>
      <c r="AZ22" s="104">
        <v>786150</v>
      </c>
      <c r="BA22" s="104">
        <v>735600</v>
      </c>
      <c r="BB22" s="104">
        <v>484997</v>
      </c>
      <c r="BC22" s="104">
        <v>201166</v>
      </c>
      <c r="BD22" s="103">
        <v>2519925</v>
      </c>
      <c r="BE22" s="106">
        <v>2811628</v>
      </c>
      <c r="BF22" s="100">
        <v>0</v>
      </c>
      <c r="BG22" s="104">
        <v>0</v>
      </c>
      <c r="BH22" s="102">
        <v>0</v>
      </c>
      <c r="BI22" s="101">
        <v>0</v>
      </c>
      <c r="BJ22" s="104">
        <v>0</v>
      </c>
      <c r="BK22" s="104">
        <v>91571</v>
      </c>
      <c r="BL22" s="104">
        <v>196006</v>
      </c>
      <c r="BM22" s="104">
        <v>48844</v>
      </c>
      <c r="BN22" s="104">
        <v>58319</v>
      </c>
      <c r="BO22" s="103">
        <v>394740</v>
      </c>
      <c r="BP22" s="106">
        <v>394740</v>
      </c>
      <c r="BQ22" s="100">
        <v>82565</v>
      </c>
      <c r="BR22" s="104">
        <v>56665</v>
      </c>
      <c r="BS22" s="103">
        <v>139230</v>
      </c>
      <c r="BT22" s="100">
        <v>0</v>
      </c>
      <c r="BU22" s="104">
        <v>173026</v>
      </c>
      <c r="BV22" s="104">
        <v>247709</v>
      </c>
      <c r="BW22" s="104">
        <v>241283</v>
      </c>
      <c r="BX22" s="104">
        <v>364560</v>
      </c>
      <c r="BY22" s="104">
        <v>317324</v>
      </c>
      <c r="BZ22" s="103">
        <v>1343902</v>
      </c>
      <c r="CA22" s="106">
        <v>1483132</v>
      </c>
      <c r="CB22" s="100">
        <v>111057</v>
      </c>
      <c r="CC22" s="104">
        <v>136013</v>
      </c>
      <c r="CD22" s="103">
        <v>247070</v>
      </c>
      <c r="CE22" s="100">
        <v>0</v>
      </c>
      <c r="CF22" s="104">
        <v>907082</v>
      </c>
      <c r="CG22" s="104">
        <v>2257178</v>
      </c>
      <c r="CH22" s="104">
        <v>2086374</v>
      </c>
      <c r="CI22" s="104">
        <v>1020862</v>
      </c>
      <c r="CJ22" s="104">
        <v>446305</v>
      </c>
      <c r="CK22" s="103">
        <v>6717801</v>
      </c>
      <c r="CL22" s="106">
        <v>6964871</v>
      </c>
      <c r="CM22" s="100">
        <v>0</v>
      </c>
      <c r="CN22" s="104">
        <v>0</v>
      </c>
      <c r="CO22" s="103">
        <v>0</v>
      </c>
      <c r="CP22" s="101">
        <v>0</v>
      </c>
      <c r="CQ22" s="104">
        <v>777445</v>
      </c>
      <c r="CR22" s="104">
        <v>1520914</v>
      </c>
      <c r="CS22" s="104">
        <v>1311299</v>
      </c>
      <c r="CT22" s="104">
        <v>750718</v>
      </c>
      <c r="CU22" s="104">
        <v>196991</v>
      </c>
      <c r="CV22" s="103">
        <v>4557367</v>
      </c>
      <c r="CW22" s="106">
        <v>4557367</v>
      </c>
      <c r="CX22" s="100">
        <v>111057</v>
      </c>
      <c r="CY22" s="104">
        <v>136013</v>
      </c>
      <c r="CZ22" s="103">
        <v>247070</v>
      </c>
      <c r="DA22" s="100">
        <v>0</v>
      </c>
      <c r="DB22" s="104">
        <v>129637</v>
      </c>
      <c r="DC22" s="104">
        <v>736264</v>
      </c>
      <c r="DD22" s="104">
        <v>775075</v>
      </c>
      <c r="DE22" s="104">
        <v>270144</v>
      </c>
      <c r="DF22" s="104">
        <v>249314</v>
      </c>
      <c r="DG22" s="103">
        <v>2160434</v>
      </c>
      <c r="DH22" s="106">
        <v>2407504</v>
      </c>
      <c r="DI22" s="100">
        <v>0</v>
      </c>
      <c r="DJ22" s="104">
        <v>16333</v>
      </c>
      <c r="DK22" s="102">
        <v>16333</v>
      </c>
      <c r="DL22" s="101">
        <v>0</v>
      </c>
      <c r="DM22" s="104">
        <v>109925</v>
      </c>
      <c r="DN22" s="104">
        <v>320909</v>
      </c>
      <c r="DO22" s="104">
        <v>595094</v>
      </c>
      <c r="DP22" s="104">
        <v>921061</v>
      </c>
      <c r="DQ22" s="104">
        <v>161701</v>
      </c>
      <c r="DR22" s="103">
        <v>2108690</v>
      </c>
      <c r="DS22" s="106">
        <v>2125023</v>
      </c>
      <c r="DT22" s="100">
        <v>0</v>
      </c>
      <c r="DU22" s="104">
        <v>16333</v>
      </c>
      <c r="DV22" s="103">
        <v>16333</v>
      </c>
      <c r="DW22" s="100">
        <v>0</v>
      </c>
      <c r="DX22" s="104">
        <v>109925</v>
      </c>
      <c r="DY22" s="104">
        <v>271979</v>
      </c>
      <c r="DZ22" s="104">
        <v>585052</v>
      </c>
      <c r="EA22" s="104">
        <v>900411</v>
      </c>
      <c r="EB22" s="104">
        <v>161701</v>
      </c>
      <c r="EC22" s="103">
        <v>2029068</v>
      </c>
      <c r="ED22" s="106">
        <v>2045401</v>
      </c>
      <c r="EE22" s="100">
        <v>0</v>
      </c>
      <c r="EF22" s="102">
        <v>0</v>
      </c>
      <c r="EG22" s="103">
        <v>0</v>
      </c>
      <c r="EH22" s="100">
        <v>0</v>
      </c>
      <c r="EI22" s="104">
        <v>0</v>
      </c>
      <c r="EJ22" s="104">
        <v>48930</v>
      </c>
      <c r="EK22" s="104">
        <v>10042</v>
      </c>
      <c r="EL22" s="104">
        <v>20650</v>
      </c>
      <c r="EM22" s="104">
        <v>0</v>
      </c>
      <c r="EN22" s="102">
        <v>79622</v>
      </c>
      <c r="EO22" s="106">
        <v>79622</v>
      </c>
      <c r="EP22" s="100">
        <v>0</v>
      </c>
      <c r="EQ22" s="104">
        <v>0</v>
      </c>
      <c r="ER22" s="102">
        <v>0</v>
      </c>
      <c r="ES22" s="101">
        <v>0</v>
      </c>
      <c r="ET22" s="104">
        <v>0</v>
      </c>
      <c r="EU22" s="104">
        <v>0</v>
      </c>
      <c r="EV22" s="104">
        <v>0</v>
      </c>
      <c r="EW22" s="104">
        <v>0</v>
      </c>
      <c r="EX22" s="104">
        <v>0</v>
      </c>
      <c r="EY22" s="103">
        <v>0</v>
      </c>
      <c r="EZ22" s="106">
        <v>0</v>
      </c>
      <c r="FA22" s="100">
        <v>0</v>
      </c>
      <c r="FB22" s="104">
        <v>0</v>
      </c>
      <c r="FC22" s="102">
        <v>0</v>
      </c>
      <c r="FD22" s="324"/>
      <c r="FE22" s="104">
        <v>0</v>
      </c>
      <c r="FF22" s="104">
        <v>0</v>
      </c>
      <c r="FG22" s="104">
        <v>0</v>
      </c>
      <c r="FH22" s="104">
        <v>0</v>
      </c>
      <c r="FI22" s="104">
        <v>0</v>
      </c>
      <c r="FJ22" s="103">
        <v>0</v>
      </c>
      <c r="FK22" s="106">
        <v>0</v>
      </c>
      <c r="FL22" s="100">
        <v>92064</v>
      </c>
      <c r="FM22" s="104">
        <v>384790</v>
      </c>
      <c r="FN22" s="103">
        <v>476854</v>
      </c>
      <c r="FO22" s="100">
        <v>0</v>
      </c>
      <c r="FP22" s="104">
        <v>233198</v>
      </c>
      <c r="FQ22" s="104">
        <v>584521</v>
      </c>
      <c r="FR22" s="104">
        <v>1026600</v>
      </c>
      <c r="FS22" s="104">
        <v>360458</v>
      </c>
      <c r="FT22" s="104">
        <v>306516</v>
      </c>
      <c r="FU22" s="103">
        <v>2511293</v>
      </c>
      <c r="FV22" s="106">
        <v>2988147</v>
      </c>
      <c r="FW22" s="105">
        <v>92064</v>
      </c>
      <c r="FX22" s="104">
        <v>121086</v>
      </c>
      <c r="FY22" s="102">
        <v>213150</v>
      </c>
      <c r="FZ22" s="101">
        <v>0</v>
      </c>
      <c r="GA22" s="104">
        <v>90398</v>
      </c>
      <c r="GB22" s="104">
        <v>550221</v>
      </c>
      <c r="GC22" s="104">
        <v>723779</v>
      </c>
      <c r="GD22" s="104">
        <v>360458</v>
      </c>
      <c r="GE22" s="104">
        <v>293916</v>
      </c>
      <c r="GF22" s="103">
        <v>2018772</v>
      </c>
      <c r="GG22" s="296">
        <v>2231922</v>
      </c>
      <c r="GH22" s="105">
        <v>0</v>
      </c>
      <c r="GI22" s="104">
        <v>19404</v>
      </c>
      <c r="GJ22" s="102">
        <v>19404</v>
      </c>
      <c r="GK22" s="101">
        <v>0</v>
      </c>
      <c r="GL22" s="104">
        <v>12600</v>
      </c>
      <c r="GM22" s="104">
        <v>34300</v>
      </c>
      <c r="GN22" s="104">
        <v>66500</v>
      </c>
      <c r="GO22" s="104">
        <v>0</v>
      </c>
      <c r="GP22" s="104">
        <v>12600</v>
      </c>
      <c r="GQ22" s="103">
        <v>126000</v>
      </c>
      <c r="GR22" s="106">
        <v>145404</v>
      </c>
      <c r="GS22" s="100">
        <v>0</v>
      </c>
      <c r="GT22" s="104">
        <v>244300</v>
      </c>
      <c r="GU22" s="103">
        <v>244300</v>
      </c>
      <c r="GV22" s="100">
        <v>0</v>
      </c>
      <c r="GW22" s="104">
        <v>130200</v>
      </c>
      <c r="GX22" s="104">
        <v>0</v>
      </c>
      <c r="GY22" s="104">
        <v>236321</v>
      </c>
      <c r="GZ22" s="104">
        <v>0</v>
      </c>
      <c r="HA22" s="104">
        <v>0</v>
      </c>
      <c r="HB22" s="102">
        <v>366521</v>
      </c>
      <c r="HC22" s="106">
        <v>610821</v>
      </c>
      <c r="HD22" s="100">
        <v>252304</v>
      </c>
      <c r="HE22" s="104">
        <v>249374</v>
      </c>
      <c r="HF22" s="102">
        <v>501678</v>
      </c>
      <c r="HG22" s="101">
        <v>0</v>
      </c>
      <c r="HH22" s="104">
        <v>1199372</v>
      </c>
      <c r="HI22" s="104">
        <v>1427148</v>
      </c>
      <c r="HJ22" s="104">
        <v>1433322</v>
      </c>
      <c r="HK22" s="104">
        <v>2874800</v>
      </c>
      <c r="HL22" s="104">
        <v>1487732</v>
      </c>
      <c r="HM22" s="103">
        <v>8422374</v>
      </c>
      <c r="HN22" s="99">
        <v>8924052</v>
      </c>
      <c r="HO22" s="306"/>
      <c r="HP22" s="307"/>
      <c r="HQ22" s="308"/>
      <c r="HR22" s="309"/>
      <c r="HS22" s="307"/>
      <c r="HT22" s="307"/>
      <c r="HU22" s="307"/>
      <c r="HV22" s="307"/>
      <c r="HW22" s="307"/>
      <c r="HX22" s="310"/>
      <c r="HY22" s="311"/>
      <c r="HZ22" s="137">
        <v>0</v>
      </c>
      <c r="IA22" s="122">
        <v>0</v>
      </c>
      <c r="IB22" s="137">
        <v>0</v>
      </c>
      <c r="IC22" s="121">
        <v>0</v>
      </c>
      <c r="ID22" s="122">
        <v>994904</v>
      </c>
      <c r="IE22" s="123">
        <v>1935399</v>
      </c>
      <c r="IF22" s="124">
        <v>1251823</v>
      </c>
      <c r="IG22" s="122">
        <v>1517116</v>
      </c>
      <c r="IH22" s="124">
        <v>1431295</v>
      </c>
      <c r="II22" s="125">
        <v>7130537</v>
      </c>
      <c r="IJ22" s="137">
        <v>7130537</v>
      </c>
      <c r="IK22" s="219">
        <v>0</v>
      </c>
      <c r="IL22" s="223">
        <v>0</v>
      </c>
      <c r="IM22" s="224">
        <v>0</v>
      </c>
      <c r="IN22" s="127"/>
      <c r="IO22" s="109">
        <v>47735</v>
      </c>
      <c r="IP22" s="109">
        <v>0</v>
      </c>
      <c r="IQ22" s="109">
        <v>0</v>
      </c>
      <c r="IR22" s="109">
        <v>0</v>
      </c>
      <c r="IS22" s="109">
        <v>0</v>
      </c>
      <c r="IT22" s="128">
        <v>47735</v>
      </c>
      <c r="IU22" s="298">
        <v>47735</v>
      </c>
      <c r="IV22" s="129">
        <v>0</v>
      </c>
      <c r="IW22" s="109">
        <v>0</v>
      </c>
      <c r="IX22" s="110">
        <v>0</v>
      </c>
      <c r="IY22" s="131"/>
      <c r="IZ22" s="109">
        <v>0</v>
      </c>
      <c r="JA22" s="109">
        <v>0</v>
      </c>
      <c r="JB22" s="109">
        <v>0</v>
      </c>
      <c r="JC22" s="109">
        <v>0</v>
      </c>
      <c r="JD22" s="109">
        <v>0</v>
      </c>
      <c r="JE22" s="110">
        <v>0</v>
      </c>
      <c r="JF22" s="111">
        <v>0</v>
      </c>
      <c r="JG22" s="129">
        <v>0</v>
      </c>
      <c r="JH22" s="109">
        <v>0</v>
      </c>
      <c r="JI22" s="128">
        <v>0</v>
      </c>
      <c r="JJ22" s="108">
        <v>0</v>
      </c>
      <c r="JK22" s="109">
        <v>669635</v>
      </c>
      <c r="JL22" s="109">
        <v>674177</v>
      </c>
      <c r="JM22" s="109">
        <v>365351</v>
      </c>
      <c r="JN22" s="109">
        <v>114970</v>
      </c>
      <c r="JO22" s="109">
        <v>85577</v>
      </c>
      <c r="JP22" s="110">
        <v>1909710</v>
      </c>
      <c r="JQ22" s="298">
        <v>1909710</v>
      </c>
      <c r="JR22" s="129">
        <v>0</v>
      </c>
      <c r="JS22" s="109">
        <v>0</v>
      </c>
      <c r="JT22" s="128">
        <v>0</v>
      </c>
      <c r="JU22" s="108">
        <v>0</v>
      </c>
      <c r="JV22" s="109">
        <v>67874</v>
      </c>
      <c r="JW22" s="109">
        <v>0</v>
      </c>
      <c r="JX22" s="109">
        <v>0</v>
      </c>
      <c r="JY22" s="109">
        <v>0</v>
      </c>
      <c r="JZ22" s="109">
        <v>10767</v>
      </c>
      <c r="KA22" s="110">
        <v>78641</v>
      </c>
      <c r="KB22" s="298">
        <v>78641</v>
      </c>
      <c r="KC22" s="221">
        <v>0</v>
      </c>
      <c r="KD22" s="217">
        <v>0</v>
      </c>
      <c r="KE22" s="110">
        <v>0</v>
      </c>
      <c r="KF22" s="108">
        <v>0</v>
      </c>
      <c r="KG22" s="109">
        <v>0</v>
      </c>
      <c r="KH22" s="109">
        <v>162111</v>
      </c>
      <c r="KI22" s="109">
        <v>218270</v>
      </c>
      <c r="KJ22" s="109">
        <v>237769</v>
      </c>
      <c r="KK22" s="109">
        <v>144478</v>
      </c>
      <c r="KL22" s="110">
        <v>762628</v>
      </c>
      <c r="KM22" s="130">
        <v>762628</v>
      </c>
      <c r="KN22" s="219">
        <v>0</v>
      </c>
      <c r="KO22" s="223">
        <v>0</v>
      </c>
      <c r="KP22" s="224">
        <v>0</v>
      </c>
      <c r="KQ22" s="127"/>
      <c r="KR22" s="109">
        <v>209660</v>
      </c>
      <c r="KS22" s="109">
        <v>1099111</v>
      </c>
      <c r="KT22" s="109">
        <v>453008</v>
      </c>
      <c r="KU22" s="109">
        <v>697927</v>
      </c>
      <c r="KV22" s="109">
        <v>688993</v>
      </c>
      <c r="KW22" s="110">
        <v>3148699</v>
      </c>
      <c r="KX22" s="298">
        <v>3148699</v>
      </c>
      <c r="KY22" s="129">
        <v>0</v>
      </c>
      <c r="KZ22" s="109">
        <v>0</v>
      </c>
      <c r="LA22" s="110">
        <v>0</v>
      </c>
      <c r="LB22" s="132"/>
      <c r="LC22" s="109">
        <v>0</v>
      </c>
      <c r="LD22" s="109">
        <v>0</v>
      </c>
      <c r="LE22" s="109">
        <v>0</v>
      </c>
      <c r="LF22" s="109">
        <v>0</v>
      </c>
      <c r="LG22" s="109">
        <v>0</v>
      </c>
      <c r="LH22" s="110">
        <v>0</v>
      </c>
      <c r="LI22" s="111">
        <v>0</v>
      </c>
      <c r="LJ22" s="129">
        <v>0</v>
      </c>
      <c r="LK22" s="109">
        <v>0</v>
      </c>
      <c r="LL22" s="110">
        <v>0</v>
      </c>
      <c r="LM22" s="132"/>
      <c r="LN22" s="109">
        <v>0</v>
      </c>
      <c r="LO22" s="109">
        <v>0</v>
      </c>
      <c r="LP22" s="109">
        <v>215194</v>
      </c>
      <c r="LQ22" s="109">
        <v>466450</v>
      </c>
      <c r="LR22" s="109">
        <v>501480</v>
      </c>
      <c r="LS22" s="110">
        <v>1183124</v>
      </c>
      <c r="LT22" s="298">
        <v>1183124</v>
      </c>
      <c r="LU22" s="129">
        <v>0</v>
      </c>
      <c r="LV22" s="109">
        <v>0</v>
      </c>
      <c r="LW22" s="110">
        <v>0</v>
      </c>
      <c r="LX22" s="132"/>
      <c r="LY22" s="109">
        <v>0</v>
      </c>
      <c r="LZ22" s="109">
        <v>0</v>
      </c>
      <c r="MA22" s="109">
        <v>0</v>
      </c>
      <c r="MB22" s="109">
        <v>0</v>
      </c>
      <c r="MC22" s="109">
        <v>0</v>
      </c>
      <c r="MD22" s="110">
        <v>0</v>
      </c>
      <c r="ME22" s="111">
        <v>0</v>
      </c>
      <c r="MF22" s="129">
        <v>0</v>
      </c>
      <c r="MG22" s="109">
        <v>0</v>
      </c>
      <c r="MH22" s="110">
        <v>0</v>
      </c>
      <c r="MI22" s="132"/>
      <c r="MJ22" s="109">
        <v>280898</v>
      </c>
      <c r="MK22" s="109">
        <v>1310167</v>
      </c>
      <c r="ML22" s="109">
        <v>3993664</v>
      </c>
      <c r="MM22" s="109">
        <v>1963527</v>
      </c>
      <c r="MN22" s="109">
        <v>2210243</v>
      </c>
      <c r="MO22" s="110">
        <v>9758499</v>
      </c>
      <c r="MP22" s="130">
        <v>9758499</v>
      </c>
      <c r="MQ22" s="129">
        <v>0</v>
      </c>
      <c r="MR22" s="109">
        <v>0</v>
      </c>
      <c r="MS22" s="110">
        <v>0</v>
      </c>
      <c r="MT22" s="132"/>
      <c r="MU22" s="109">
        <v>0</v>
      </c>
      <c r="MV22" s="109">
        <v>211740</v>
      </c>
      <c r="MW22" s="109">
        <v>1259864</v>
      </c>
      <c r="MX22" s="109">
        <v>1141638</v>
      </c>
      <c r="MY22" s="109">
        <v>1470344</v>
      </c>
      <c r="MZ22" s="110">
        <v>4083586</v>
      </c>
      <c r="NA22" s="130">
        <v>4083586</v>
      </c>
      <c r="NB22" s="129">
        <v>0</v>
      </c>
      <c r="NC22" s="109">
        <v>0</v>
      </c>
      <c r="ND22" s="110">
        <v>0</v>
      </c>
      <c r="NE22" s="132"/>
      <c r="NF22" s="109">
        <v>280898</v>
      </c>
      <c r="NG22" s="109">
        <v>1098427</v>
      </c>
      <c r="NH22" s="109">
        <v>2733800</v>
      </c>
      <c r="NI22" s="109">
        <v>821889</v>
      </c>
      <c r="NJ22" s="109">
        <v>533236</v>
      </c>
      <c r="NK22" s="110">
        <v>5468250</v>
      </c>
      <c r="NL22" s="298">
        <v>5468250</v>
      </c>
      <c r="NM22" s="129">
        <v>0</v>
      </c>
      <c r="NN22" s="109">
        <v>0</v>
      </c>
      <c r="NO22" s="110">
        <v>0</v>
      </c>
      <c r="NP22" s="132"/>
      <c r="NQ22" s="109">
        <v>0</v>
      </c>
      <c r="NR22" s="109">
        <v>0</v>
      </c>
      <c r="NS22" s="109">
        <v>0</v>
      </c>
      <c r="NT22" s="109">
        <v>0</v>
      </c>
      <c r="NU22" s="109">
        <v>0</v>
      </c>
      <c r="NV22" s="110">
        <v>0</v>
      </c>
      <c r="NW22" s="111">
        <v>0</v>
      </c>
      <c r="NX22" s="129">
        <v>0</v>
      </c>
      <c r="NY22" s="109">
        <v>0</v>
      </c>
      <c r="NZ22" s="110">
        <v>0</v>
      </c>
      <c r="OA22" s="132"/>
      <c r="OB22" s="109">
        <v>0</v>
      </c>
      <c r="OC22" s="109">
        <v>0</v>
      </c>
      <c r="OD22" s="109">
        <v>0</v>
      </c>
      <c r="OE22" s="109">
        <v>0</v>
      </c>
      <c r="OF22" s="109">
        <v>206663</v>
      </c>
      <c r="OG22" s="110">
        <v>206663</v>
      </c>
      <c r="OH22" s="111">
        <v>206663</v>
      </c>
      <c r="OI22" s="129">
        <v>661640</v>
      </c>
      <c r="OJ22" s="109">
        <v>1011228</v>
      </c>
      <c r="OK22" s="128">
        <v>1672868</v>
      </c>
      <c r="OL22" s="108">
        <v>0</v>
      </c>
      <c r="OM22" s="109">
        <v>4516425</v>
      </c>
      <c r="ON22" s="109">
        <v>9825051</v>
      </c>
      <c r="OO22" s="109">
        <v>13557238</v>
      </c>
      <c r="OP22" s="109">
        <v>10458011</v>
      </c>
      <c r="OQ22" s="109">
        <v>7835409</v>
      </c>
      <c r="OR22" s="110">
        <v>46192134</v>
      </c>
      <c r="OS22" s="130">
        <v>47865002</v>
      </c>
    </row>
    <row r="23" spans="2:409" ht="21" customHeight="1" x14ac:dyDescent="0.2">
      <c r="B23" s="472" t="s">
        <v>18</v>
      </c>
      <c r="C23" s="100">
        <v>342730</v>
      </c>
      <c r="D23" s="104">
        <v>954555</v>
      </c>
      <c r="E23" s="103">
        <v>1297285</v>
      </c>
      <c r="F23" s="99">
        <v>0</v>
      </c>
      <c r="G23" s="104">
        <v>5788090</v>
      </c>
      <c r="H23" s="104">
        <v>8776064</v>
      </c>
      <c r="I23" s="104">
        <v>5947104</v>
      </c>
      <c r="J23" s="104">
        <v>9092147</v>
      </c>
      <c r="K23" s="104">
        <v>5177771</v>
      </c>
      <c r="L23" s="99">
        <v>34781176</v>
      </c>
      <c r="M23" s="106">
        <v>36078461</v>
      </c>
      <c r="N23" s="100">
        <v>157613</v>
      </c>
      <c r="O23" s="104">
        <v>177326</v>
      </c>
      <c r="P23" s="103">
        <v>334939</v>
      </c>
      <c r="Q23" s="100">
        <v>0</v>
      </c>
      <c r="R23" s="104">
        <v>1739386</v>
      </c>
      <c r="S23" s="104">
        <v>2544461</v>
      </c>
      <c r="T23" s="104">
        <v>2652031</v>
      </c>
      <c r="U23" s="104">
        <v>3657856</v>
      </c>
      <c r="V23" s="104">
        <v>1159389</v>
      </c>
      <c r="W23" s="103">
        <v>11753123</v>
      </c>
      <c r="X23" s="106">
        <v>12088062</v>
      </c>
      <c r="Y23" s="100">
        <v>0</v>
      </c>
      <c r="Z23" s="104">
        <v>0</v>
      </c>
      <c r="AA23" s="103">
        <v>0</v>
      </c>
      <c r="AB23" s="100">
        <v>0</v>
      </c>
      <c r="AC23" s="104">
        <v>749439</v>
      </c>
      <c r="AD23" s="104">
        <v>1105616</v>
      </c>
      <c r="AE23" s="104">
        <v>1173720</v>
      </c>
      <c r="AF23" s="104">
        <v>2490452</v>
      </c>
      <c r="AG23" s="104">
        <v>381188</v>
      </c>
      <c r="AH23" s="103">
        <v>5900415</v>
      </c>
      <c r="AI23" s="106">
        <v>5900415</v>
      </c>
      <c r="AJ23" s="100">
        <v>0</v>
      </c>
      <c r="AK23" s="104">
        <v>0</v>
      </c>
      <c r="AL23" s="103">
        <v>0</v>
      </c>
      <c r="AM23" s="100">
        <v>0</v>
      </c>
      <c r="AN23" s="104">
        <v>0</v>
      </c>
      <c r="AO23" s="104">
        <v>0</v>
      </c>
      <c r="AP23" s="104">
        <v>112572</v>
      </c>
      <c r="AQ23" s="104">
        <v>177540</v>
      </c>
      <c r="AR23" s="104">
        <v>0</v>
      </c>
      <c r="AS23" s="103">
        <v>290112</v>
      </c>
      <c r="AT23" s="106">
        <v>290112</v>
      </c>
      <c r="AU23" s="100">
        <v>100033</v>
      </c>
      <c r="AV23" s="104">
        <v>109783</v>
      </c>
      <c r="AW23" s="103">
        <v>209816</v>
      </c>
      <c r="AX23" s="100">
        <v>0</v>
      </c>
      <c r="AY23" s="104">
        <v>696739</v>
      </c>
      <c r="AZ23" s="104">
        <v>1004639</v>
      </c>
      <c r="BA23" s="104">
        <v>886286</v>
      </c>
      <c r="BB23" s="104">
        <v>475241</v>
      </c>
      <c r="BC23" s="104">
        <v>407075</v>
      </c>
      <c r="BD23" s="103">
        <v>3469980</v>
      </c>
      <c r="BE23" s="106">
        <v>3679796</v>
      </c>
      <c r="BF23" s="100">
        <v>28180</v>
      </c>
      <c r="BG23" s="104">
        <v>0</v>
      </c>
      <c r="BH23" s="102">
        <v>28180</v>
      </c>
      <c r="BI23" s="101">
        <v>0</v>
      </c>
      <c r="BJ23" s="104">
        <v>0</v>
      </c>
      <c r="BK23" s="104">
        <v>84549</v>
      </c>
      <c r="BL23" s="104">
        <v>65298</v>
      </c>
      <c r="BM23" s="104">
        <v>20640</v>
      </c>
      <c r="BN23" s="104">
        <v>0</v>
      </c>
      <c r="BO23" s="103">
        <v>170487</v>
      </c>
      <c r="BP23" s="106">
        <v>198667</v>
      </c>
      <c r="BQ23" s="100">
        <v>29400</v>
      </c>
      <c r="BR23" s="104">
        <v>67543</v>
      </c>
      <c r="BS23" s="103">
        <v>96943</v>
      </c>
      <c r="BT23" s="100">
        <v>0</v>
      </c>
      <c r="BU23" s="104">
        <v>293208</v>
      </c>
      <c r="BV23" s="104">
        <v>349657</v>
      </c>
      <c r="BW23" s="104">
        <v>414155</v>
      </c>
      <c r="BX23" s="104">
        <v>493983</v>
      </c>
      <c r="BY23" s="104">
        <v>371126</v>
      </c>
      <c r="BZ23" s="103">
        <v>1922129</v>
      </c>
      <c r="CA23" s="106">
        <v>2019072</v>
      </c>
      <c r="CB23" s="100">
        <v>112385</v>
      </c>
      <c r="CC23" s="104">
        <v>201485</v>
      </c>
      <c r="CD23" s="103">
        <v>313870</v>
      </c>
      <c r="CE23" s="100">
        <v>0</v>
      </c>
      <c r="CF23" s="104">
        <v>2222300</v>
      </c>
      <c r="CG23" s="104">
        <v>3340269</v>
      </c>
      <c r="CH23" s="104">
        <v>1408179</v>
      </c>
      <c r="CI23" s="104">
        <v>1748479</v>
      </c>
      <c r="CJ23" s="104">
        <v>620949</v>
      </c>
      <c r="CK23" s="103">
        <v>9340176</v>
      </c>
      <c r="CL23" s="106">
        <v>9654046</v>
      </c>
      <c r="CM23" s="100">
        <v>0</v>
      </c>
      <c r="CN23" s="104">
        <v>0</v>
      </c>
      <c r="CO23" s="103">
        <v>0</v>
      </c>
      <c r="CP23" s="101">
        <v>0</v>
      </c>
      <c r="CQ23" s="104">
        <v>1730695</v>
      </c>
      <c r="CR23" s="104">
        <v>2521572</v>
      </c>
      <c r="CS23" s="104">
        <v>1009773</v>
      </c>
      <c r="CT23" s="104">
        <v>1316676</v>
      </c>
      <c r="CU23" s="104">
        <v>545291</v>
      </c>
      <c r="CV23" s="103">
        <v>7124007</v>
      </c>
      <c r="CW23" s="106">
        <v>7124007</v>
      </c>
      <c r="CX23" s="100">
        <v>112385</v>
      </c>
      <c r="CY23" s="104">
        <v>201485</v>
      </c>
      <c r="CZ23" s="103">
        <v>313870</v>
      </c>
      <c r="DA23" s="100">
        <v>0</v>
      </c>
      <c r="DB23" s="104">
        <v>491605</v>
      </c>
      <c r="DC23" s="104">
        <v>818697</v>
      </c>
      <c r="DD23" s="104">
        <v>398406</v>
      </c>
      <c r="DE23" s="104">
        <v>431803</v>
      </c>
      <c r="DF23" s="104">
        <v>75658</v>
      </c>
      <c r="DG23" s="103">
        <v>2216169</v>
      </c>
      <c r="DH23" s="106">
        <v>2530039</v>
      </c>
      <c r="DI23" s="100">
        <v>0</v>
      </c>
      <c r="DJ23" s="104">
        <v>0</v>
      </c>
      <c r="DK23" s="102">
        <v>0</v>
      </c>
      <c r="DL23" s="101">
        <v>0</v>
      </c>
      <c r="DM23" s="104">
        <v>74206</v>
      </c>
      <c r="DN23" s="104">
        <v>541222</v>
      </c>
      <c r="DO23" s="104">
        <v>478047</v>
      </c>
      <c r="DP23" s="104">
        <v>776158</v>
      </c>
      <c r="DQ23" s="104">
        <v>701495</v>
      </c>
      <c r="DR23" s="103">
        <v>2571128</v>
      </c>
      <c r="DS23" s="106">
        <v>2571128</v>
      </c>
      <c r="DT23" s="100">
        <v>0</v>
      </c>
      <c r="DU23" s="104">
        <v>0</v>
      </c>
      <c r="DV23" s="103">
        <v>0</v>
      </c>
      <c r="DW23" s="100">
        <v>0</v>
      </c>
      <c r="DX23" s="104">
        <v>55290</v>
      </c>
      <c r="DY23" s="104">
        <v>522972</v>
      </c>
      <c r="DZ23" s="104">
        <v>478047</v>
      </c>
      <c r="EA23" s="104">
        <v>776158</v>
      </c>
      <c r="EB23" s="104">
        <v>659588</v>
      </c>
      <c r="EC23" s="103">
        <v>2492055</v>
      </c>
      <c r="ED23" s="106">
        <v>2492055</v>
      </c>
      <c r="EE23" s="100">
        <v>0</v>
      </c>
      <c r="EF23" s="102">
        <v>0</v>
      </c>
      <c r="EG23" s="103">
        <v>0</v>
      </c>
      <c r="EH23" s="100">
        <v>0</v>
      </c>
      <c r="EI23" s="104">
        <v>18916</v>
      </c>
      <c r="EJ23" s="104">
        <v>18250</v>
      </c>
      <c r="EK23" s="104">
        <v>0</v>
      </c>
      <c r="EL23" s="104">
        <v>0</v>
      </c>
      <c r="EM23" s="104">
        <v>41907</v>
      </c>
      <c r="EN23" s="102">
        <v>79073</v>
      </c>
      <c r="EO23" s="106">
        <v>79073</v>
      </c>
      <c r="EP23" s="100">
        <v>0</v>
      </c>
      <c r="EQ23" s="104">
        <v>0</v>
      </c>
      <c r="ER23" s="102">
        <v>0</v>
      </c>
      <c r="ES23" s="101">
        <v>0</v>
      </c>
      <c r="ET23" s="104">
        <v>0</v>
      </c>
      <c r="EU23" s="104">
        <v>0</v>
      </c>
      <c r="EV23" s="104">
        <v>0</v>
      </c>
      <c r="EW23" s="104">
        <v>0</v>
      </c>
      <c r="EX23" s="104">
        <v>0</v>
      </c>
      <c r="EY23" s="103">
        <v>0</v>
      </c>
      <c r="EZ23" s="106">
        <v>0</v>
      </c>
      <c r="FA23" s="100">
        <v>0</v>
      </c>
      <c r="FB23" s="104">
        <v>0</v>
      </c>
      <c r="FC23" s="102">
        <v>0</v>
      </c>
      <c r="FD23" s="324"/>
      <c r="FE23" s="104">
        <v>0</v>
      </c>
      <c r="FF23" s="104">
        <v>0</v>
      </c>
      <c r="FG23" s="104">
        <v>0</v>
      </c>
      <c r="FH23" s="104">
        <v>0</v>
      </c>
      <c r="FI23" s="104">
        <v>0</v>
      </c>
      <c r="FJ23" s="103">
        <v>0</v>
      </c>
      <c r="FK23" s="106">
        <v>0</v>
      </c>
      <c r="FL23" s="100">
        <v>24234</v>
      </c>
      <c r="FM23" s="104">
        <v>332087</v>
      </c>
      <c r="FN23" s="103">
        <v>356321</v>
      </c>
      <c r="FO23" s="100">
        <v>0</v>
      </c>
      <c r="FP23" s="104">
        <v>280301</v>
      </c>
      <c r="FQ23" s="104">
        <v>758716</v>
      </c>
      <c r="FR23" s="104">
        <v>26552</v>
      </c>
      <c r="FS23" s="104">
        <v>575908</v>
      </c>
      <c r="FT23" s="104">
        <v>215432</v>
      </c>
      <c r="FU23" s="103">
        <v>1856909</v>
      </c>
      <c r="FV23" s="106">
        <v>2213230</v>
      </c>
      <c r="FW23" s="105">
        <v>24234</v>
      </c>
      <c r="FX23" s="104">
        <v>118587</v>
      </c>
      <c r="FY23" s="102">
        <v>142821</v>
      </c>
      <c r="FZ23" s="101">
        <v>0</v>
      </c>
      <c r="GA23" s="104">
        <v>280301</v>
      </c>
      <c r="GB23" s="104">
        <v>707126</v>
      </c>
      <c r="GC23" s="104">
        <v>26552</v>
      </c>
      <c r="GD23" s="104">
        <v>463908</v>
      </c>
      <c r="GE23" s="104">
        <v>215432</v>
      </c>
      <c r="GF23" s="103">
        <v>1693319</v>
      </c>
      <c r="GG23" s="296">
        <v>1836140</v>
      </c>
      <c r="GH23" s="105">
        <v>0</v>
      </c>
      <c r="GI23" s="104">
        <v>0</v>
      </c>
      <c r="GJ23" s="102">
        <v>0</v>
      </c>
      <c r="GK23" s="101">
        <v>0</v>
      </c>
      <c r="GL23" s="104">
        <v>0</v>
      </c>
      <c r="GM23" s="104">
        <v>0</v>
      </c>
      <c r="GN23" s="104">
        <v>0</v>
      </c>
      <c r="GO23" s="104">
        <v>0</v>
      </c>
      <c r="GP23" s="104">
        <v>0</v>
      </c>
      <c r="GQ23" s="103">
        <v>0</v>
      </c>
      <c r="GR23" s="106">
        <v>0</v>
      </c>
      <c r="GS23" s="100">
        <v>0</v>
      </c>
      <c r="GT23" s="104">
        <v>213500</v>
      </c>
      <c r="GU23" s="103">
        <v>213500</v>
      </c>
      <c r="GV23" s="100">
        <v>0</v>
      </c>
      <c r="GW23" s="104">
        <v>0</v>
      </c>
      <c r="GX23" s="104">
        <v>51590</v>
      </c>
      <c r="GY23" s="104">
        <v>0</v>
      </c>
      <c r="GZ23" s="104">
        <v>112000</v>
      </c>
      <c r="HA23" s="104">
        <v>0</v>
      </c>
      <c r="HB23" s="102">
        <v>163590</v>
      </c>
      <c r="HC23" s="106">
        <v>377090</v>
      </c>
      <c r="HD23" s="100">
        <v>48498</v>
      </c>
      <c r="HE23" s="104">
        <v>243657</v>
      </c>
      <c r="HF23" s="102">
        <v>292155</v>
      </c>
      <c r="HG23" s="101">
        <v>0</v>
      </c>
      <c r="HH23" s="104">
        <v>1471897</v>
      </c>
      <c r="HI23" s="104">
        <v>1591396</v>
      </c>
      <c r="HJ23" s="104">
        <v>1382295</v>
      </c>
      <c r="HK23" s="104">
        <v>2333746</v>
      </c>
      <c r="HL23" s="104">
        <v>2480506</v>
      </c>
      <c r="HM23" s="103">
        <v>9259840</v>
      </c>
      <c r="HN23" s="99">
        <v>9551995</v>
      </c>
      <c r="HO23" s="306"/>
      <c r="HP23" s="307"/>
      <c r="HQ23" s="308"/>
      <c r="HR23" s="309"/>
      <c r="HS23" s="307"/>
      <c r="HT23" s="307"/>
      <c r="HU23" s="307"/>
      <c r="HV23" s="307"/>
      <c r="HW23" s="307"/>
      <c r="HX23" s="310"/>
      <c r="HY23" s="311"/>
      <c r="HZ23" s="118">
        <v>0</v>
      </c>
      <c r="IA23" s="119">
        <v>69640</v>
      </c>
      <c r="IB23" s="120">
        <v>69640</v>
      </c>
      <c r="IC23" s="133">
        <v>0</v>
      </c>
      <c r="ID23" s="119">
        <v>1217951</v>
      </c>
      <c r="IE23" s="134">
        <v>1455622</v>
      </c>
      <c r="IF23" s="120">
        <v>2241516</v>
      </c>
      <c r="IG23" s="119">
        <v>622836</v>
      </c>
      <c r="IH23" s="120">
        <v>1217579</v>
      </c>
      <c r="II23" s="135">
        <v>6755504</v>
      </c>
      <c r="IJ23" s="126">
        <v>6825144</v>
      </c>
      <c r="IK23" s="219">
        <v>0</v>
      </c>
      <c r="IL23" s="223">
        <v>0</v>
      </c>
      <c r="IM23" s="224">
        <v>0</v>
      </c>
      <c r="IN23" s="127"/>
      <c r="IO23" s="109">
        <v>0</v>
      </c>
      <c r="IP23" s="109">
        <v>0</v>
      </c>
      <c r="IQ23" s="109">
        <v>0</v>
      </c>
      <c r="IR23" s="109">
        <v>0</v>
      </c>
      <c r="IS23" s="109">
        <v>0</v>
      </c>
      <c r="IT23" s="128">
        <v>0</v>
      </c>
      <c r="IU23" s="298">
        <v>0</v>
      </c>
      <c r="IV23" s="129">
        <v>0</v>
      </c>
      <c r="IW23" s="109">
        <v>0</v>
      </c>
      <c r="IX23" s="110">
        <v>0</v>
      </c>
      <c r="IY23" s="131"/>
      <c r="IZ23" s="109">
        <v>0</v>
      </c>
      <c r="JA23" s="109">
        <v>0</v>
      </c>
      <c r="JB23" s="109">
        <v>0</v>
      </c>
      <c r="JC23" s="109">
        <v>44647</v>
      </c>
      <c r="JD23" s="109">
        <v>0</v>
      </c>
      <c r="JE23" s="110">
        <v>44647</v>
      </c>
      <c r="JF23" s="111">
        <v>44647</v>
      </c>
      <c r="JG23" s="129">
        <v>0</v>
      </c>
      <c r="JH23" s="109">
        <v>0</v>
      </c>
      <c r="JI23" s="128">
        <v>0</v>
      </c>
      <c r="JJ23" s="108">
        <v>0</v>
      </c>
      <c r="JK23" s="109">
        <v>673499</v>
      </c>
      <c r="JL23" s="109">
        <v>406420</v>
      </c>
      <c r="JM23" s="109">
        <v>440706</v>
      </c>
      <c r="JN23" s="109">
        <v>160861</v>
      </c>
      <c r="JO23" s="109">
        <v>0</v>
      </c>
      <c r="JP23" s="110">
        <v>1681486</v>
      </c>
      <c r="JQ23" s="298">
        <v>1681486</v>
      </c>
      <c r="JR23" s="129">
        <v>0</v>
      </c>
      <c r="JS23" s="109">
        <v>0</v>
      </c>
      <c r="JT23" s="128">
        <v>0</v>
      </c>
      <c r="JU23" s="108">
        <v>0</v>
      </c>
      <c r="JV23" s="109">
        <v>0</v>
      </c>
      <c r="JW23" s="109">
        <v>0</v>
      </c>
      <c r="JX23" s="109">
        <v>205804</v>
      </c>
      <c r="JY23" s="109">
        <v>180710</v>
      </c>
      <c r="JZ23" s="109">
        <v>0</v>
      </c>
      <c r="KA23" s="110">
        <v>386514</v>
      </c>
      <c r="KB23" s="298">
        <v>386514</v>
      </c>
      <c r="KC23" s="221">
        <v>0</v>
      </c>
      <c r="KD23" s="217">
        <v>69640</v>
      </c>
      <c r="KE23" s="110">
        <v>69640</v>
      </c>
      <c r="KF23" s="108">
        <v>0</v>
      </c>
      <c r="KG23" s="109">
        <v>121216</v>
      </c>
      <c r="KH23" s="109">
        <v>0</v>
      </c>
      <c r="KI23" s="109">
        <v>211454</v>
      </c>
      <c r="KJ23" s="109">
        <v>-83619</v>
      </c>
      <c r="KK23" s="109">
        <v>0</v>
      </c>
      <c r="KL23" s="110">
        <v>249051</v>
      </c>
      <c r="KM23" s="130">
        <v>318691</v>
      </c>
      <c r="KN23" s="219">
        <v>0</v>
      </c>
      <c r="KO23" s="223">
        <v>0</v>
      </c>
      <c r="KP23" s="224">
        <v>0</v>
      </c>
      <c r="KQ23" s="127"/>
      <c r="KR23" s="109">
        <v>423236</v>
      </c>
      <c r="KS23" s="109">
        <v>852355</v>
      </c>
      <c r="KT23" s="109">
        <v>1129819</v>
      </c>
      <c r="KU23" s="109">
        <v>-210891</v>
      </c>
      <c r="KV23" s="109">
        <v>232433</v>
      </c>
      <c r="KW23" s="110">
        <v>2426952</v>
      </c>
      <c r="KX23" s="298">
        <v>2426952</v>
      </c>
      <c r="KY23" s="129">
        <v>0</v>
      </c>
      <c r="KZ23" s="109">
        <v>0</v>
      </c>
      <c r="LA23" s="110">
        <v>0</v>
      </c>
      <c r="LB23" s="132"/>
      <c r="LC23" s="109">
        <v>0</v>
      </c>
      <c r="LD23" s="109">
        <v>0</v>
      </c>
      <c r="LE23" s="109">
        <v>0</v>
      </c>
      <c r="LF23" s="109">
        <v>0</v>
      </c>
      <c r="LG23" s="109">
        <v>0</v>
      </c>
      <c r="LH23" s="110">
        <v>0</v>
      </c>
      <c r="LI23" s="111">
        <v>0</v>
      </c>
      <c r="LJ23" s="129">
        <v>0</v>
      </c>
      <c r="LK23" s="109">
        <v>0</v>
      </c>
      <c r="LL23" s="110">
        <v>0</v>
      </c>
      <c r="LM23" s="132"/>
      <c r="LN23" s="109">
        <v>0</v>
      </c>
      <c r="LO23" s="109">
        <v>0</v>
      </c>
      <c r="LP23" s="109">
        <v>0</v>
      </c>
      <c r="LQ23" s="109">
        <v>249982</v>
      </c>
      <c r="LR23" s="109">
        <v>267341</v>
      </c>
      <c r="LS23" s="110">
        <v>517323</v>
      </c>
      <c r="LT23" s="298">
        <v>517323</v>
      </c>
      <c r="LU23" s="129">
        <v>0</v>
      </c>
      <c r="LV23" s="109">
        <v>0</v>
      </c>
      <c r="LW23" s="110">
        <v>0</v>
      </c>
      <c r="LX23" s="132"/>
      <c r="LY23" s="109">
        <v>0</v>
      </c>
      <c r="LZ23" s="109">
        <v>196847</v>
      </c>
      <c r="MA23" s="109">
        <v>253733</v>
      </c>
      <c r="MB23" s="109">
        <v>281146</v>
      </c>
      <c r="MC23" s="109">
        <v>717805</v>
      </c>
      <c r="MD23" s="110">
        <v>1449531</v>
      </c>
      <c r="ME23" s="111">
        <v>1449531</v>
      </c>
      <c r="MF23" s="129">
        <v>0</v>
      </c>
      <c r="MG23" s="109">
        <v>0</v>
      </c>
      <c r="MH23" s="110">
        <v>0</v>
      </c>
      <c r="MI23" s="132"/>
      <c r="MJ23" s="109">
        <v>393100</v>
      </c>
      <c r="MK23" s="109">
        <v>236573</v>
      </c>
      <c r="ML23" s="109">
        <v>1928254</v>
      </c>
      <c r="MM23" s="109">
        <v>4341874</v>
      </c>
      <c r="MN23" s="109">
        <v>3011140</v>
      </c>
      <c r="MO23" s="110">
        <v>9910941</v>
      </c>
      <c r="MP23" s="130">
        <v>9910941</v>
      </c>
      <c r="MQ23" s="129">
        <v>0</v>
      </c>
      <c r="MR23" s="109">
        <v>0</v>
      </c>
      <c r="MS23" s="110">
        <v>0</v>
      </c>
      <c r="MT23" s="132"/>
      <c r="MU23" s="109">
        <v>0</v>
      </c>
      <c r="MV23" s="109">
        <v>198097</v>
      </c>
      <c r="MW23" s="109">
        <v>1270696</v>
      </c>
      <c r="MX23" s="109">
        <v>2588887</v>
      </c>
      <c r="MY23" s="109">
        <v>1656470</v>
      </c>
      <c r="MZ23" s="110">
        <v>5714150</v>
      </c>
      <c r="NA23" s="130">
        <v>5714150</v>
      </c>
      <c r="NB23" s="129">
        <v>0</v>
      </c>
      <c r="NC23" s="109">
        <v>0</v>
      </c>
      <c r="ND23" s="110">
        <v>0</v>
      </c>
      <c r="NE23" s="132"/>
      <c r="NF23" s="109">
        <v>393100</v>
      </c>
      <c r="NG23" s="109">
        <v>38476</v>
      </c>
      <c r="NH23" s="109">
        <v>657558</v>
      </c>
      <c r="NI23" s="109">
        <v>1752987</v>
      </c>
      <c r="NJ23" s="109">
        <v>858212</v>
      </c>
      <c r="NK23" s="110">
        <v>3700333</v>
      </c>
      <c r="NL23" s="298">
        <v>3700333</v>
      </c>
      <c r="NM23" s="129">
        <v>0</v>
      </c>
      <c r="NN23" s="109">
        <v>0</v>
      </c>
      <c r="NO23" s="110">
        <v>0</v>
      </c>
      <c r="NP23" s="132"/>
      <c r="NQ23" s="109">
        <v>0</v>
      </c>
      <c r="NR23" s="109">
        <v>0</v>
      </c>
      <c r="NS23" s="109">
        <v>0</v>
      </c>
      <c r="NT23" s="109">
        <v>0</v>
      </c>
      <c r="NU23" s="109">
        <v>272262</v>
      </c>
      <c r="NV23" s="110">
        <v>272262</v>
      </c>
      <c r="NW23" s="111">
        <v>272262</v>
      </c>
      <c r="NX23" s="129">
        <v>0</v>
      </c>
      <c r="NY23" s="109">
        <v>0</v>
      </c>
      <c r="NZ23" s="110">
        <v>0</v>
      </c>
      <c r="OA23" s="132"/>
      <c r="OB23" s="109">
        <v>0</v>
      </c>
      <c r="OC23" s="109">
        <v>0</v>
      </c>
      <c r="OD23" s="109">
        <v>0</v>
      </c>
      <c r="OE23" s="109">
        <v>0</v>
      </c>
      <c r="OF23" s="109">
        <v>224196</v>
      </c>
      <c r="OG23" s="110">
        <v>224196</v>
      </c>
      <c r="OH23" s="111">
        <v>224196</v>
      </c>
      <c r="OI23" s="129">
        <v>342730</v>
      </c>
      <c r="OJ23" s="109">
        <v>1024195</v>
      </c>
      <c r="OK23" s="128">
        <v>1366925</v>
      </c>
      <c r="OL23" s="108">
        <v>0</v>
      </c>
      <c r="OM23" s="109">
        <v>7399141</v>
      </c>
      <c r="ON23" s="109">
        <v>10468259</v>
      </c>
      <c r="OO23" s="109">
        <v>10116874</v>
      </c>
      <c r="OP23" s="109">
        <v>14056857</v>
      </c>
      <c r="OQ23" s="109">
        <v>9406490</v>
      </c>
      <c r="OR23" s="110">
        <v>51447621</v>
      </c>
      <c r="OS23" s="130">
        <v>52814546</v>
      </c>
    </row>
    <row r="24" spans="2:409" ht="21" customHeight="1" x14ac:dyDescent="0.2">
      <c r="B24" s="472" t="s">
        <v>19</v>
      </c>
      <c r="C24" s="100">
        <v>190561</v>
      </c>
      <c r="D24" s="104">
        <v>335064</v>
      </c>
      <c r="E24" s="103">
        <v>525625</v>
      </c>
      <c r="F24" s="99">
        <v>0</v>
      </c>
      <c r="G24" s="104">
        <v>3259551</v>
      </c>
      <c r="H24" s="104">
        <v>3094987</v>
      </c>
      <c r="I24" s="104">
        <v>2761041</v>
      </c>
      <c r="J24" s="104">
        <v>1774125</v>
      </c>
      <c r="K24" s="104">
        <v>1482917</v>
      </c>
      <c r="L24" s="99">
        <v>12372621</v>
      </c>
      <c r="M24" s="106">
        <v>12898246</v>
      </c>
      <c r="N24" s="100">
        <v>95580</v>
      </c>
      <c r="O24" s="104">
        <v>107029</v>
      </c>
      <c r="P24" s="103">
        <v>202609</v>
      </c>
      <c r="Q24" s="100">
        <v>0</v>
      </c>
      <c r="R24" s="104">
        <v>1035944</v>
      </c>
      <c r="S24" s="104">
        <v>814520</v>
      </c>
      <c r="T24" s="104">
        <v>738350</v>
      </c>
      <c r="U24" s="104">
        <v>595088</v>
      </c>
      <c r="V24" s="104">
        <v>239654</v>
      </c>
      <c r="W24" s="103">
        <v>3423556</v>
      </c>
      <c r="X24" s="106">
        <v>3626165</v>
      </c>
      <c r="Y24" s="100">
        <v>0</v>
      </c>
      <c r="Z24" s="104">
        <v>0</v>
      </c>
      <c r="AA24" s="103">
        <v>0</v>
      </c>
      <c r="AB24" s="100">
        <v>0</v>
      </c>
      <c r="AC24" s="104">
        <v>232992</v>
      </c>
      <c r="AD24" s="104">
        <v>322938</v>
      </c>
      <c r="AE24" s="104">
        <v>395100</v>
      </c>
      <c r="AF24" s="104">
        <v>136705</v>
      </c>
      <c r="AG24" s="104">
        <v>8839</v>
      </c>
      <c r="AH24" s="103">
        <v>1096574</v>
      </c>
      <c r="AI24" s="106">
        <v>1096574</v>
      </c>
      <c r="AJ24" s="100">
        <v>0</v>
      </c>
      <c r="AK24" s="104">
        <v>0</v>
      </c>
      <c r="AL24" s="103">
        <v>0</v>
      </c>
      <c r="AM24" s="100">
        <v>0</v>
      </c>
      <c r="AN24" s="104">
        <v>0</v>
      </c>
      <c r="AO24" s="104">
        <v>0</v>
      </c>
      <c r="AP24" s="104">
        <v>12011</v>
      </c>
      <c r="AQ24" s="104">
        <v>19926</v>
      </c>
      <c r="AR24" s="104">
        <v>84325</v>
      </c>
      <c r="AS24" s="103">
        <v>116262</v>
      </c>
      <c r="AT24" s="106">
        <v>116262</v>
      </c>
      <c r="AU24" s="100">
        <v>67034</v>
      </c>
      <c r="AV24" s="104">
        <v>88500</v>
      </c>
      <c r="AW24" s="103">
        <v>155534</v>
      </c>
      <c r="AX24" s="100">
        <v>0</v>
      </c>
      <c r="AY24" s="104">
        <v>609978</v>
      </c>
      <c r="AZ24" s="104">
        <v>310660</v>
      </c>
      <c r="BA24" s="104">
        <v>185261</v>
      </c>
      <c r="BB24" s="104">
        <v>240978</v>
      </c>
      <c r="BC24" s="104">
        <v>56435</v>
      </c>
      <c r="BD24" s="103">
        <v>1403312</v>
      </c>
      <c r="BE24" s="106">
        <v>1558846</v>
      </c>
      <c r="BF24" s="100">
        <v>0</v>
      </c>
      <c r="BG24" s="104">
        <v>0</v>
      </c>
      <c r="BH24" s="102">
        <v>0</v>
      </c>
      <c r="BI24" s="101">
        <v>0</v>
      </c>
      <c r="BJ24" s="104">
        <v>77894</v>
      </c>
      <c r="BK24" s="104">
        <v>0</v>
      </c>
      <c r="BL24" s="104">
        <v>0</v>
      </c>
      <c r="BM24" s="104">
        <v>69127</v>
      </c>
      <c r="BN24" s="104">
        <v>0</v>
      </c>
      <c r="BO24" s="103">
        <v>147021</v>
      </c>
      <c r="BP24" s="106">
        <v>147021</v>
      </c>
      <c r="BQ24" s="100">
        <v>28546</v>
      </c>
      <c r="BR24" s="104">
        <v>18529</v>
      </c>
      <c r="BS24" s="103">
        <v>47075</v>
      </c>
      <c r="BT24" s="100">
        <v>0</v>
      </c>
      <c r="BU24" s="104">
        <v>115080</v>
      </c>
      <c r="BV24" s="104">
        <v>180922</v>
      </c>
      <c r="BW24" s="104">
        <v>145978</v>
      </c>
      <c r="BX24" s="104">
        <v>128352</v>
      </c>
      <c r="BY24" s="104">
        <v>90055</v>
      </c>
      <c r="BZ24" s="103">
        <v>660387</v>
      </c>
      <c r="CA24" s="106">
        <v>707462</v>
      </c>
      <c r="CB24" s="100">
        <v>18816</v>
      </c>
      <c r="CC24" s="104">
        <v>70710</v>
      </c>
      <c r="CD24" s="103">
        <v>89526</v>
      </c>
      <c r="CE24" s="100">
        <v>0</v>
      </c>
      <c r="CF24" s="104">
        <v>994321</v>
      </c>
      <c r="CG24" s="104">
        <v>933483</v>
      </c>
      <c r="CH24" s="104">
        <v>554695</v>
      </c>
      <c r="CI24" s="104">
        <v>259419</v>
      </c>
      <c r="CJ24" s="104">
        <v>475187</v>
      </c>
      <c r="CK24" s="103">
        <v>3217105</v>
      </c>
      <c r="CL24" s="106">
        <v>3306631</v>
      </c>
      <c r="CM24" s="100">
        <v>0</v>
      </c>
      <c r="CN24" s="104">
        <v>0</v>
      </c>
      <c r="CO24" s="103">
        <v>0</v>
      </c>
      <c r="CP24" s="101">
        <v>0</v>
      </c>
      <c r="CQ24" s="104">
        <v>543660</v>
      </c>
      <c r="CR24" s="104">
        <v>634314</v>
      </c>
      <c r="CS24" s="104">
        <v>175828</v>
      </c>
      <c r="CT24" s="104">
        <v>35609</v>
      </c>
      <c r="CU24" s="104">
        <v>385142</v>
      </c>
      <c r="CV24" s="103">
        <v>1774553</v>
      </c>
      <c r="CW24" s="106">
        <v>1774553</v>
      </c>
      <c r="CX24" s="100">
        <v>18816</v>
      </c>
      <c r="CY24" s="104">
        <v>70710</v>
      </c>
      <c r="CZ24" s="103">
        <v>89526</v>
      </c>
      <c r="DA24" s="100">
        <v>0</v>
      </c>
      <c r="DB24" s="104">
        <v>450661</v>
      </c>
      <c r="DC24" s="104">
        <v>299169</v>
      </c>
      <c r="DD24" s="104">
        <v>378867</v>
      </c>
      <c r="DE24" s="104">
        <v>223810</v>
      </c>
      <c r="DF24" s="104">
        <v>90045</v>
      </c>
      <c r="DG24" s="103">
        <v>1442552</v>
      </c>
      <c r="DH24" s="106">
        <v>1532078</v>
      </c>
      <c r="DI24" s="100">
        <v>0</v>
      </c>
      <c r="DJ24" s="104">
        <v>16262</v>
      </c>
      <c r="DK24" s="102">
        <v>16262</v>
      </c>
      <c r="DL24" s="101">
        <v>0</v>
      </c>
      <c r="DM24" s="104">
        <v>185769</v>
      </c>
      <c r="DN24" s="104">
        <v>20500</v>
      </c>
      <c r="DO24" s="104">
        <v>371912</v>
      </c>
      <c r="DP24" s="104">
        <v>166807</v>
      </c>
      <c r="DQ24" s="104">
        <v>82483</v>
      </c>
      <c r="DR24" s="103">
        <v>827471</v>
      </c>
      <c r="DS24" s="106">
        <v>843733</v>
      </c>
      <c r="DT24" s="100">
        <v>0</v>
      </c>
      <c r="DU24" s="104">
        <v>16262</v>
      </c>
      <c r="DV24" s="103">
        <v>16262</v>
      </c>
      <c r="DW24" s="100">
        <v>0</v>
      </c>
      <c r="DX24" s="104">
        <v>70946</v>
      </c>
      <c r="DY24" s="104">
        <v>20500</v>
      </c>
      <c r="DZ24" s="104">
        <v>371912</v>
      </c>
      <c r="EA24" s="104">
        <v>49124</v>
      </c>
      <c r="EB24" s="104">
        <v>0</v>
      </c>
      <c r="EC24" s="103">
        <v>512482</v>
      </c>
      <c r="ED24" s="106">
        <v>528744</v>
      </c>
      <c r="EE24" s="100">
        <v>0</v>
      </c>
      <c r="EF24" s="102">
        <v>0</v>
      </c>
      <c r="EG24" s="103">
        <v>0</v>
      </c>
      <c r="EH24" s="100">
        <v>0</v>
      </c>
      <c r="EI24" s="104">
        <v>114823</v>
      </c>
      <c r="EJ24" s="104">
        <v>0</v>
      </c>
      <c r="EK24" s="104">
        <v>0</v>
      </c>
      <c r="EL24" s="104">
        <v>117683</v>
      </c>
      <c r="EM24" s="104">
        <v>82483</v>
      </c>
      <c r="EN24" s="102">
        <v>314989</v>
      </c>
      <c r="EO24" s="106">
        <v>314989</v>
      </c>
      <c r="EP24" s="100">
        <v>0</v>
      </c>
      <c r="EQ24" s="104">
        <v>0</v>
      </c>
      <c r="ER24" s="102">
        <v>0</v>
      </c>
      <c r="ES24" s="101">
        <v>0</v>
      </c>
      <c r="ET24" s="104">
        <v>0</v>
      </c>
      <c r="EU24" s="104">
        <v>0</v>
      </c>
      <c r="EV24" s="104">
        <v>0</v>
      </c>
      <c r="EW24" s="104">
        <v>0</v>
      </c>
      <c r="EX24" s="104">
        <v>0</v>
      </c>
      <c r="EY24" s="103">
        <v>0</v>
      </c>
      <c r="EZ24" s="106">
        <v>0</v>
      </c>
      <c r="FA24" s="100">
        <v>0</v>
      </c>
      <c r="FB24" s="104">
        <v>0</v>
      </c>
      <c r="FC24" s="102">
        <v>0</v>
      </c>
      <c r="FD24" s="324"/>
      <c r="FE24" s="104">
        <v>0</v>
      </c>
      <c r="FF24" s="104">
        <v>0</v>
      </c>
      <c r="FG24" s="104">
        <v>0</v>
      </c>
      <c r="FH24" s="104">
        <v>0</v>
      </c>
      <c r="FI24" s="104">
        <v>0</v>
      </c>
      <c r="FJ24" s="103">
        <v>0</v>
      </c>
      <c r="FK24" s="106">
        <v>0</v>
      </c>
      <c r="FL24" s="100">
        <v>28770</v>
      </c>
      <c r="FM24" s="104">
        <v>57680</v>
      </c>
      <c r="FN24" s="103">
        <v>86450</v>
      </c>
      <c r="FO24" s="100">
        <v>0</v>
      </c>
      <c r="FP24" s="104">
        <v>257226</v>
      </c>
      <c r="FQ24" s="104">
        <v>225652</v>
      </c>
      <c r="FR24" s="104">
        <v>218001</v>
      </c>
      <c r="FS24" s="104">
        <v>173334</v>
      </c>
      <c r="FT24" s="104">
        <v>96236</v>
      </c>
      <c r="FU24" s="103">
        <v>970449</v>
      </c>
      <c r="FV24" s="106">
        <v>1056899</v>
      </c>
      <c r="FW24" s="105">
        <v>28770</v>
      </c>
      <c r="FX24" s="104">
        <v>57680</v>
      </c>
      <c r="FY24" s="102">
        <v>86450</v>
      </c>
      <c r="FZ24" s="101">
        <v>0</v>
      </c>
      <c r="GA24" s="104">
        <v>146678</v>
      </c>
      <c r="GB24" s="104">
        <v>225652</v>
      </c>
      <c r="GC24" s="104">
        <v>218001</v>
      </c>
      <c r="GD24" s="104">
        <v>173334</v>
      </c>
      <c r="GE24" s="104">
        <v>96236</v>
      </c>
      <c r="GF24" s="103">
        <v>859901</v>
      </c>
      <c r="GG24" s="296">
        <v>946351</v>
      </c>
      <c r="GH24" s="105">
        <v>0</v>
      </c>
      <c r="GI24" s="104">
        <v>0</v>
      </c>
      <c r="GJ24" s="102">
        <v>0</v>
      </c>
      <c r="GK24" s="101">
        <v>0</v>
      </c>
      <c r="GL24" s="104">
        <v>12250</v>
      </c>
      <c r="GM24" s="104">
        <v>0</v>
      </c>
      <c r="GN24" s="104">
        <v>0</v>
      </c>
      <c r="GO24" s="104">
        <v>0</v>
      </c>
      <c r="GP24" s="104">
        <v>0</v>
      </c>
      <c r="GQ24" s="103">
        <v>12250</v>
      </c>
      <c r="GR24" s="106">
        <v>12250</v>
      </c>
      <c r="GS24" s="100">
        <v>0</v>
      </c>
      <c r="GT24" s="104">
        <v>0</v>
      </c>
      <c r="GU24" s="103">
        <v>0</v>
      </c>
      <c r="GV24" s="100">
        <v>0</v>
      </c>
      <c r="GW24" s="104">
        <v>98298</v>
      </c>
      <c r="GX24" s="104">
        <v>0</v>
      </c>
      <c r="GY24" s="104">
        <v>0</v>
      </c>
      <c r="GZ24" s="104">
        <v>0</v>
      </c>
      <c r="HA24" s="104">
        <v>0</v>
      </c>
      <c r="HB24" s="102">
        <v>98298</v>
      </c>
      <c r="HC24" s="106">
        <v>98298</v>
      </c>
      <c r="HD24" s="100">
        <v>47395</v>
      </c>
      <c r="HE24" s="104">
        <v>83383</v>
      </c>
      <c r="HF24" s="102">
        <v>130778</v>
      </c>
      <c r="HG24" s="101">
        <v>0</v>
      </c>
      <c r="HH24" s="104">
        <v>786291</v>
      </c>
      <c r="HI24" s="104">
        <v>1100832</v>
      </c>
      <c r="HJ24" s="104">
        <v>878083</v>
      </c>
      <c r="HK24" s="104">
        <v>579477</v>
      </c>
      <c r="HL24" s="104">
        <v>589357</v>
      </c>
      <c r="HM24" s="103">
        <v>3934040</v>
      </c>
      <c r="HN24" s="99">
        <v>4064818</v>
      </c>
      <c r="HO24" s="306"/>
      <c r="HP24" s="307"/>
      <c r="HQ24" s="308"/>
      <c r="HR24" s="309"/>
      <c r="HS24" s="307"/>
      <c r="HT24" s="307"/>
      <c r="HU24" s="307"/>
      <c r="HV24" s="307"/>
      <c r="HW24" s="307"/>
      <c r="HX24" s="310"/>
      <c r="HY24" s="311"/>
      <c r="HZ24" s="137">
        <v>0</v>
      </c>
      <c r="IA24" s="122">
        <v>0</v>
      </c>
      <c r="IB24" s="137">
        <v>0</v>
      </c>
      <c r="IC24" s="121">
        <v>0</v>
      </c>
      <c r="ID24" s="122">
        <v>310737</v>
      </c>
      <c r="IE24" s="123">
        <v>620602</v>
      </c>
      <c r="IF24" s="124">
        <v>721324</v>
      </c>
      <c r="IG24" s="122">
        <v>324435</v>
      </c>
      <c r="IH24" s="124">
        <v>824198</v>
      </c>
      <c r="II24" s="125">
        <v>2801296</v>
      </c>
      <c r="IJ24" s="137">
        <v>2801296</v>
      </c>
      <c r="IK24" s="219">
        <v>0</v>
      </c>
      <c r="IL24" s="223">
        <v>0</v>
      </c>
      <c r="IM24" s="224">
        <v>0</v>
      </c>
      <c r="IN24" s="127"/>
      <c r="IO24" s="109">
        <v>0</v>
      </c>
      <c r="IP24" s="109">
        <v>182732</v>
      </c>
      <c r="IQ24" s="109">
        <v>0</v>
      </c>
      <c r="IR24" s="109">
        <v>176179</v>
      </c>
      <c r="IS24" s="109">
        <v>191676</v>
      </c>
      <c r="IT24" s="128">
        <v>550587</v>
      </c>
      <c r="IU24" s="298">
        <v>550587</v>
      </c>
      <c r="IV24" s="129">
        <v>0</v>
      </c>
      <c r="IW24" s="109">
        <v>0</v>
      </c>
      <c r="IX24" s="110">
        <v>0</v>
      </c>
      <c r="IY24" s="131"/>
      <c r="IZ24" s="109">
        <v>0</v>
      </c>
      <c r="JA24" s="109">
        <v>0</v>
      </c>
      <c r="JB24" s="109">
        <v>0</v>
      </c>
      <c r="JC24" s="109">
        <v>8913</v>
      </c>
      <c r="JD24" s="109">
        <v>0</v>
      </c>
      <c r="JE24" s="110">
        <v>8913</v>
      </c>
      <c r="JF24" s="111">
        <v>8913</v>
      </c>
      <c r="JG24" s="129">
        <v>0</v>
      </c>
      <c r="JH24" s="109">
        <v>0</v>
      </c>
      <c r="JI24" s="128">
        <v>0</v>
      </c>
      <c r="JJ24" s="108">
        <v>0</v>
      </c>
      <c r="JK24" s="109">
        <v>275711</v>
      </c>
      <c r="JL24" s="109">
        <v>340795</v>
      </c>
      <c r="JM24" s="109">
        <v>36313</v>
      </c>
      <c r="JN24" s="109">
        <v>139343</v>
      </c>
      <c r="JO24" s="109">
        <v>0</v>
      </c>
      <c r="JP24" s="110">
        <v>792162</v>
      </c>
      <c r="JQ24" s="298">
        <v>792162</v>
      </c>
      <c r="JR24" s="129">
        <v>0</v>
      </c>
      <c r="JS24" s="109">
        <v>0</v>
      </c>
      <c r="JT24" s="128">
        <v>0</v>
      </c>
      <c r="JU24" s="108">
        <v>0</v>
      </c>
      <c r="JV24" s="109">
        <v>35026</v>
      </c>
      <c r="JW24" s="109">
        <v>97075</v>
      </c>
      <c r="JX24" s="109">
        <v>0</v>
      </c>
      <c r="JY24" s="109">
        <v>0</v>
      </c>
      <c r="JZ24" s="109">
        <v>0</v>
      </c>
      <c r="KA24" s="110">
        <v>132101</v>
      </c>
      <c r="KB24" s="298">
        <v>132101</v>
      </c>
      <c r="KC24" s="221">
        <v>0</v>
      </c>
      <c r="KD24" s="217">
        <v>0</v>
      </c>
      <c r="KE24" s="110">
        <v>0</v>
      </c>
      <c r="KF24" s="108">
        <v>0</v>
      </c>
      <c r="KG24" s="109">
        <v>0</v>
      </c>
      <c r="KH24" s="109">
        <v>0</v>
      </c>
      <c r="KI24" s="109">
        <v>424983</v>
      </c>
      <c r="KJ24" s="109">
        <v>0</v>
      </c>
      <c r="KK24" s="109">
        <v>0</v>
      </c>
      <c r="KL24" s="110">
        <v>424983</v>
      </c>
      <c r="KM24" s="130">
        <v>424983</v>
      </c>
      <c r="KN24" s="219">
        <v>0</v>
      </c>
      <c r="KO24" s="223">
        <v>0</v>
      </c>
      <c r="KP24" s="224">
        <v>0</v>
      </c>
      <c r="KQ24" s="127"/>
      <c r="KR24" s="109">
        <v>0</v>
      </c>
      <c r="KS24" s="109">
        <v>0</v>
      </c>
      <c r="KT24" s="109">
        <v>223348</v>
      </c>
      <c r="KU24" s="109">
        <v>0</v>
      </c>
      <c r="KV24" s="109">
        <v>227064</v>
      </c>
      <c r="KW24" s="110">
        <v>450412</v>
      </c>
      <c r="KX24" s="298">
        <v>450412</v>
      </c>
      <c r="KY24" s="129">
        <v>0</v>
      </c>
      <c r="KZ24" s="109">
        <v>0</v>
      </c>
      <c r="LA24" s="110">
        <v>0</v>
      </c>
      <c r="LB24" s="132"/>
      <c r="LC24" s="109">
        <v>0</v>
      </c>
      <c r="LD24" s="109">
        <v>0</v>
      </c>
      <c r="LE24" s="109">
        <v>0</v>
      </c>
      <c r="LF24" s="109">
        <v>0</v>
      </c>
      <c r="LG24" s="109">
        <v>0</v>
      </c>
      <c r="LH24" s="110">
        <v>0</v>
      </c>
      <c r="LI24" s="111">
        <v>0</v>
      </c>
      <c r="LJ24" s="129">
        <v>0</v>
      </c>
      <c r="LK24" s="109">
        <v>0</v>
      </c>
      <c r="LL24" s="110">
        <v>0</v>
      </c>
      <c r="LM24" s="132"/>
      <c r="LN24" s="109">
        <v>0</v>
      </c>
      <c r="LO24" s="109">
        <v>0</v>
      </c>
      <c r="LP24" s="109">
        <v>0</v>
      </c>
      <c r="LQ24" s="109">
        <v>0</v>
      </c>
      <c r="LR24" s="109">
        <v>0</v>
      </c>
      <c r="LS24" s="110">
        <v>0</v>
      </c>
      <c r="LT24" s="298">
        <v>0</v>
      </c>
      <c r="LU24" s="129">
        <v>0</v>
      </c>
      <c r="LV24" s="109">
        <v>0</v>
      </c>
      <c r="LW24" s="110">
        <v>0</v>
      </c>
      <c r="LX24" s="132"/>
      <c r="LY24" s="109">
        <v>0</v>
      </c>
      <c r="LZ24" s="109">
        <v>0</v>
      </c>
      <c r="MA24" s="109">
        <v>36680</v>
      </c>
      <c r="MB24" s="109">
        <v>0</v>
      </c>
      <c r="MC24" s="109">
        <v>405458</v>
      </c>
      <c r="MD24" s="110">
        <v>442138</v>
      </c>
      <c r="ME24" s="111">
        <v>442138</v>
      </c>
      <c r="MF24" s="129">
        <v>0</v>
      </c>
      <c r="MG24" s="109">
        <v>0</v>
      </c>
      <c r="MH24" s="110">
        <v>0</v>
      </c>
      <c r="MI24" s="132"/>
      <c r="MJ24" s="109">
        <v>0</v>
      </c>
      <c r="MK24" s="109">
        <v>689481</v>
      </c>
      <c r="ML24" s="109">
        <v>866927</v>
      </c>
      <c r="MM24" s="109">
        <v>918878</v>
      </c>
      <c r="MN24" s="109">
        <v>1142730</v>
      </c>
      <c r="MO24" s="110">
        <v>3618016</v>
      </c>
      <c r="MP24" s="130">
        <v>3618016</v>
      </c>
      <c r="MQ24" s="129">
        <v>0</v>
      </c>
      <c r="MR24" s="109">
        <v>0</v>
      </c>
      <c r="MS24" s="110">
        <v>0</v>
      </c>
      <c r="MT24" s="132"/>
      <c r="MU24" s="109">
        <v>0</v>
      </c>
      <c r="MV24" s="109">
        <v>0</v>
      </c>
      <c r="MW24" s="109">
        <v>408219</v>
      </c>
      <c r="MX24" s="109">
        <v>442944</v>
      </c>
      <c r="MY24" s="109">
        <v>746992</v>
      </c>
      <c r="MZ24" s="110">
        <v>1598155</v>
      </c>
      <c r="NA24" s="130">
        <v>1598155</v>
      </c>
      <c r="NB24" s="129">
        <v>0</v>
      </c>
      <c r="NC24" s="109">
        <v>0</v>
      </c>
      <c r="ND24" s="110">
        <v>0</v>
      </c>
      <c r="NE24" s="132"/>
      <c r="NF24" s="109">
        <v>0</v>
      </c>
      <c r="NG24" s="109">
        <v>689481</v>
      </c>
      <c r="NH24" s="109">
        <v>458708</v>
      </c>
      <c r="NI24" s="109">
        <v>475934</v>
      </c>
      <c r="NJ24" s="109">
        <v>37664</v>
      </c>
      <c r="NK24" s="110">
        <v>1661787</v>
      </c>
      <c r="NL24" s="298">
        <v>1661787</v>
      </c>
      <c r="NM24" s="129">
        <v>0</v>
      </c>
      <c r="NN24" s="109">
        <v>0</v>
      </c>
      <c r="NO24" s="110">
        <v>0</v>
      </c>
      <c r="NP24" s="132"/>
      <c r="NQ24" s="109">
        <v>0</v>
      </c>
      <c r="NR24" s="109">
        <v>0</v>
      </c>
      <c r="NS24" s="109">
        <v>0</v>
      </c>
      <c r="NT24" s="109">
        <v>0</v>
      </c>
      <c r="NU24" s="109">
        <v>0</v>
      </c>
      <c r="NV24" s="110">
        <v>0</v>
      </c>
      <c r="NW24" s="111">
        <v>0</v>
      </c>
      <c r="NX24" s="129">
        <v>0</v>
      </c>
      <c r="NY24" s="109">
        <v>0</v>
      </c>
      <c r="NZ24" s="110">
        <v>0</v>
      </c>
      <c r="OA24" s="132"/>
      <c r="OB24" s="109">
        <v>0</v>
      </c>
      <c r="OC24" s="109">
        <v>0</v>
      </c>
      <c r="OD24" s="109">
        <v>0</v>
      </c>
      <c r="OE24" s="109">
        <v>0</v>
      </c>
      <c r="OF24" s="109">
        <v>358074</v>
      </c>
      <c r="OG24" s="110">
        <v>358074</v>
      </c>
      <c r="OH24" s="111">
        <v>358074</v>
      </c>
      <c r="OI24" s="129">
        <v>190561</v>
      </c>
      <c r="OJ24" s="109">
        <v>335064</v>
      </c>
      <c r="OK24" s="128">
        <v>525625</v>
      </c>
      <c r="OL24" s="108">
        <v>0</v>
      </c>
      <c r="OM24" s="109">
        <v>3570288</v>
      </c>
      <c r="ON24" s="109">
        <v>4405070</v>
      </c>
      <c r="OO24" s="109">
        <v>4349292</v>
      </c>
      <c r="OP24" s="109">
        <v>3017438</v>
      </c>
      <c r="OQ24" s="109">
        <v>3449845</v>
      </c>
      <c r="OR24" s="110">
        <v>18791933</v>
      </c>
      <c r="OS24" s="130">
        <v>19317558</v>
      </c>
    </row>
    <row r="25" spans="2:409" ht="21" customHeight="1" x14ac:dyDescent="0.2">
      <c r="B25" s="472" t="s">
        <v>20</v>
      </c>
      <c r="C25" s="100">
        <v>217912</v>
      </c>
      <c r="D25" s="104">
        <v>573161</v>
      </c>
      <c r="E25" s="103">
        <v>791073</v>
      </c>
      <c r="F25" s="100">
        <v>0</v>
      </c>
      <c r="G25" s="104">
        <v>2804715</v>
      </c>
      <c r="H25" s="104">
        <v>3966170</v>
      </c>
      <c r="I25" s="104">
        <v>3055131</v>
      </c>
      <c r="J25" s="104">
        <v>2807224</v>
      </c>
      <c r="K25" s="104">
        <v>1839502</v>
      </c>
      <c r="L25" s="160">
        <v>14472742</v>
      </c>
      <c r="M25" s="106">
        <v>15263815</v>
      </c>
      <c r="N25" s="100">
        <v>61607</v>
      </c>
      <c r="O25" s="104">
        <v>178248</v>
      </c>
      <c r="P25" s="103">
        <v>239855</v>
      </c>
      <c r="Q25" s="100">
        <v>0</v>
      </c>
      <c r="R25" s="104">
        <v>1070488</v>
      </c>
      <c r="S25" s="104">
        <v>1344768</v>
      </c>
      <c r="T25" s="104">
        <v>722059</v>
      </c>
      <c r="U25" s="104">
        <v>953314</v>
      </c>
      <c r="V25" s="104">
        <v>939677</v>
      </c>
      <c r="W25" s="103">
        <v>5030306</v>
      </c>
      <c r="X25" s="106">
        <v>5270161</v>
      </c>
      <c r="Y25" s="100">
        <v>0</v>
      </c>
      <c r="Z25" s="104">
        <v>0</v>
      </c>
      <c r="AA25" s="103">
        <v>0</v>
      </c>
      <c r="AB25" s="100">
        <v>0</v>
      </c>
      <c r="AC25" s="104">
        <v>263074</v>
      </c>
      <c r="AD25" s="104">
        <v>641381</v>
      </c>
      <c r="AE25" s="104">
        <v>279613</v>
      </c>
      <c r="AF25" s="104">
        <v>391941</v>
      </c>
      <c r="AG25" s="104">
        <v>572965</v>
      </c>
      <c r="AH25" s="103">
        <v>2148974</v>
      </c>
      <c r="AI25" s="106">
        <v>2148974</v>
      </c>
      <c r="AJ25" s="100">
        <v>0</v>
      </c>
      <c r="AK25" s="104">
        <v>0</v>
      </c>
      <c r="AL25" s="103">
        <v>0</v>
      </c>
      <c r="AM25" s="100">
        <v>0</v>
      </c>
      <c r="AN25" s="104">
        <v>84559</v>
      </c>
      <c r="AO25" s="104">
        <v>0</v>
      </c>
      <c r="AP25" s="104">
        <v>0</v>
      </c>
      <c r="AQ25" s="104">
        <v>195625</v>
      </c>
      <c r="AR25" s="104">
        <v>131149</v>
      </c>
      <c r="AS25" s="103">
        <v>411333</v>
      </c>
      <c r="AT25" s="106">
        <v>411333</v>
      </c>
      <c r="AU25" s="100">
        <v>25312</v>
      </c>
      <c r="AV25" s="104">
        <v>108431</v>
      </c>
      <c r="AW25" s="103">
        <v>133743</v>
      </c>
      <c r="AX25" s="100">
        <v>0</v>
      </c>
      <c r="AY25" s="104">
        <v>485393</v>
      </c>
      <c r="AZ25" s="104">
        <v>375813</v>
      </c>
      <c r="BA25" s="104">
        <v>213956</v>
      </c>
      <c r="BB25" s="104">
        <v>187664</v>
      </c>
      <c r="BC25" s="104">
        <v>102612</v>
      </c>
      <c r="BD25" s="103">
        <v>1365438</v>
      </c>
      <c r="BE25" s="106">
        <v>1499181</v>
      </c>
      <c r="BF25" s="100">
        <v>0</v>
      </c>
      <c r="BG25" s="104">
        <v>55453</v>
      </c>
      <c r="BH25" s="102">
        <v>55453</v>
      </c>
      <c r="BI25" s="101">
        <v>0</v>
      </c>
      <c r="BJ25" s="104">
        <v>136676</v>
      </c>
      <c r="BK25" s="104">
        <v>119352</v>
      </c>
      <c r="BL25" s="104">
        <v>95833</v>
      </c>
      <c r="BM25" s="104">
        <v>65902</v>
      </c>
      <c r="BN25" s="104">
        <v>20258</v>
      </c>
      <c r="BO25" s="103">
        <v>438021</v>
      </c>
      <c r="BP25" s="106">
        <v>493474</v>
      </c>
      <c r="BQ25" s="100">
        <v>36295</v>
      </c>
      <c r="BR25" s="104">
        <v>14364</v>
      </c>
      <c r="BS25" s="103">
        <v>50659</v>
      </c>
      <c r="BT25" s="100">
        <v>0</v>
      </c>
      <c r="BU25" s="104">
        <v>100786</v>
      </c>
      <c r="BV25" s="104">
        <v>208222</v>
      </c>
      <c r="BW25" s="104">
        <v>132657</v>
      </c>
      <c r="BX25" s="104">
        <v>112182</v>
      </c>
      <c r="BY25" s="104">
        <v>112693</v>
      </c>
      <c r="BZ25" s="103">
        <v>666540</v>
      </c>
      <c r="CA25" s="106">
        <v>717199</v>
      </c>
      <c r="CB25" s="100">
        <v>19177</v>
      </c>
      <c r="CC25" s="104">
        <v>103800</v>
      </c>
      <c r="CD25" s="103">
        <v>122977</v>
      </c>
      <c r="CE25" s="100">
        <v>0</v>
      </c>
      <c r="CF25" s="104">
        <v>726295</v>
      </c>
      <c r="CG25" s="104">
        <v>1386166</v>
      </c>
      <c r="CH25" s="104">
        <v>875999</v>
      </c>
      <c r="CI25" s="104">
        <v>565725</v>
      </c>
      <c r="CJ25" s="104">
        <v>371606</v>
      </c>
      <c r="CK25" s="103">
        <v>3925791</v>
      </c>
      <c r="CL25" s="106">
        <v>4048768</v>
      </c>
      <c r="CM25" s="100">
        <v>0</v>
      </c>
      <c r="CN25" s="104">
        <v>0</v>
      </c>
      <c r="CO25" s="103">
        <v>0</v>
      </c>
      <c r="CP25" s="101">
        <v>0</v>
      </c>
      <c r="CQ25" s="104">
        <v>639612</v>
      </c>
      <c r="CR25" s="104">
        <v>732155</v>
      </c>
      <c r="CS25" s="104">
        <v>552756</v>
      </c>
      <c r="CT25" s="104">
        <v>386243</v>
      </c>
      <c r="CU25" s="104">
        <v>210772</v>
      </c>
      <c r="CV25" s="103">
        <v>2521538</v>
      </c>
      <c r="CW25" s="106">
        <v>2521538</v>
      </c>
      <c r="CX25" s="100">
        <v>19177</v>
      </c>
      <c r="CY25" s="104">
        <v>103800</v>
      </c>
      <c r="CZ25" s="103">
        <v>122977</v>
      </c>
      <c r="DA25" s="100">
        <v>0</v>
      </c>
      <c r="DB25" s="104">
        <v>86683</v>
      </c>
      <c r="DC25" s="104">
        <v>654011</v>
      </c>
      <c r="DD25" s="104">
        <v>323243</v>
      </c>
      <c r="DE25" s="104">
        <v>179482</v>
      </c>
      <c r="DF25" s="104">
        <v>160834</v>
      </c>
      <c r="DG25" s="103">
        <v>1404253</v>
      </c>
      <c r="DH25" s="106">
        <v>1527230</v>
      </c>
      <c r="DI25" s="100">
        <v>0</v>
      </c>
      <c r="DJ25" s="104">
        <v>0</v>
      </c>
      <c r="DK25" s="102">
        <v>0</v>
      </c>
      <c r="DL25" s="101">
        <v>0</v>
      </c>
      <c r="DM25" s="104">
        <v>308998</v>
      </c>
      <c r="DN25" s="104">
        <v>60657</v>
      </c>
      <c r="DO25" s="104">
        <v>452115</v>
      </c>
      <c r="DP25" s="104">
        <v>386567</v>
      </c>
      <c r="DQ25" s="104">
        <v>54448</v>
      </c>
      <c r="DR25" s="103">
        <v>1262785</v>
      </c>
      <c r="DS25" s="106">
        <v>1262785</v>
      </c>
      <c r="DT25" s="100">
        <v>0</v>
      </c>
      <c r="DU25" s="104">
        <v>0</v>
      </c>
      <c r="DV25" s="103">
        <v>0</v>
      </c>
      <c r="DW25" s="100">
        <v>0</v>
      </c>
      <c r="DX25" s="104">
        <v>292590</v>
      </c>
      <c r="DY25" s="104">
        <v>60657</v>
      </c>
      <c r="DZ25" s="104">
        <v>417572</v>
      </c>
      <c r="EA25" s="104">
        <v>386567</v>
      </c>
      <c r="EB25" s="104">
        <v>54448</v>
      </c>
      <c r="EC25" s="103">
        <v>1211834</v>
      </c>
      <c r="ED25" s="106">
        <v>1211834</v>
      </c>
      <c r="EE25" s="100">
        <v>0</v>
      </c>
      <c r="EF25" s="102">
        <v>0</v>
      </c>
      <c r="EG25" s="103">
        <v>0</v>
      </c>
      <c r="EH25" s="100">
        <v>0</v>
      </c>
      <c r="EI25" s="104">
        <v>16408</v>
      </c>
      <c r="EJ25" s="104">
        <v>0</v>
      </c>
      <c r="EK25" s="104">
        <v>34543</v>
      </c>
      <c r="EL25" s="104">
        <v>0</v>
      </c>
      <c r="EM25" s="104">
        <v>0</v>
      </c>
      <c r="EN25" s="102">
        <v>50951</v>
      </c>
      <c r="EO25" s="106">
        <v>50951</v>
      </c>
      <c r="EP25" s="100">
        <v>0</v>
      </c>
      <c r="EQ25" s="104">
        <v>0</v>
      </c>
      <c r="ER25" s="102">
        <v>0</v>
      </c>
      <c r="ES25" s="101">
        <v>0</v>
      </c>
      <c r="ET25" s="104">
        <v>0</v>
      </c>
      <c r="EU25" s="104">
        <v>0</v>
      </c>
      <c r="EV25" s="104">
        <v>0</v>
      </c>
      <c r="EW25" s="104">
        <v>0</v>
      </c>
      <c r="EX25" s="104">
        <v>0</v>
      </c>
      <c r="EY25" s="103">
        <v>0</v>
      </c>
      <c r="EZ25" s="106">
        <v>0</v>
      </c>
      <c r="FA25" s="100">
        <v>0</v>
      </c>
      <c r="FB25" s="104">
        <v>0</v>
      </c>
      <c r="FC25" s="102">
        <v>0</v>
      </c>
      <c r="FD25" s="324"/>
      <c r="FE25" s="104">
        <v>0</v>
      </c>
      <c r="FF25" s="104">
        <v>0</v>
      </c>
      <c r="FG25" s="104">
        <v>0</v>
      </c>
      <c r="FH25" s="104">
        <v>0</v>
      </c>
      <c r="FI25" s="104">
        <v>0</v>
      </c>
      <c r="FJ25" s="103">
        <v>0</v>
      </c>
      <c r="FK25" s="106">
        <v>0</v>
      </c>
      <c r="FL25" s="100">
        <v>34720</v>
      </c>
      <c r="FM25" s="104">
        <v>212128</v>
      </c>
      <c r="FN25" s="103">
        <v>246848</v>
      </c>
      <c r="FO25" s="100">
        <v>0</v>
      </c>
      <c r="FP25" s="104">
        <v>135016</v>
      </c>
      <c r="FQ25" s="104">
        <v>346584</v>
      </c>
      <c r="FR25" s="104">
        <v>301686</v>
      </c>
      <c r="FS25" s="104">
        <v>315063</v>
      </c>
      <c r="FT25" s="104">
        <v>142905</v>
      </c>
      <c r="FU25" s="103">
        <v>1241254</v>
      </c>
      <c r="FV25" s="106">
        <v>1488102</v>
      </c>
      <c r="FW25" s="105">
        <v>34720</v>
      </c>
      <c r="FX25" s="104">
        <v>115738</v>
      </c>
      <c r="FY25" s="102">
        <v>150458</v>
      </c>
      <c r="FZ25" s="101">
        <v>0</v>
      </c>
      <c r="GA25" s="104">
        <v>135016</v>
      </c>
      <c r="GB25" s="104">
        <v>322329</v>
      </c>
      <c r="GC25" s="104">
        <v>251776</v>
      </c>
      <c r="GD25" s="104">
        <v>290808</v>
      </c>
      <c r="GE25" s="104">
        <v>142905</v>
      </c>
      <c r="GF25" s="103">
        <v>1142834</v>
      </c>
      <c r="GG25" s="296">
        <v>1293292</v>
      </c>
      <c r="GH25" s="105">
        <v>0</v>
      </c>
      <c r="GI25" s="104">
        <v>21700</v>
      </c>
      <c r="GJ25" s="102">
        <v>21700</v>
      </c>
      <c r="GK25" s="101">
        <v>0</v>
      </c>
      <c r="GL25" s="104">
        <v>0</v>
      </c>
      <c r="GM25" s="104">
        <v>24255</v>
      </c>
      <c r="GN25" s="104">
        <v>0</v>
      </c>
      <c r="GO25" s="104">
        <v>24255</v>
      </c>
      <c r="GP25" s="104">
        <v>0</v>
      </c>
      <c r="GQ25" s="103">
        <v>48510</v>
      </c>
      <c r="GR25" s="106">
        <v>70210</v>
      </c>
      <c r="GS25" s="100">
        <v>0</v>
      </c>
      <c r="GT25" s="104">
        <v>74690</v>
      </c>
      <c r="GU25" s="103">
        <v>74690</v>
      </c>
      <c r="GV25" s="100">
        <v>0</v>
      </c>
      <c r="GW25" s="104">
        <v>0</v>
      </c>
      <c r="GX25" s="104">
        <v>0</v>
      </c>
      <c r="GY25" s="104">
        <v>49910</v>
      </c>
      <c r="GZ25" s="104">
        <v>0</v>
      </c>
      <c r="HA25" s="104">
        <v>0</v>
      </c>
      <c r="HB25" s="102">
        <v>49910</v>
      </c>
      <c r="HC25" s="106">
        <v>124600</v>
      </c>
      <c r="HD25" s="100">
        <v>102408</v>
      </c>
      <c r="HE25" s="104">
        <v>78985</v>
      </c>
      <c r="HF25" s="102">
        <v>181393</v>
      </c>
      <c r="HG25" s="101">
        <v>0</v>
      </c>
      <c r="HH25" s="104">
        <v>563918</v>
      </c>
      <c r="HI25" s="104">
        <v>827995</v>
      </c>
      <c r="HJ25" s="104">
        <v>703272</v>
      </c>
      <c r="HK25" s="104">
        <v>586555</v>
      </c>
      <c r="HL25" s="104">
        <v>330866</v>
      </c>
      <c r="HM25" s="103">
        <v>3012606</v>
      </c>
      <c r="HN25" s="99">
        <v>3193999</v>
      </c>
      <c r="HO25" s="306"/>
      <c r="HP25" s="307"/>
      <c r="HQ25" s="308"/>
      <c r="HR25" s="309"/>
      <c r="HS25" s="307"/>
      <c r="HT25" s="307"/>
      <c r="HU25" s="307"/>
      <c r="HV25" s="307"/>
      <c r="HW25" s="307"/>
      <c r="HX25" s="310"/>
      <c r="HY25" s="311"/>
      <c r="HZ25" s="118">
        <v>0</v>
      </c>
      <c r="IA25" s="119">
        <v>130270</v>
      </c>
      <c r="IB25" s="120">
        <v>130270</v>
      </c>
      <c r="IC25" s="133">
        <v>0</v>
      </c>
      <c r="ID25" s="119">
        <v>514019</v>
      </c>
      <c r="IE25" s="134">
        <v>469820</v>
      </c>
      <c r="IF25" s="120">
        <v>721945</v>
      </c>
      <c r="IG25" s="119">
        <v>0</v>
      </c>
      <c r="IH25" s="120">
        <v>242543</v>
      </c>
      <c r="II25" s="135">
        <v>1948327</v>
      </c>
      <c r="IJ25" s="126">
        <v>2078597</v>
      </c>
      <c r="IK25" s="219">
        <v>0</v>
      </c>
      <c r="IL25" s="223">
        <v>0</v>
      </c>
      <c r="IM25" s="224">
        <v>0</v>
      </c>
      <c r="IN25" s="127"/>
      <c r="IO25" s="109">
        <v>0</v>
      </c>
      <c r="IP25" s="109">
        <v>84598</v>
      </c>
      <c r="IQ25" s="109">
        <v>0</v>
      </c>
      <c r="IR25" s="109">
        <v>0</v>
      </c>
      <c r="IS25" s="109">
        <v>0</v>
      </c>
      <c r="IT25" s="128">
        <v>84598</v>
      </c>
      <c r="IU25" s="298">
        <v>84598</v>
      </c>
      <c r="IV25" s="129">
        <v>0</v>
      </c>
      <c r="IW25" s="109">
        <v>0</v>
      </c>
      <c r="IX25" s="110">
        <v>0</v>
      </c>
      <c r="IY25" s="131"/>
      <c r="IZ25" s="109">
        <v>0</v>
      </c>
      <c r="JA25" s="109">
        <v>0</v>
      </c>
      <c r="JB25" s="109">
        <v>0</v>
      </c>
      <c r="JC25" s="109">
        <v>0</v>
      </c>
      <c r="JD25" s="109">
        <v>0</v>
      </c>
      <c r="JE25" s="110">
        <v>0</v>
      </c>
      <c r="JF25" s="111">
        <v>0</v>
      </c>
      <c r="JG25" s="129">
        <v>0</v>
      </c>
      <c r="JH25" s="109">
        <v>0</v>
      </c>
      <c r="JI25" s="128">
        <v>0</v>
      </c>
      <c r="JJ25" s="108">
        <v>0</v>
      </c>
      <c r="JK25" s="109">
        <v>109021</v>
      </c>
      <c r="JL25" s="109">
        <v>166295</v>
      </c>
      <c r="JM25" s="109">
        <v>70246</v>
      </c>
      <c r="JN25" s="109">
        <v>0</v>
      </c>
      <c r="JO25" s="109">
        <v>0</v>
      </c>
      <c r="JP25" s="110">
        <v>345562</v>
      </c>
      <c r="JQ25" s="298">
        <v>345562</v>
      </c>
      <c r="JR25" s="129">
        <v>0</v>
      </c>
      <c r="JS25" s="109">
        <v>0</v>
      </c>
      <c r="JT25" s="128">
        <v>0</v>
      </c>
      <c r="JU25" s="108">
        <v>0</v>
      </c>
      <c r="JV25" s="109">
        <v>0</v>
      </c>
      <c r="JW25" s="109">
        <v>0</v>
      </c>
      <c r="JX25" s="109">
        <v>0</v>
      </c>
      <c r="JY25" s="109">
        <v>0</v>
      </c>
      <c r="JZ25" s="109">
        <v>0</v>
      </c>
      <c r="KA25" s="110">
        <v>0</v>
      </c>
      <c r="KB25" s="298">
        <v>0</v>
      </c>
      <c r="KC25" s="221">
        <v>0</v>
      </c>
      <c r="KD25" s="217">
        <v>130270</v>
      </c>
      <c r="KE25" s="110">
        <v>130270</v>
      </c>
      <c r="KF25" s="108">
        <v>0</v>
      </c>
      <c r="KG25" s="109">
        <v>195338</v>
      </c>
      <c r="KH25" s="109">
        <v>0</v>
      </c>
      <c r="KI25" s="109">
        <v>200891</v>
      </c>
      <c r="KJ25" s="109">
        <v>0</v>
      </c>
      <c r="KK25" s="109">
        <v>0</v>
      </c>
      <c r="KL25" s="110">
        <v>396229</v>
      </c>
      <c r="KM25" s="130">
        <v>526499</v>
      </c>
      <c r="KN25" s="219">
        <v>0</v>
      </c>
      <c r="KO25" s="223">
        <v>0</v>
      </c>
      <c r="KP25" s="224">
        <v>0</v>
      </c>
      <c r="KQ25" s="127"/>
      <c r="KR25" s="109">
        <v>209660</v>
      </c>
      <c r="KS25" s="109">
        <v>218927</v>
      </c>
      <c r="KT25" s="109">
        <v>450808</v>
      </c>
      <c r="KU25" s="109">
        <v>0</v>
      </c>
      <c r="KV25" s="109">
        <v>242543</v>
      </c>
      <c r="KW25" s="110">
        <v>1121938</v>
      </c>
      <c r="KX25" s="298">
        <v>1121938</v>
      </c>
      <c r="KY25" s="129">
        <v>0</v>
      </c>
      <c r="KZ25" s="109">
        <v>0</v>
      </c>
      <c r="LA25" s="110">
        <v>0</v>
      </c>
      <c r="LB25" s="132"/>
      <c r="LC25" s="109">
        <v>0</v>
      </c>
      <c r="LD25" s="109">
        <v>0</v>
      </c>
      <c r="LE25" s="109">
        <v>0</v>
      </c>
      <c r="LF25" s="109">
        <v>0</v>
      </c>
      <c r="LG25" s="109">
        <v>0</v>
      </c>
      <c r="LH25" s="110">
        <v>0</v>
      </c>
      <c r="LI25" s="111">
        <v>0</v>
      </c>
      <c r="LJ25" s="129">
        <v>0</v>
      </c>
      <c r="LK25" s="109">
        <v>0</v>
      </c>
      <c r="LL25" s="110">
        <v>0</v>
      </c>
      <c r="LM25" s="132"/>
      <c r="LN25" s="109">
        <v>0</v>
      </c>
      <c r="LO25" s="109">
        <v>0</v>
      </c>
      <c r="LP25" s="109">
        <v>0</v>
      </c>
      <c r="LQ25" s="109">
        <v>0</v>
      </c>
      <c r="LR25" s="109">
        <v>0</v>
      </c>
      <c r="LS25" s="110">
        <v>0</v>
      </c>
      <c r="LT25" s="298">
        <v>0</v>
      </c>
      <c r="LU25" s="129">
        <v>0</v>
      </c>
      <c r="LV25" s="109">
        <v>0</v>
      </c>
      <c r="LW25" s="110">
        <v>0</v>
      </c>
      <c r="LX25" s="132"/>
      <c r="LY25" s="109">
        <v>0</v>
      </c>
      <c r="LZ25" s="109">
        <v>0</v>
      </c>
      <c r="MA25" s="109">
        <v>0</v>
      </c>
      <c r="MB25" s="109">
        <v>0</v>
      </c>
      <c r="MC25" s="109">
        <v>0</v>
      </c>
      <c r="MD25" s="110">
        <v>0</v>
      </c>
      <c r="ME25" s="111">
        <v>0</v>
      </c>
      <c r="MF25" s="129">
        <v>0</v>
      </c>
      <c r="MG25" s="109">
        <v>0</v>
      </c>
      <c r="MH25" s="110">
        <v>0</v>
      </c>
      <c r="MI25" s="132"/>
      <c r="MJ25" s="109">
        <v>398978</v>
      </c>
      <c r="MK25" s="109">
        <v>468441</v>
      </c>
      <c r="ML25" s="109">
        <v>558781</v>
      </c>
      <c r="MM25" s="109">
        <v>4411149</v>
      </c>
      <c r="MN25" s="109">
        <v>1909862</v>
      </c>
      <c r="MO25" s="110">
        <v>7747211</v>
      </c>
      <c r="MP25" s="130">
        <v>7747211</v>
      </c>
      <c r="MQ25" s="129">
        <v>0</v>
      </c>
      <c r="MR25" s="109">
        <v>0</v>
      </c>
      <c r="MS25" s="110">
        <v>0</v>
      </c>
      <c r="MT25" s="132"/>
      <c r="MU25" s="109">
        <v>0</v>
      </c>
      <c r="MV25" s="109">
        <v>219398</v>
      </c>
      <c r="MW25" s="109">
        <v>507460</v>
      </c>
      <c r="MX25" s="109">
        <v>2760228</v>
      </c>
      <c r="MY25" s="109">
        <v>1606774</v>
      </c>
      <c r="MZ25" s="110">
        <v>5093860</v>
      </c>
      <c r="NA25" s="130">
        <v>5093860</v>
      </c>
      <c r="NB25" s="129">
        <v>0</v>
      </c>
      <c r="NC25" s="109">
        <v>0</v>
      </c>
      <c r="ND25" s="110">
        <v>0</v>
      </c>
      <c r="NE25" s="132"/>
      <c r="NF25" s="109">
        <v>398978</v>
      </c>
      <c r="NG25" s="109">
        <v>249043</v>
      </c>
      <c r="NH25" s="109">
        <v>51321</v>
      </c>
      <c r="NI25" s="109">
        <v>1650921</v>
      </c>
      <c r="NJ25" s="109">
        <v>303088</v>
      </c>
      <c r="NK25" s="110">
        <v>2653351</v>
      </c>
      <c r="NL25" s="298">
        <v>2653351</v>
      </c>
      <c r="NM25" s="129">
        <v>0</v>
      </c>
      <c r="NN25" s="109">
        <v>0</v>
      </c>
      <c r="NO25" s="110">
        <v>0</v>
      </c>
      <c r="NP25" s="132"/>
      <c r="NQ25" s="109">
        <v>0</v>
      </c>
      <c r="NR25" s="109">
        <v>0</v>
      </c>
      <c r="NS25" s="109">
        <v>0</v>
      </c>
      <c r="NT25" s="109">
        <v>0</v>
      </c>
      <c r="NU25" s="109">
        <v>0</v>
      </c>
      <c r="NV25" s="110">
        <v>0</v>
      </c>
      <c r="NW25" s="111">
        <v>0</v>
      </c>
      <c r="NX25" s="129">
        <v>0</v>
      </c>
      <c r="NY25" s="109">
        <v>0</v>
      </c>
      <c r="NZ25" s="110">
        <v>0</v>
      </c>
      <c r="OA25" s="132"/>
      <c r="OB25" s="109">
        <v>0</v>
      </c>
      <c r="OC25" s="109">
        <v>0</v>
      </c>
      <c r="OD25" s="109">
        <v>0</v>
      </c>
      <c r="OE25" s="109">
        <v>0</v>
      </c>
      <c r="OF25" s="109">
        <v>0</v>
      </c>
      <c r="OG25" s="110">
        <v>0</v>
      </c>
      <c r="OH25" s="111">
        <v>0</v>
      </c>
      <c r="OI25" s="129">
        <v>217912</v>
      </c>
      <c r="OJ25" s="109">
        <v>703431</v>
      </c>
      <c r="OK25" s="128">
        <v>921343</v>
      </c>
      <c r="OL25" s="108">
        <v>0</v>
      </c>
      <c r="OM25" s="109">
        <v>3717712</v>
      </c>
      <c r="ON25" s="109">
        <v>4904431</v>
      </c>
      <c r="OO25" s="109">
        <v>4335857</v>
      </c>
      <c r="OP25" s="109">
        <v>7218373</v>
      </c>
      <c r="OQ25" s="109">
        <v>3991907</v>
      </c>
      <c r="OR25" s="110">
        <v>24168280</v>
      </c>
      <c r="OS25" s="130">
        <v>25089623</v>
      </c>
    </row>
    <row r="26" spans="2:409" ht="21" customHeight="1" x14ac:dyDescent="0.2">
      <c r="B26" s="472" t="s">
        <v>21</v>
      </c>
      <c r="C26" s="100">
        <v>171852</v>
      </c>
      <c r="D26" s="104">
        <v>491418</v>
      </c>
      <c r="E26" s="103">
        <v>663270</v>
      </c>
      <c r="F26" s="99">
        <v>0</v>
      </c>
      <c r="G26" s="104">
        <v>2532787</v>
      </c>
      <c r="H26" s="104">
        <v>3181389</v>
      </c>
      <c r="I26" s="104">
        <v>3415240</v>
      </c>
      <c r="J26" s="104">
        <v>2316679</v>
      </c>
      <c r="K26" s="104">
        <v>2275866</v>
      </c>
      <c r="L26" s="160">
        <v>13721961</v>
      </c>
      <c r="M26" s="106">
        <v>14385231</v>
      </c>
      <c r="N26" s="100">
        <v>37758</v>
      </c>
      <c r="O26" s="104">
        <v>207923</v>
      </c>
      <c r="P26" s="103">
        <v>245681</v>
      </c>
      <c r="Q26" s="100">
        <v>0</v>
      </c>
      <c r="R26" s="104">
        <v>1046338</v>
      </c>
      <c r="S26" s="104">
        <v>1270837</v>
      </c>
      <c r="T26" s="104">
        <v>1388448</v>
      </c>
      <c r="U26" s="104">
        <v>717672</v>
      </c>
      <c r="V26" s="104">
        <v>1021486</v>
      </c>
      <c r="W26" s="103">
        <v>5444781</v>
      </c>
      <c r="X26" s="106">
        <v>5690462</v>
      </c>
      <c r="Y26" s="100">
        <v>0</v>
      </c>
      <c r="Z26" s="104">
        <v>0</v>
      </c>
      <c r="AA26" s="103">
        <v>0</v>
      </c>
      <c r="AB26" s="100">
        <v>0</v>
      </c>
      <c r="AC26" s="104">
        <v>532903</v>
      </c>
      <c r="AD26" s="104">
        <v>576908</v>
      </c>
      <c r="AE26" s="104">
        <v>923179</v>
      </c>
      <c r="AF26" s="104">
        <v>507396</v>
      </c>
      <c r="AG26" s="104">
        <v>322108</v>
      </c>
      <c r="AH26" s="103">
        <v>2862494</v>
      </c>
      <c r="AI26" s="106">
        <v>2862494</v>
      </c>
      <c r="AJ26" s="100">
        <v>0</v>
      </c>
      <c r="AK26" s="104">
        <v>0</v>
      </c>
      <c r="AL26" s="103">
        <v>0</v>
      </c>
      <c r="AM26" s="100">
        <v>0</v>
      </c>
      <c r="AN26" s="104">
        <v>0</v>
      </c>
      <c r="AO26" s="104">
        <v>0</v>
      </c>
      <c r="AP26" s="104">
        <v>0</v>
      </c>
      <c r="AQ26" s="104">
        <v>0</v>
      </c>
      <c r="AR26" s="104">
        <v>133121</v>
      </c>
      <c r="AS26" s="103">
        <v>133121</v>
      </c>
      <c r="AT26" s="106">
        <v>133121</v>
      </c>
      <c r="AU26" s="100">
        <v>0</v>
      </c>
      <c r="AV26" s="104">
        <v>84336</v>
      </c>
      <c r="AW26" s="103">
        <v>84336</v>
      </c>
      <c r="AX26" s="100">
        <v>0</v>
      </c>
      <c r="AY26" s="104">
        <v>393336</v>
      </c>
      <c r="AZ26" s="104">
        <v>405844</v>
      </c>
      <c r="BA26" s="104">
        <v>274570</v>
      </c>
      <c r="BB26" s="104">
        <v>47148</v>
      </c>
      <c r="BC26" s="104">
        <v>381557</v>
      </c>
      <c r="BD26" s="103">
        <v>1502455</v>
      </c>
      <c r="BE26" s="106">
        <v>1586791</v>
      </c>
      <c r="BF26" s="100">
        <v>0</v>
      </c>
      <c r="BG26" s="104">
        <v>63296</v>
      </c>
      <c r="BH26" s="102">
        <v>63296</v>
      </c>
      <c r="BI26" s="101">
        <v>0</v>
      </c>
      <c r="BJ26" s="104">
        <v>0</v>
      </c>
      <c r="BK26" s="104">
        <v>23114</v>
      </c>
      <c r="BL26" s="104">
        <v>46303</v>
      </c>
      <c r="BM26" s="104">
        <v>0</v>
      </c>
      <c r="BN26" s="104">
        <v>35033</v>
      </c>
      <c r="BO26" s="103">
        <v>104450</v>
      </c>
      <c r="BP26" s="106">
        <v>167746</v>
      </c>
      <c r="BQ26" s="100">
        <v>37758</v>
      </c>
      <c r="BR26" s="104">
        <v>60291</v>
      </c>
      <c r="BS26" s="103">
        <v>98049</v>
      </c>
      <c r="BT26" s="100">
        <v>0</v>
      </c>
      <c r="BU26" s="104">
        <v>120099</v>
      </c>
      <c r="BV26" s="104">
        <v>264971</v>
      </c>
      <c r="BW26" s="104">
        <v>144396</v>
      </c>
      <c r="BX26" s="104">
        <v>163128</v>
      </c>
      <c r="BY26" s="104">
        <v>149667</v>
      </c>
      <c r="BZ26" s="103">
        <v>842261</v>
      </c>
      <c r="CA26" s="106">
        <v>940310</v>
      </c>
      <c r="CB26" s="100">
        <v>0</v>
      </c>
      <c r="CC26" s="104">
        <v>33187</v>
      </c>
      <c r="CD26" s="103">
        <v>33187</v>
      </c>
      <c r="CE26" s="100">
        <v>0</v>
      </c>
      <c r="CF26" s="104">
        <v>823783</v>
      </c>
      <c r="CG26" s="104">
        <v>662714</v>
      </c>
      <c r="CH26" s="104">
        <v>586832</v>
      </c>
      <c r="CI26" s="104">
        <v>218991</v>
      </c>
      <c r="CJ26" s="104">
        <v>133174</v>
      </c>
      <c r="CK26" s="103">
        <v>2425494</v>
      </c>
      <c r="CL26" s="106">
        <v>2458681</v>
      </c>
      <c r="CM26" s="100">
        <v>0</v>
      </c>
      <c r="CN26" s="104">
        <v>0</v>
      </c>
      <c r="CO26" s="103">
        <v>0</v>
      </c>
      <c r="CP26" s="101">
        <v>0</v>
      </c>
      <c r="CQ26" s="104">
        <v>704248</v>
      </c>
      <c r="CR26" s="104">
        <v>610702</v>
      </c>
      <c r="CS26" s="104">
        <v>414454</v>
      </c>
      <c r="CT26" s="104">
        <v>218991</v>
      </c>
      <c r="CU26" s="104">
        <v>0</v>
      </c>
      <c r="CV26" s="103">
        <v>1948395</v>
      </c>
      <c r="CW26" s="106">
        <v>1948395</v>
      </c>
      <c r="CX26" s="100">
        <v>0</v>
      </c>
      <c r="CY26" s="104">
        <v>33187</v>
      </c>
      <c r="CZ26" s="103">
        <v>33187</v>
      </c>
      <c r="DA26" s="100">
        <v>0</v>
      </c>
      <c r="DB26" s="104">
        <v>119535</v>
      </c>
      <c r="DC26" s="104">
        <v>52012</v>
      </c>
      <c r="DD26" s="104">
        <v>172378</v>
      </c>
      <c r="DE26" s="104">
        <v>0</v>
      </c>
      <c r="DF26" s="104">
        <v>133174</v>
      </c>
      <c r="DG26" s="103">
        <v>477099</v>
      </c>
      <c r="DH26" s="106">
        <v>510286</v>
      </c>
      <c r="DI26" s="100">
        <v>0</v>
      </c>
      <c r="DJ26" s="104">
        <v>53555</v>
      </c>
      <c r="DK26" s="102">
        <v>53555</v>
      </c>
      <c r="DL26" s="101">
        <v>0</v>
      </c>
      <c r="DM26" s="104">
        <v>87231</v>
      </c>
      <c r="DN26" s="104">
        <v>79064</v>
      </c>
      <c r="DO26" s="104">
        <v>523773</v>
      </c>
      <c r="DP26" s="104">
        <v>168228</v>
      </c>
      <c r="DQ26" s="104">
        <v>0</v>
      </c>
      <c r="DR26" s="103">
        <v>858296</v>
      </c>
      <c r="DS26" s="106">
        <v>911851</v>
      </c>
      <c r="DT26" s="100">
        <v>0</v>
      </c>
      <c r="DU26" s="104">
        <v>53555</v>
      </c>
      <c r="DV26" s="103">
        <v>53555</v>
      </c>
      <c r="DW26" s="100">
        <v>0</v>
      </c>
      <c r="DX26" s="104">
        <v>87231</v>
      </c>
      <c r="DY26" s="104">
        <v>79064</v>
      </c>
      <c r="DZ26" s="104">
        <v>523773</v>
      </c>
      <c r="EA26" s="104">
        <v>168228</v>
      </c>
      <c r="EB26" s="104">
        <v>0</v>
      </c>
      <c r="EC26" s="103">
        <v>858296</v>
      </c>
      <c r="ED26" s="106">
        <v>911851</v>
      </c>
      <c r="EE26" s="100">
        <v>0</v>
      </c>
      <c r="EF26" s="102">
        <v>0</v>
      </c>
      <c r="EG26" s="103">
        <v>0</v>
      </c>
      <c r="EH26" s="100">
        <v>0</v>
      </c>
      <c r="EI26" s="104">
        <v>0</v>
      </c>
      <c r="EJ26" s="104">
        <v>0</v>
      </c>
      <c r="EK26" s="104">
        <v>0</v>
      </c>
      <c r="EL26" s="104">
        <v>0</v>
      </c>
      <c r="EM26" s="104">
        <v>0</v>
      </c>
      <c r="EN26" s="102">
        <v>0</v>
      </c>
      <c r="EO26" s="106">
        <v>0</v>
      </c>
      <c r="EP26" s="100">
        <v>0</v>
      </c>
      <c r="EQ26" s="104">
        <v>0</v>
      </c>
      <c r="ER26" s="102">
        <v>0</v>
      </c>
      <c r="ES26" s="101">
        <v>0</v>
      </c>
      <c r="ET26" s="104">
        <v>0</v>
      </c>
      <c r="EU26" s="104">
        <v>0</v>
      </c>
      <c r="EV26" s="104">
        <v>0</v>
      </c>
      <c r="EW26" s="104">
        <v>0</v>
      </c>
      <c r="EX26" s="104">
        <v>0</v>
      </c>
      <c r="EY26" s="103">
        <v>0</v>
      </c>
      <c r="EZ26" s="106">
        <v>0</v>
      </c>
      <c r="FA26" s="100">
        <v>0</v>
      </c>
      <c r="FB26" s="104">
        <v>0</v>
      </c>
      <c r="FC26" s="102">
        <v>0</v>
      </c>
      <c r="FD26" s="324"/>
      <c r="FE26" s="104">
        <v>0</v>
      </c>
      <c r="FF26" s="104">
        <v>0</v>
      </c>
      <c r="FG26" s="104">
        <v>0</v>
      </c>
      <c r="FH26" s="104">
        <v>0</v>
      </c>
      <c r="FI26" s="104">
        <v>0</v>
      </c>
      <c r="FJ26" s="103">
        <v>0</v>
      </c>
      <c r="FK26" s="106">
        <v>0</v>
      </c>
      <c r="FL26" s="100">
        <v>36680</v>
      </c>
      <c r="FM26" s="104">
        <v>32662</v>
      </c>
      <c r="FN26" s="103">
        <v>69342</v>
      </c>
      <c r="FO26" s="100">
        <v>0</v>
      </c>
      <c r="FP26" s="104">
        <v>115192</v>
      </c>
      <c r="FQ26" s="104">
        <v>205485</v>
      </c>
      <c r="FR26" s="104">
        <v>172438</v>
      </c>
      <c r="FS26" s="104">
        <v>111307</v>
      </c>
      <c r="FT26" s="104">
        <v>164773</v>
      </c>
      <c r="FU26" s="103">
        <v>769195</v>
      </c>
      <c r="FV26" s="106">
        <v>838537</v>
      </c>
      <c r="FW26" s="105">
        <v>36680</v>
      </c>
      <c r="FX26" s="104">
        <v>32662</v>
      </c>
      <c r="FY26" s="102">
        <v>69342</v>
      </c>
      <c r="FZ26" s="101">
        <v>0</v>
      </c>
      <c r="GA26" s="104">
        <v>115192</v>
      </c>
      <c r="GB26" s="104">
        <v>205485</v>
      </c>
      <c r="GC26" s="104">
        <v>151438</v>
      </c>
      <c r="GD26" s="104">
        <v>111307</v>
      </c>
      <c r="GE26" s="104">
        <v>164773</v>
      </c>
      <c r="GF26" s="103">
        <v>748195</v>
      </c>
      <c r="GG26" s="296">
        <v>817537</v>
      </c>
      <c r="GH26" s="105">
        <v>0</v>
      </c>
      <c r="GI26" s="104">
        <v>0</v>
      </c>
      <c r="GJ26" s="102">
        <v>0</v>
      </c>
      <c r="GK26" s="101">
        <v>0</v>
      </c>
      <c r="GL26" s="104">
        <v>0</v>
      </c>
      <c r="GM26" s="104">
        <v>0</v>
      </c>
      <c r="GN26" s="104">
        <v>0</v>
      </c>
      <c r="GO26" s="104">
        <v>0</v>
      </c>
      <c r="GP26" s="104">
        <v>0</v>
      </c>
      <c r="GQ26" s="103">
        <v>0</v>
      </c>
      <c r="GR26" s="106">
        <v>0</v>
      </c>
      <c r="GS26" s="100">
        <v>0</v>
      </c>
      <c r="GT26" s="104">
        <v>0</v>
      </c>
      <c r="GU26" s="103">
        <v>0</v>
      </c>
      <c r="GV26" s="100">
        <v>0</v>
      </c>
      <c r="GW26" s="104">
        <v>0</v>
      </c>
      <c r="GX26" s="104">
        <v>0</v>
      </c>
      <c r="GY26" s="104">
        <v>21000</v>
      </c>
      <c r="GZ26" s="104">
        <v>0</v>
      </c>
      <c r="HA26" s="104">
        <v>0</v>
      </c>
      <c r="HB26" s="102">
        <v>21000</v>
      </c>
      <c r="HC26" s="106">
        <v>21000</v>
      </c>
      <c r="HD26" s="100">
        <v>97414</v>
      </c>
      <c r="HE26" s="104">
        <v>164091</v>
      </c>
      <c r="HF26" s="102">
        <v>261505</v>
      </c>
      <c r="HG26" s="101">
        <v>0</v>
      </c>
      <c r="HH26" s="104">
        <v>460243</v>
      </c>
      <c r="HI26" s="104">
        <v>963289</v>
      </c>
      <c r="HJ26" s="104">
        <v>743749</v>
      </c>
      <c r="HK26" s="104">
        <v>1100481</v>
      </c>
      <c r="HL26" s="104">
        <v>956433</v>
      </c>
      <c r="HM26" s="103">
        <v>4224195</v>
      </c>
      <c r="HN26" s="99">
        <v>4485700</v>
      </c>
      <c r="HO26" s="306"/>
      <c r="HP26" s="307"/>
      <c r="HQ26" s="308"/>
      <c r="HR26" s="309"/>
      <c r="HS26" s="307"/>
      <c r="HT26" s="307"/>
      <c r="HU26" s="307"/>
      <c r="HV26" s="307"/>
      <c r="HW26" s="307"/>
      <c r="HX26" s="310"/>
      <c r="HY26" s="311"/>
      <c r="HZ26" s="137">
        <v>0</v>
      </c>
      <c r="IA26" s="122">
        <v>0</v>
      </c>
      <c r="IB26" s="137">
        <v>0</v>
      </c>
      <c r="IC26" s="121">
        <v>0</v>
      </c>
      <c r="ID26" s="122">
        <v>494316</v>
      </c>
      <c r="IE26" s="123">
        <v>541227</v>
      </c>
      <c r="IF26" s="124">
        <v>574717</v>
      </c>
      <c r="IG26" s="122">
        <v>608455</v>
      </c>
      <c r="IH26" s="124">
        <v>0</v>
      </c>
      <c r="II26" s="125">
        <v>2218715</v>
      </c>
      <c r="IJ26" s="137">
        <v>2218715</v>
      </c>
      <c r="IK26" s="219">
        <v>0</v>
      </c>
      <c r="IL26" s="223">
        <v>0</v>
      </c>
      <c r="IM26" s="224">
        <v>0</v>
      </c>
      <c r="IN26" s="127"/>
      <c r="IO26" s="109">
        <v>0</v>
      </c>
      <c r="IP26" s="109">
        <v>0</v>
      </c>
      <c r="IQ26" s="109">
        <v>0</v>
      </c>
      <c r="IR26" s="109">
        <v>0</v>
      </c>
      <c r="IS26" s="109">
        <v>0</v>
      </c>
      <c r="IT26" s="128">
        <v>0</v>
      </c>
      <c r="IU26" s="298">
        <v>0</v>
      </c>
      <c r="IV26" s="129">
        <v>0</v>
      </c>
      <c r="IW26" s="109">
        <v>0</v>
      </c>
      <c r="IX26" s="110">
        <v>0</v>
      </c>
      <c r="IY26" s="131"/>
      <c r="IZ26" s="109">
        <v>0</v>
      </c>
      <c r="JA26" s="109">
        <v>0</v>
      </c>
      <c r="JB26" s="109">
        <v>0</v>
      </c>
      <c r="JC26" s="109">
        <v>0</v>
      </c>
      <c r="JD26" s="109">
        <v>0</v>
      </c>
      <c r="JE26" s="110">
        <v>0</v>
      </c>
      <c r="JF26" s="111">
        <v>0</v>
      </c>
      <c r="JG26" s="129">
        <v>0</v>
      </c>
      <c r="JH26" s="109">
        <v>0</v>
      </c>
      <c r="JI26" s="128">
        <v>0</v>
      </c>
      <c r="JJ26" s="108">
        <v>0</v>
      </c>
      <c r="JK26" s="109">
        <v>401273</v>
      </c>
      <c r="JL26" s="109">
        <v>98386</v>
      </c>
      <c r="JM26" s="109">
        <v>153570</v>
      </c>
      <c r="JN26" s="109">
        <v>62132</v>
      </c>
      <c r="JO26" s="109">
        <v>0</v>
      </c>
      <c r="JP26" s="110">
        <v>715361</v>
      </c>
      <c r="JQ26" s="298">
        <v>715361</v>
      </c>
      <c r="JR26" s="129">
        <v>0</v>
      </c>
      <c r="JS26" s="109">
        <v>0</v>
      </c>
      <c r="JT26" s="128">
        <v>0</v>
      </c>
      <c r="JU26" s="108">
        <v>0</v>
      </c>
      <c r="JV26" s="109">
        <v>0</v>
      </c>
      <c r="JW26" s="109">
        <v>0</v>
      </c>
      <c r="JX26" s="109">
        <v>0</v>
      </c>
      <c r="JY26" s="109">
        <v>0</v>
      </c>
      <c r="JZ26" s="109">
        <v>0</v>
      </c>
      <c r="KA26" s="110">
        <v>0</v>
      </c>
      <c r="KB26" s="298">
        <v>0</v>
      </c>
      <c r="KC26" s="221">
        <v>0</v>
      </c>
      <c r="KD26" s="217">
        <v>0</v>
      </c>
      <c r="KE26" s="110">
        <v>0</v>
      </c>
      <c r="KF26" s="108">
        <v>0</v>
      </c>
      <c r="KG26" s="109">
        <v>93043</v>
      </c>
      <c r="KH26" s="109">
        <v>0</v>
      </c>
      <c r="KI26" s="109">
        <v>197799</v>
      </c>
      <c r="KJ26" s="109">
        <v>194143</v>
      </c>
      <c r="KK26" s="109">
        <v>0</v>
      </c>
      <c r="KL26" s="110">
        <v>484985</v>
      </c>
      <c r="KM26" s="130">
        <v>484985</v>
      </c>
      <c r="KN26" s="219">
        <v>0</v>
      </c>
      <c r="KO26" s="223">
        <v>0</v>
      </c>
      <c r="KP26" s="224">
        <v>0</v>
      </c>
      <c r="KQ26" s="127"/>
      <c r="KR26" s="109">
        <v>0</v>
      </c>
      <c r="KS26" s="109">
        <v>442841</v>
      </c>
      <c r="KT26" s="109">
        <v>223348</v>
      </c>
      <c r="KU26" s="109">
        <v>352180</v>
      </c>
      <c r="KV26" s="109">
        <v>0</v>
      </c>
      <c r="KW26" s="110">
        <v>1018369</v>
      </c>
      <c r="KX26" s="298">
        <v>1018369</v>
      </c>
      <c r="KY26" s="129">
        <v>0</v>
      </c>
      <c r="KZ26" s="109">
        <v>0</v>
      </c>
      <c r="LA26" s="110">
        <v>0</v>
      </c>
      <c r="LB26" s="132"/>
      <c r="LC26" s="109">
        <v>0</v>
      </c>
      <c r="LD26" s="109">
        <v>0</v>
      </c>
      <c r="LE26" s="109">
        <v>0</v>
      </c>
      <c r="LF26" s="109">
        <v>0</v>
      </c>
      <c r="LG26" s="109">
        <v>0</v>
      </c>
      <c r="LH26" s="110">
        <v>0</v>
      </c>
      <c r="LI26" s="111">
        <v>0</v>
      </c>
      <c r="LJ26" s="129">
        <v>0</v>
      </c>
      <c r="LK26" s="109">
        <v>0</v>
      </c>
      <c r="LL26" s="110">
        <v>0</v>
      </c>
      <c r="LM26" s="132"/>
      <c r="LN26" s="109">
        <v>0</v>
      </c>
      <c r="LO26" s="109">
        <v>0</v>
      </c>
      <c r="LP26" s="109">
        <v>0</v>
      </c>
      <c r="LQ26" s="109">
        <v>0</v>
      </c>
      <c r="LR26" s="109">
        <v>0</v>
      </c>
      <c r="LS26" s="110">
        <v>0</v>
      </c>
      <c r="LT26" s="298">
        <v>0</v>
      </c>
      <c r="LU26" s="129">
        <v>0</v>
      </c>
      <c r="LV26" s="109">
        <v>0</v>
      </c>
      <c r="LW26" s="110">
        <v>0</v>
      </c>
      <c r="LX26" s="132"/>
      <c r="LY26" s="109">
        <v>0</v>
      </c>
      <c r="LZ26" s="109">
        <v>0</v>
      </c>
      <c r="MA26" s="109">
        <v>0</v>
      </c>
      <c r="MB26" s="109">
        <v>0</v>
      </c>
      <c r="MC26" s="109">
        <v>0</v>
      </c>
      <c r="MD26" s="110">
        <v>0</v>
      </c>
      <c r="ME26" s="111">
        <v>0</v>
      </c>
      <c r="MF26" s="129">
        <v>0</v>
      </c>
      <c r="MG26" s="109">
        <v>0</v>
      </c>
      <c r="MH26" s="110">
        <v>0</v>
      </c>
      <c r="MI26" s="132"/>
      <c r="MJ26" s="109">
        <v>0</v>
      </c>
      <c r="MK26" s="109">
        <v>636195</v>
      </c>
      <c r="ML26" s="109">
        <v>1493667</v>
      </c>
      <c r="MM26" s="109">
        <v>1435369</v>
      </c>
      <c r="MN26" s="109">
        <v>838924</v>
      </c>
      <c r="MO26" s="110">
        <v>4404155</v>
      </c>
      <c r="MP26" s="130">
        <v>4404155</v>
      </c>
      <c r="MQ26" s="129">
        <v>0</v>
      </c>
      <c r="MR26" s="109">
        <v>0</v>
      </c>
      <c r="MS26" s="110">
        <v>0</v>
      </c>
      <c r="MT26" s="132"/>
      <c r="MU26" s="109">
        <v>0</v>
      </c>
      <c r="MV26" s="109">
        <v>0</v>
      </c>
      <c r="MW26" s="109">
        <v>623821</v>
      </c>
      <c r="MX26" s="109">
        <v>1435369</v>
      </c>
      <c r="MY26" s="109">
        <v>693691</v>
      </c>
      <c r="MZ26" s="110">
        <v>2752881</v>
      </c>
      <c r="NA26" s="130">
        <v>2752881</v>
      </c>
      <c r="NB26" s="129">
        <v>0</v>
      </c>
      <c r="NC26" s="109">
        <v>0</v>
      </c>
      <c r="ND26" s="110">
        <v>0</v>
      </c>
      <c r="NE26" s="132"/>
      <c r="NF26" s="109">
        <v>0</v>
      </c>
      <c r="NG26" s="109">
        <v>636195</v>
      </c>
      <c r="NH26" s="109">
        <v>869846</v>
      </c>
      <c r="NI26" s="109">
        <v>0</v>
      </c>
      <c r="NJ26" s="109">
        <v>94843</v>
      </c>
      <c r="NK26" s="110">
        <v>1600884</v>
      </c>
      <c r="NL26" s="298">
        <v>1600884</v>
      </c>
      <c r="NM26" s="129">
        <v>0</v>
      </c>
      <c r="NN26" s="109">
        <v>0</v>
      </c>
      <c r="NO26" s="110">
        <v>0</v>
      </c>
      <c r="NP26" s="132"/>
      <c r="NQ26" s="109">
        <v>0</v>
      </c>
      <c r="NR26" s="109">
        <v>0</v>
      </c>
      <c r="NS26" s="109">
        <v>0</v>
      </c>
      <c r="NT26" s="109">
        <v>0</v>
      </c>
      <c r="NU26" s="109">
        <v>0</v>
      </c>
      <c r="NV26" s="110">
        <v>0</v>
      </c>
      <c r="NW26" s="111">
        <v>0</v>
      </c>
      <c r="NX26" s="129">
        <v>0</v>
      </c>
      <c r="NY26" s="109">
        <v>0</v>
      </c>
      <c r="NZ26" s="110">
        <v>0</v>
      </c>
      <c r="OA26" s="132"/>
      <c r="OB26" s="109">
        <v>0</v>
      </c>
      <c r="OC26" s="109">
        <v>0</v>
      </c>
      <c r="OD26" s="109">
        <v>0</v>
      </c>
      <c r="OE26" s="109">
        <v>0</v>
      </c>
      <c r="OF26" s="109">
        <v>50390</v>
      </c>
      <c r="OG26" s="110">
        <v>50390</v>
      </c>
      <c r="OH26" s="111">
        <v>50390</v>
      </c>
      <c r="OI26" s="129">
        <v>171852</v>
      </c>
      <c r="OJ26" s="109">
        <v>491418</v>
      </c>
      <c r="OK26" s="128">
        <v>663270</v>
      </c>
      <c r="OL26" s="108">
        <v>0</v>
      </c>
      <c r="OM26" s="109">
        <v>3027103</v>
      </c>
      <c r="ON26" s="109">
        <v>4358811</v>
      </c>
      <c r="OO26" s="109">
        <v>5483624</v>
      </c>
      <c r="OP26" s="109">
        <v>4360503</v>
      </c>
      <c r="OQ26" s="109">
        <v>3114790</v>
      </c>
      <c r="OR26" s="110">
        <v>20344831</v>
      </c>
      <c r="OS26" s="130">
        <v>21008101</v>
      </c>
    </row>
    <row r="27" spans="2:409" ht="21" customHeight="1" x14ac:dyDescent="0.2">
      <c r="B27" s="472" t="s">
        <v>22</v>
      </c>
      <c r="C27" s="100">
        <v>29316</v>
      </c>
      <c r="D27" s="104">
        <v>19880</v>
      </c>
      <c r="E27" s="103">
        <v>49196</v>
      </c>
      <c r="F27" s="99">
        <v>0</v>
      </c>
      <c r="G27" s="104">
        <v>1320355</v>
      </c>
      <c r="H27" s="104">
        <v>816322</v>
      </c>
      <c r="I27" s="104">
        <v>1039546</v>
      </c>
      <c r="J27" s="104">
        <v>2013346</v>
      </c>
      <c r="K27" s="104">
        <v>1506287</v>
      </c>
      <c r="L27" s="160">
        <v>6695856</v>
      </c>
      <c r="M27" s="106">
        <v>6745052</v>
      </c>
      <c r="N27" s="100">
        <v>0</v>
      </c>
      <c r="O27" s="104">
        <v>0</v>
      </c>
      <c r="P27" s="103">
        <v>0</v>
      </c>
      <c r="Q27" s="100">
        <v>0</v>
      </c>
      <c r="R27" s="104">
        <v>290647</v>
      </c>
      <c r="S27" s="104">
        <v>187397</v>
      </c>
      <c r="T27" s="104">
        <v>372243</v>
      </c>
      <c r="U27" s="104">
        <v>390538</v>
      </c>
      <c r="V27" s="104">
        <v>1007036</v>
      </c>
      <c r="W27" s="103">
        <v>2247861</v>
      </c>
      <c r="X27" s="106">
        <v>2247861</v>
      </c>
      <c r="Y27" s="100">
        <v>0</v>
      </c>
      <c r="Z27" s="104">
        <v>0</v>
      </c>
      <c r="AA27" s="103">
        <v>0</v>
      </c>
      <c r="AB27" s="100">
        <v>0</v>
      </c>
      <c r="AC27" s="104">
        <v>97645</v>
      </c>
      <c r="AD27" s="104">
        <v>0</v>
      </c>
      <c r="AE27" s="104">
        <v>189045</v>
      </c>
      <c r="AF27" s="104">
        <v>171587</v>
      </c>
      <c r="AG27" s="104">
        <v>329301</v>
      </c>
      <c r="AH27" s="103">
        <v>787578</v>
      </c>
      <c r="AI27" s="106">
        <v>787578</v>
      </c>
      <c r="AJ27" s="100">
        <v>0</v>
      </c>
      <c r="AK27" s="104">
        <v>0</v>
      </c>
      <c r="AL27" s="103">
        <v>0</v>
      </c>
      <c r="AM27" s="100">
        <v>0</v>
      </c>
      <c r="AN27" s="104">
        <v>11691</v>
      </c>
      <c r="AO27" s="104">
        <v>0</v>
      </c>
      <c r="AP27" s="104">
        <v>9562</v>
      </c>
      <c r="AQ27" s="104">
        <v>0</v>
      </c>
      <c r="AR27" s="104">
        <v>359062</v>
      </c>
      <c r="AS27" s="103">
        <v>380315</v>
      </c>
      <c r="AT27" s="106">
        <v>380315</v>
      </c>
      <c r="AU27" s="100">
        <v>0</v>
      </c>
      <c r="AV27" s="104">
        <v>0</v>
      </c>
      <c r="AW27" s="103">
        <v>0</v>
      </c>
      <c r="AX27" s="100">
        <v>0</v>
      </c>
      <c r="AY27" s="104">
        <v>101812</v>
      </c>
      <c r="AZ27" s="104">
        <v>135261</v>
      </c>
      <c r="BA27" s="104">
        <v>124692</v>
      </c>
      <c r="BB27" s="104">
        <v>156350</v>
      </c>
      <c r="BC27" s="104">
        <v>310273</v>
      </c>
      <c r="BD27" s="103">
        <v>828388</v>
      </c>
      <c r="BE27" s="106">
        <v>828388</v>
      </c>
      <c r="BF27" s="100">
        <v>0</v>
      </c>
      <c r="BG27" s="104">
        <v>0</v>
      </c>
      <c r="BH27" s="102">
        <v>0</v>
      </c>
      <c r="BI27" s="101">
        <v>0</v>
      </c>
      <c r="BJ27" s="104">
        <v>26768</v>
      </c>
      <c r="BK27" s="104">
        <v>33460</v>
      </c>
      <c r="BL27" s="104">
        <v>0</v>
      </c>
      <c r="BM27" s="104">
        <v>0</v>
      </c>
      <c r="BN27" s="104">
        <v>0</v>
      </c>
      <c r="BO27" s="103">
        <v>60228</v>
      </c>
      <c r="BP27" s="106">
        <v>60228</v>
      </c>
      <c r="BQ27" s="100">
        <v>0</v>
      </c>
      <c r="BR27" s="104">
        <v>0</v>
      </c>
      <c r="BS27" s="103">
        <v>0</v>
      </c>
      <c r="BT27" s="100">
        <v>0</v>
      </c>
      <c r="BU27" s="104">
        <v>52731</v>
      </c>
      <c r="BV27" s="104">
        <v>18676</v>
      </c>
      <c r="BW27" s="104">
        <v>48944</v>
      </c>
      <c r="BX27" s="104">
        <v>62601</v>
      </c>
      <c r="BY27" s="104">
        <v>8400</v>
      </c>
      <c r="BZ27" s="103">
        <v>191352</v>
      </c>
      <c r="CA27" s="106">
        <v>191352</v>
      </c>
      <c r="CB27" s="100">
        <v>16226</v>
      </c>
      <c r="CC27" s="104">
        <v>0</v>
      </c>
      <c r="CD27" s="103">
        <v>16226</v>
      </c>
      <c r="CE27" s="100">
        <v>0</v>
      </c>
      <c r="CF27" s="104">
        <v>251844</v>
      </c>
      <c r="CG27" s="104">
        <v>184751</v>
      </c>
      <c r="CH27" s="104">
        <v>387243</v>
      </c>
      <c r="CI27" s="104">
        <v>734351</v>
      </c>
      <c r="CJ27" s="104">
        <v>179123</v>
      </c>
      <c r="CK27" s="103">
        <v>1737312</v>
      </c>
      <c r="CL27" s="106">
        <v>1753538</v>
      </c>
      <c r="CM27" s="100">
        <v>0</v>
      </c>
      <c r="CN27" s="104">
        <v>0</v>
      </c>
      <c r="CO27" s="103">
        <v>0</v>
      </c>
      <c r="CP27" s="101">
        <v>0</v>
      </c>
      <c r="CQ27" s="104">
        <v>87201</v>
      </c>
      <c r="CR27" s="104">
        <v>146804</v>
      </c>
      <c r="CS27" s="104">
        <v>387243</v>
      </c>
      <c r="CT27" s="104">
        <v>312438</v>
      </c>
      <c r="CU27" s="104">
        <v>179123</v>
      </c>
      <c r="CV27" s="103">
        <v>1112809</v>
      </c>
      <c r="CW27" s="106">
        <v>1112809</v>
      </c>
      <c r="CX27" s="100">
        <v>16226</v>
      </c>
      <c r="CY27" s="104">
        <v>0</v>
      </c>
      <c r="CZ27" s="103">
        <v>16226</v>
      </c>
      <c r="DA27" s="100">
        <v>0</v>
      </c>
      <c r="DB27" s="104">
        <v>164643</v>
      </c>
      <c r="DC27" s="104">
        <v>37947</v>
      </c>
      <c r="DD27" s="104">
        <v>0</v>
      </c>
      <c r="DE27" s="104">
        <v>421913</v>
      </c>
      <c r="DF27" s="104">
        <v>0</v>
      </c>
      <c r="DG27" s="103">
        <v>624503</v>
      </c>
      <c r="DH27" s="106">
        <v>640729</v>
      </c>
      <c r="DI27" s="100">
        <v>0</v>
      </c>
      <c r="DJ27" s="104">
        <v>0</v>
      </c>
      <c r="DK27" s="102">
        <v>0</v>
      </c>
      <c r="DL27" s="101">
        <v>0</v>
      </c>
      <c r="DM27" s="104">
        <v>41030</v>
      </c>
      <c r="DN27" s="104">
        <v>103352</v>
      </c>
      <c r="DO27" s="104">
        <v>17731</v>
      </c>
      <c r="DP27" s="104">
        <v>337795</v>
      </c>
      <c r="DQ27" s="104">
        <v>0</v>
      </c>
      <c r="DR27" s="103">
        <v>499908</v>
      </c>
      <c r="DS27" s="106">
        <v>499908</v>
      </c>
      <c r="DT27" s="100">
        <v>0</v>
      </c>
      <c r="DU27" s="104">
        <v>0</v>
      </c>
      <c r="DV27" s="103">
        <v>0</v>
      </c>
      <c r="DW27" s="100">
        <v>0</v>
      </c>
      <c r="DX27" s="104">
        <v>41030</v>
      </c>
      <c r="DY27" s="104">
        <v>103352</v>
      </c>
      <c r="DZ27" s="104">
        <v>17731</v>
      </c>
      <c r="EA27" s="104">
        <v>120403</v>
      </c>
      <c r="EB27" s="104">
        <v>0</v>
      </c>
      <c r="EC27" s="103">
        <v>282516</v>
      </c>
      <c r="ED27" s="106">
        <v>282516</v>
      </c>
      <c r="EE27" s="100">
        <v>0</v>
      </c>
      <c r="EF27" s="102">
        <v>0</v>
      </c>
      <c r="EG27" s="103">
        <v>0</v>
      </c>
      <c r="EH27" s="100">
        <v>0</v>
      </c>
      <c r="EI27" s="104">
        <v>0</v>
      </c>
      <c r="EJ27" s="104">
        <v>0</v>
      </c>
      <c r="EK27" s="104">
        <v>0</v>
      </c>
      <c r="EL27" s="104">
        <v>217392</v>
      </c>
      <c r="EM27" s="104">
        <v>0</v>
      </c>
      <c r="EN27" s="102">
        <v>217392</v>
      </c>
      <c r="EO27" s="106">
        <v>217392</v>
      </c>
      <c r="EP27" s="100">
        <v>0</v>
      </c>
      <c r="EQ27" s="104">
        <v>0</v>
      </c>
      <c r="ER27" s="102">
        <v>0</v>
      </c>
      <c r="ES27" s="101">
        <v>0</v>
      </c>
      <c r="ET27" s="104">
        <v>0</v>
      </c>
      <c r="EU27" s="104">
        <v>0</v>
      </c>
      <c r="EV27" s="104">
        <v>0</v>
      </c>
      <c r="EW27" s="104">
        <v>0</v>
      </c>
      <c r="EX27" s="104">
        <v>0</v>
      </c>
      <c r="EY27" s="103">
        <v>0</v>
      </c>
      <c r="EZ27" s="106">
        <v>0</v>
      </c>
      <c r="FA27" s="100">
        <v>0</v>
      </c>
      <c r="FB27" s="104">
        <v>0</v>
      </c>
      <c r="FC27" s="102">
        <v>0</v>
      </c>
      <c r="FD27" s="324"/>
      <c r="FE27" s="104">
        <v>0</v>
      </c>
      <c r="FF27" s="104">
        <v>0</v>
      </c>
      <c r="FG27" s="104">
        <v>0</v>
      </c>
      <c r="FH27" s="104">
        <v>0</v>
      </c>
      <c r="FI27" s="104">
        <v>0</v>
      </c>
      <c r="FJ27" s="103">
        <v>0</v>
      </c>
      <c r="FK27" s="106">
        <v>0</v>
      </c>
      <c r="FL27" s="100">
        <v>13090</v>
      </c>
      <c r="FM27" s="104">
        <v>19880</v>
      </c>
      <c r="FN27" s="103">
        <v>32970</v>
      </c>
      <c r="FO27" s="100">
        <v>0</v>
      </c>
      <c r="FP27" s="104">
        <v>69013</v>
      </c>
      <c r="FQ27" s="104">
        <v>29533</v>
      </c>
      <c r="FR27" s="104">
        <v>92505</v>
      </c>
      <c r="FS27" s="104">
        <v>162806</v>
      </c>
      <c r="FT27" s="104">
        <v>112273</v>
      </c>
      <c r="FU27" s="103">
        <v>466130</v>
      </c>
      <c r="FV27" s="106">
        <v>499100</v>
      </c>
      <c r="FW27" s="105">
        <v>13090</v>
      </c>
      <c r="FX27" s="104">
        <v>19880</v>
      </c>
      <c r="FY27" s="102">
        <v>32970</v>
      </c>
      <c r="FZ27" s="101">
        <v>0</v>
      </c>
      <c r="GA27" s="104">
        <v>69013</v>
      </c>
      <c r="GB27" s="104">
        <v>29533</v>
      </c>
      <c r="GC27" s="104">
        <v>92505</v>
      </c>
      <c r="GD27" s="104">
        <v>162806</v>
      </c>
      <c r="GE27" s="104">
        <v>112273</v>
      </c>
      <c r="GF27" s="103">
        <v>466130</v>
      </c>
      <c r="GG27" s="296">
        <v>499100</v>
      </c>
      <c r="GH27" s="105">
        <v>0</v>
      </c>
      <c r="GI27" s="104">
        <v>0</v>
      </c>
      <c r="GJ27" s="102">
        <v>0</v>
      </c>
      <c r="GK27" s="101">
        <v>0</v>
      </c>
      <c r="GL27" s="104">
        <v>0</v>
      </c>
      <c r="GM27" s="104">
        <v>0</v>
      </c>
      <c r="GN27" s="104">
        <v>0</v>
      </c>
      <c r="GO27" s="104">
        <v>0</v>
      </c>
      <c r="GP27" s="104">
        <v>0</v>
      </c>
      <c r="GQ27" s="103">
        <v>0</v>
      </c>
      <c r="GR27" s="106">
        <v>0</v>
      </c>
      <c r="GS27" s="100">
        <v>0</v>
      </c>
      <c r="GT27" s="104">
        <v>0</v>
      </c>
      <c r="GU27" s="103">
        <v>0</v>
      </c>
      <c r="GV27" s="100">
        <v>0</v>
      </c>
      <c r="GW27" s="104">
        <v>0</v>
      </c>
      <c r="GX27" s="104">
        <v>0</v>
      </c>
      <c r="GY27" s="104">
        <v>0</v>
      </c>
      <c r="GZ27" s="104">
        <v>0</v>
      </c>
      <c r="HA27" s="104">
        <v>0</v>
      </c>
      <c r="HB27" s="102">
        <v>0</v>
      </c>
      <c r="HC27" s="106">
        <v>0</v>
      </c>
      <c r="HD27" s="100">
        <v>0</v>
      </c>
      <c r="HE27" s="104">
        <v>0</v>
      </c>
      <c r="HF27" s="102">
        <v>0</v>
      </c>
      <c r="HG27" s="101">
        <v>0</v>
      </c>
      <c r="HH27" s="104">
        <v>667821</v>
      </c>
      <c r="HI27" s="104">
        <v>311289</v>
      </c>
      <c r="HJ27" s="104">
        <v>169824</v>
      </c>
      <c r="HK27" s="104">
        <v>387856</v>
      </c>
      <c r="HL27" s="104">
        <v>207855</v>
      </c>
      <c r="HM27" s="103">
        <v>1744645</v>
      </c>
      <c r="HN27" s="99">
        <v>1744645</v>
      </c>
      <c r="HO27" s="306"/>
      <c r="HP27" s="307"/>
      <c r="HQ27" s="308"/>
      <c r="HR27" s="309"/>
      <c r="HS27" s="307"/>
      <c r="HT27" s="307"/>
      <c r="HU27" s="307"/>
      <c r="HV27" s="307"/>
      <c r="HW27" s="307"/>
      <c r="HX27" s="310"/>
      <c r="HY27" s="311"/>
      <c r="HZ27" s="118">
        <v>0</v>
      </c>
      <c r="IA27" s="119">
        <v>0</v>
      </c>
      <c r="IB27" s="120">
        <v>0</v>
      </c>
      <c r="IC27" s="133">
        <v>0</v>
      </c>
      <c r="ID27" s="119">
        <v>340326</v>
      </c>
      <c r="IE27" s="134">
        <v>652652</v>
      </c>
      <c r="IF27" s="120">
        <v>530656</v>
      </c>
      <c r="IG27" s="119">
        <v>355824</v>
      </c>
      <c r="IH27" s="120">
        <v>0</v>
      </c>
      <c r="II27" s="135">
        <v>1879458</v>
      </c>
      <c r="IJ27" s="126">
        <v>1879458</v>
      </c>
      <c r="IK27" s="219">
        <v>0</v>
      </c>
      <c r="IL27" s="223">
        <v>0</v>
      </c>
      <c r="IM27" s="224">
        <v>0</v>
      </c>
      <c r="IN27" s="127"/>
      <c r="IO27" s="109">
        <v>0</v>
      </c>
      <c r="IP27" s="109">
        <v>0</v>
      </c>
      <c r="IQ27" s="109">
        <v>142527</v>
      </c>
      <c r="IR27" s="109">
        <v>165942</v>
      </c>
      <c r="IS27" s="109">
        <v>0</v>
      </c>
      <c r="IT27" s="128">
        <v>308469</v>
      </c>
      <c r="IU27" s="298">
        <v>308469</v>
      </c>
      <c r="IV27" s="129">
        <v>0</v>
      </c>
      <c r="IW27" s="109">
        <v>0</v>
      </c>
      <c r="IX27" s="110">
        <v>0</v>
      </c>
      <c r="IY27" s="131"/>
      <c r="IZ27" s="109">
        <v>0</v>
      </c>
      <c r="JA27" s="109">
        <v>0</v>
      </c>
      <c r="JB27" s="109">
        <v>0</v>
      </c>
      <c r="JC27" s="109">
        <v>0</v>
      </c>
      <c r="JD27" s="109">
        <v>0</v>
      </c>
      <c r="JE27" s="110">
        <v>0</v>
      </c>
      <c r="JF27" s="111">
        <v>0</v>
      </c>
      <c r="JG27" s="129">
        <v>0</v>
      </c>
      <c r="JH27" s="109">
        <v>0</v>
      </c>
      <c r="JI27" s="128">
        <v>0</v>
      </c>
      <c r="JJ27" s="108">
        <v>0</v>
      </c>
      <c r="JK27" s="109">
        <v>340326</v>
      </c>
      <c r="JL27" s="109">
        <v>252000</v>
      </c>
      <c r="JM27" s="109">
        <v>126462</v>
      </c>
      <c r="JN27" s="109">
        <v>0</v>
      </c>
      <c r="JO27" s="109">
        <v>0</v>
      </c>
      <c r="JP27" s="110">
        <v>718788</v>
      </c>
      <c r="JQ27" s="298">
        <v>718788</v>
      </c>
      <c r="JR27" s="129">
        <v>0</v>
      </c>
      <c r="JS27" s="109">
        <v>0</v>
      </c>
      <c r="JT27" s="128">
        <v>0</v>
      </c>
      <c r="JU27" s="108">
        <v>0</v>
      </c>
      <c r="JV27" s="109">
        <v>0</v>
      </c>
      <c r="JW27" s="109">
        <v>0</v>
      </c>
      <c r="JX27" s="109">
        <v>77021</v>
      </c>
      <c r="JY27" s="109">
        <v>0</v>
      </c>
      <c r="JZ27" s="109">
        <v>0</v>
      </c>
      <c r="KA27" s="110">
        <v>77021</v>
      </c>
      <c r="KB27" s="298">
        <v>77021</v>
      </c>
      <c r="KC27" s="221">
        <v>0</v>
      </c>
      <c r="KD27" s="217">
        <v>0</v>
      </c>
      <c r="KE27" s="110">
        <v>0</v>
      </c>
      <c r="KF27" s="108">
        <v>0</v>
      </c>
      <c r="KG27" s="109">
        <v>0</v>
      </c>
      <c r="KH27" s="109">
        <v>400652</v>
      </c>
      <c r="KI27" s="109">
        <v>184646</v>
      </c>
      <c r="KJ27" s="109">
        <v>189882</v>
      </c>
      <c r="KK27" s="109">
        <v>0</v>
      </c>
      <c r="KL27" s="110">
        <v>775180</v>
      </c>
      <c r="KM27" s="130">
        <v>775180</v>
      </c>
      <c r="KN27" s="219">
        <v>0</v>
      </c>
      <c r="KO27" s="223">
        <v>0</v>
      </c>
      <c r="KP27" s="224">
        <v>0</v>
      </c>
      <c r="KQ27" s="127"/>
      <c r="KR27" s="109">
        <v>0</v>
      </c>
      <c r="KS27" s="109">
        <v>0</v>
      </c>
      <c r="KT27" s="109">
        <v>0</v>
      </c>
      <c r="KU27" s="109">
        <v>0</v>
      </c>
      <c r="KV27" s="109">
        <v>0</v>
      </c>
      <c r="KW27" s="110">
        <v>0</v>
      </c>
      <c r="KX27" s="298">
        <v>0</v>
      </c>
      <c r="KY27" s="129">
        <v>0</v>
      </c>
      <c r="KZ27" s="109">
        <v>0</v>
      </c>
      <c r="LA27" s="110">
        <v>0</v>
      </c>
      <c r="LB27" s="132"/>
      <c r="LC27" s="109">
        <v>0</v>
      </c>
      <c r="LD27" s="109">
        <v>0</v>
      </c>
      <c r="LE27" s="109">
        <v>0</v>
      </c>
      <c r="LF27" s="109">
        <v>0</v>
      </c>
      <c r="LG27" s="109">
        <v>0</v>
      </c>
      <c r="LH27" s="110">
        <v>0</v>
      </c>
      <c r="LI27" s="111">
        <v>0</v>
      </c>
      <c r="LJ27" s="129">
        <v>0</v>
      </c>
      <c r="LK27" s="109">
        <v>0</v>
      </c>
      <c r="LL27" s="110">
        <v>0</v>
      </c>
      <c r="LM27" s="132"/>
      <c r="LN27" s="109">
        <v>0</v>
      </c>
      <c r="LO27" s="109">
        <v>0</v>
      </c>
      <c r="LP27" s="109">
        <v>0</v>
      </c>
      <c r="LQ27" s="109">
        <v>0</v>
      </c>
      <c r="LR27" s="109">
        <v>0</v>
      </c>
      <c r="LS27" s="110">
        <v>0</v>
      </c>
      <c r="LT27" s="298">
        <v>0</v>
      </c>
      <c r="LU27" s="129">
        <v>0</v>
      </c>
      <c r="LV27" s="109">
        <v>0</v>
      </c>
      <c r="LW27" s="110">
        <v>0</v>
      </c>
      <c r="LX27" s="132"/>
      <c r="LY27" s="109">
        <v>0</v>
      </c>
      <c r="LZ27" s="109">
        <v>0</v>
      </c>
      <c r="MA27" s="109">
        <v>0</v>
      </c>
      <c r="MB27" s="109">
        <v>0</v>
      </c>
      <c r="MC27" s="109">
        <v>0</v>
      </c>
      <c r="MD27" s="110">
        <v>0</v>
      </c>
      <c r="ME27" s="111">
        <v>0</v>
      </c>
      <c r="MF27" s="129">
        <v>0</v>
      </c>
      <c r="MG27" s="109">
        <v>0</v>
      </c>
      <c r="MH27" s="110">
        <v>0</v>
      </c>
      <c r="MI27" s="132"/>
      <c r="MJ27" s="109">
        <v>0</v>
      </c>
      <c r="MK27" s="109">
        <v>443786</v>
      </c>
      <c r="ML27" s="109">
        <v>852931</v>
      </c>
      <c r="MM27" s="109">
        <v>229929</v>
      </c>
      <c r="MN27" s="109">
        <v>0</v>
      </c>
      <c r="MO27" s="110">
        <v>1526646</v>
      </c>
      <c r="MP27" s="130">
        <v>1526646</v>
      </c>
      <c r="MQ27" s="129">
        <v>0</v>
      </c>
      <c r="MR27" s="109">
        <v>0</v>
      </c>
      <c r="MS27" s="110">
        <v>0</v>
      </c>
      <c r="MT27" s="132"/>
      <c r="MU27" s="109">
        <v>0</v>
      </c>
      <c r="MV27" s="109">
        <v>195230</v>
      </c>
      <c r="MW27" s="109">
        <v>169274</v>
      </c>
      <c r="MX27" s="109">
        <v>229929</v>
      </c>
      <c r="MY27" s="109">
        <v>0</v>
      </c>
      <c r="MZ27" s="110">
        <v>594433</v>
      </c>
      <c r="NA27" s="130">
        <v>594433</v>
      </c>
      <c r="NB27" s="129">
        <v>0</v>
      </c>
      <c r="NC27" s="109">
        <v>0</v>
      </c>
      <c r="ND27" s="110">
        <v>0</v>
      </c>
      <c r="NE27" s="132"/>
      <c r="NF27" s="109">
        <v>0</v>
      </c>
      <c r="NG27" s="109">
        <v>248556</v>
      </c>
      <c r="NH27" s="109">
        <v>683657</v>
      </c>
      <c r="NI27" s="109">
        <v>0</v>
      </c>
      <c r="NJ27" s="109">
        <v>0</v>
      </c>
      <c r="NK27" s="110">
        <v>932213</v>
      </c>
      <c r="NL27" s="298">
        <v>932213</v>
      </c>
      <c r="NM27" s="129">
        <v>0</v>
      </c>
      <c r="NN27" s="109">
        <v>0</v>
      </c>
      <c r="NO27" s="110">
        <v>0</v>
      </c>
      <c r="NP27" s="132"/>
      <c r="NQ27" s="109">
        <v>0</v>
      </c>
      <c r="NR27" s="109">
        <v>0</v>
      </c>
      <c r="NS27" s="109">
        <v>0</v>
      </c>
      <c r="NT27" s="109">
        <v>0</v>
      </c>
      <c r="NU27" s="109">
        <v>0</v>
      </c>
      <c r="NV27" s="110">
        <v>0</v>
      </c>
      <c r="NW27" s="111">
        <v>0</v>
      </c>
      <c r="NX27" s="129">
        <v>0</v>
      </c>
      <c r="NY27" s="109">
        <v>0</v>
      </c>
      <c r="NZ27" s="110">
        <v>0</v>
      </c>
      <c r="OA27" s="132"/>
      <c r="OB27" s="109">
        <v>0</v>
      </c>
      <c r="OC27" s="109">
        <v>0</v>
      </c>
      <c r="OD27" s="109">
        <v>0</v>
      </c>
      <c r="OE27" s="109">
        <v>0</v>
      </c>
      <c r="OF27" s="109">
        <v>0</v>
      </c>
      <c r="OG27" s="110">
        <v>0</v>
      </c>
      <c r="OH27" s="111">
        <v>0</v>
      </c>
      <c r="OI27" s="129">
        <v>29316</v>
      </c>
      <c r="OJ27" s="109">
        <v>19880</v>
      </c>
      <c r="OK27" s="128">
        <v>49196</v>
      </c>
      <c r="OL27" s="108">
        <v>0</v>
      </c>
      <c r="OM27" s="109">
        <v>1660681</v>
      </c>
      <c r="ON27" s="109">
        <v>1912760</v>
      </c>
      <c r="OO27" s="109">
        <v>2423133</v>
      </c>
      <c r="OP27" s="109">
        <v>2599099</v>
      </c>
      <c r="OQ27" s="109">
        <v>1506287</v>
      </c>
      <c r="OR27" s="110">
        <v>10101960</v>
      </c>
      <c r="OS27" s="130">
        <v>10151156</v>
      </c>
    </row>
    <row r="28" spans="2:409" ht="21" customHeight="1" x14ac:dyDescent="0.2">
      <c r="B28" s="472" t="s">
        <v>23</v>
      </c>
      <c r="C28" s="100">
        <v>81326</v>
      </c>
      <c r="D28" s="104">
        <v>139268</v>
      </c>
      <c r="E28" s="103">
        <v>220594</v>
      </c>
      <c r="F28" s="99">
        <v>0</v>
      </c>
      <c r="G28" s="104">
        <v>1251984</v>
      </c>
      <c r="H28" s="104">
        <v>2316480</v>
      </c>
      <c r="I28" s="104">
        <v>1980822</v>
      </c>
      <c r="J28" s="104">
        <v>2928885</v>
      </c>
      <c r="K28" s="104">
        <v>1444827</v>
      </c>
      <c r="L28" s="160">
        <v>9922998</v>
      </c>
      <c r="M28" s="106">
        <v>10143592</v>
      </c>
      <c r="N28" s="100">
        <v>68544</v>
      </c>
      <c r="O28" s="104">
        <v>105878</v>
      </c>
      <c r="P28" s="103">
        <v>174422</v>
      </c>
      <c r="Q28" s="100">
        <v>0</v>
      </c>
      <c r="R28" s="104">
        <v>305663</v>
      </c>
      <c r="S28" s="104">
        <v>763470</v>
      </c>
      <c r="T28" s="104">
        <v>879822</v>
      </c>
      <c r="U28" s="104">
        <v>336337</v>
      </c>
      <c r="V28" s="104">
        <v>198908</v>
      </c>
      <c r="W28" s="103">
        <v>2484200</v>
      </c>
      <c r="X28" s="106">
        <v>2658622</v>
      </c>
      <c r="Y28" s="100">
        <v>0</v>
      </c>
      <c r="Z28" s="104">
        <v>0</v>
      </c>
      <c r="AA28" s="103">
        <v>0</v>
      </c>
      <c r="AB28" s="100">
        <v>0</v>
      </c>
      <c r="AC28" s="104">
        <v>53564</v>
      </c>
      <c r="AD28" s="104">
        <v>210456</v>
      </c>
      <c r="AE28" s="104">
        <v>383140</v>
      </c>
      <c r="AF28" s="104">
        <v>69392</v>
      </c>
      <c r="AG28" s="104">
        <v>0</v>
      </c>
      <c r="AH28" s="103">
        <v>716552</v>
      </c>
      <c r="AI28" s="106">
        <v>716552</v>
      </c>
      <c r="AJ28" s="100">
        <v>0</v>
      </c>
      <c r="AK28" s="104">
        <v>0</v>
      </c>
      <c r="AL28" s="103">
        <v>0</v>
      </c>
      <c r="AM28" s="100">
        <v>0</v>
      </c>
      <c r="AN28" s="104">
        <v>40917</v>
      </c>
      <c r="AO28" s="104">
        <v>0</v>
      </c>
      <c r="AP28" s="104">
        <v>62221</v>
      </c>
      <c r="AQ28" s="104">
        <v>0</v>
      </c>
      <c r="AR28" s="104">
        <v>40348</v>
      </c>
      <c r="AS28" s="103">
        <v>143486</v>
      </c>
      <c r="AT28" s="106">
        <v>143486</v>
      </c>
      <c r="AU28" s="100">
        <v>55132</v>
      </c>
      <c r="AV28" s="104">
        <v>78837</v>
      </c>
      <c r="AW28" s="103">
        <v>133969</v>
      </c>
      <c r="AX28" s="100">
        <v>0</v>
      </c>
      <c r="AY28" s="104">
        <v>166676</v>
      </c>
      <c r="AZ28" s="104">
        <v>400045</v>
      </c>
      <c r="BA28" s="104">
        <v>300159</v>
      </c>
      <c r="BB28" s="104">
        <v>98882</v>
      </c>
      <c r="BC28" s="104">
        <v>35045</v>
      </c>
      <c r="BD28" s="103">
        <v>1000807</v>
      </c>
      <c r="BE28" s="106">
        <v>1134776</v>
      </c>
      <c r="BF28" s="100">
        <v>0</v>
      </c>
      <c r="BG28" s="104">
        <v>27041</v>
      </c>
      <c r="BH28" s="102">
        <v>27041</v>
      </c>
      <c r="BI28" s="101">
        <v>0</v>
      </c>
      <c r="BJ28" s="104">
        <v>0</v>
      </c>
      <c r="BK28" s="104">
        <v>57048</v>
      </c>
      <c r="BL28" s="104">
        <v>0</v>
      </c>
      <c r="BM28" s="104">
        <v>0</v>
      </c>
      <c r="BN28" s="104">
        <v>0</v>
      </c>
      <c r="BO28" s="103">
        <v>57048</v>
      </c>
      <c r="BP28" s="106">
        <v>84089</v>
      </c>
      <c r="BQ28" s="100">
        <v>13412</v>
      </c>
      <c r="BR28" s="104">
        <v>0</v>
      </c>
      <c r="BS28" s="103">
        <v>13412</v>
      </c>
      <c r="BT28" s="100">
        <v>0</v>
      </c>
      <c r="BU28" s="104">
        <v>44506</v>
      </c>
      <c r="BV28" s="104">
        <v>95921</v>
      </c>
      <c r="BW28" s="104">
        <v>134302</v>
      </c>
      <c r="BX28" s="104">
        <v>168063</v>
      </c>
      <c r="BY28" s="104">
        <v>123515</v>
      </c>
      <c r="BZ28" s="103">
        <v>566307</v>
      </c>
      <c r="CA28" s="106">
        <v>579719</v>
      </c>
      <c r="CB28" s="100">
        <v>0</v>
      </c>
      <c r="CC28" s="104">
        <v>0</v>
      </c>
      <c r="CD28" s="103">
        <v>0</v>
      </c>
      <c r="CE28" s="100">
        <v>0</v>
      </c>
      <c r="CF28" s="104">
        <v>627239</v>
      </c>
      <c r="CG28" s="104">
        <v>721704</v>
      </c>
      <c r="CH28" s="104">
        <v>474260</v>
      </c>
      <c r="CI28" s="104">
        <v>466176</v>
      </c>
      <c r="CJ28" s="104">
        <v>242007</v>
      </c>
      <c r="CK28" s="103">
        <v>2531386</v>
      </c>
      <c r="CL28" s="106">
        <v>2531386</v>
      </c>
      <c r="CM28" s="100">
        <v>0</v>
      </c>
      <c r="CN28" s="104">
        <v>0</v>
      </c>
      <c r="CO28" s="103">
        <v>0</v>
      </c>
      <c r="CP28" s="101">
        <v>0</v>
      </c>
      <c r="CQ28" s="104">
        <v>508748</v>
      </c>
      <c r="CR28" s="104">
        <v>625774</v>
      </c>
      <c r="CS28" s="104">
        <v>342163</v>
      </c>
      <c r="CT28" s="104">
        <v>323058</v>
      </c>
      <c r="CU28" s="104">
        <v>0</v>
      </c>
      <c r="CV28" s="103">
        <v>1799743</v>
      </c>
      <c r="CW28" s="106">
        <v>1799743</v>
      </c>
      <c r="CX28" s="100">
        <v>0</v>
      </c>
      <c r="CY28" s="104">
        <v>0</v>
      </c>
      <c r="CZ28" s="103">
        <v>0</v>
      </c>
      <c r="DA28" s="100">
        <v>0</v>
      </c>
      <c r="DB28" s="104">
        <v>118491</v>
      </c>
      <c r="DC28" s="104">
        <v>95930</v>
      </c>
      <c r="DD28" s="104">
        <v>132097</v>
      </c>
      <c r="DE28" s="104">
        <v>143118</v>
      </c>
      <c r="DF28" s="104">
        <v>242007</v>
      </c>
      <c r="DG28" s="103">
        <v>731643</v>
      </c>
      <c r="DH28" s="106">
        <v>731643</v>
      </c>
      <c r="DI28" s="100">
        <v>0</v>
      </c>
      <c r="DJ28" s="104">
        <v>0</v>
      </c>
      <c r="DK28" s="102">
        <v>0</v>
      </c>
      <c r="DL28" s="101">
        <v>0</v>
      </c>
      <c r="DM28" s="104">
        <v>68915</v>
      </c>
      <c r="DN28" s="104">
        <v>170185</v>
      </c>
      <c r="DO28" s="104">
        <v>264172</v>
      </c>
      <c r="DP28" s="104">
        <v>95845</v>
      </c>
      <c r="DQ28" s="104">
        <v>0</v>
      </c>
      <c r="DR28" s="103">
        <v>599117</v>
      </c>
      <c r="DS28" s="106">
        <v>599117</v>
      </c>
      <c r="DT28" s="100">
        <v>0</v>
      </c>
      <c r="DU28" s="104">
        <v>0</v>
      </c>
      <c r="DV28" s="103">
        <v>0</v>
      </c>
      <c r="DW28" s="100">
        <v>0</v>
      </c>
      <c r="DX28" s="104">
        <v>68915</v>
      </c>
      <c r="DY28" s="104">
        <v>170185</v>
      </c>
      <c r="DZ28" s="104">
        <v>247344</v>
      </c>
      <c r="EA28" s="104">
        <v>95845</v>
      </c>
      <c r="EB28" s="104">
        <v>0</v>
      </c>
      <c r="EC28" s="103">
        <v>582289</v>
      </c>
      <c r="ED28" s="106">
        <v>582289</v>
      </c>
      <c r="EE28" s="100">
        <v>0</v>
      </c>
      <c r="EF28" s="102">
        <v>0</v>
      </c>
      <c r="EG28" s="103">
        <v>0</v>
      </c>
      <c r="EH28" s="100">
        <v>0</v>
      </c>
      <c r="EI28" s="104">
        <v>0</v>
      </c>
      <c r="EJ28" s="104">
        <v>0</v>
      </c>
      <c r="EK28" s="104">
        <v>16828</v>
      </c>
      <c r="EL28" s="104">
        <v>0</v>
      </c>
      <c r="EM28" s="104">
        <v>0</v>
      </c>
      <c r="EN28" s="102">
        <v>16828</v>
      </c>
      <c r="EO28" s="106">
        <v>16828</v>
      </c>
      <c r="EP28" s="100">
        <v>0</v>
      </c>
      <c r="EQ28" s="104">
        <v>0</v>
      </c>
      <c r="ER28" s="102">
        <v>0</v>
      </c>
      <c r="ES28" s="101">
        <v>0</v>
      </c>
      <c r="ET28" s="104">
        <v>0</v>
      </c>
      <c r="EU28" s="104">
        <v>0</v>
      </c>
      <c r="EV28" s="104">
        <v>0</v>
      </c>
      <c r="EW28" s="104">
        <v>0</v>
      </c>
      <c r="EX28" s="104">
        <v>0</v>
      </c>
      <c r="EY28" s="103">
        <v>0</v>
      </c>
      <c r="EZ28" s="106">
        <v>0</v>
      </c>
      <c r="FA28" s="100">
        <v>0</v>
      </c>
      <c r="FB28" s="104">
        <v>0</v>
      </c>
      <c r="FC28" s="102">
        <v>0</v>
      </c>
      <c r="FD28" s="324"/>
      <c r="FE28" s="104">
        <v>0</v>
      </c>
      <c r="FF28" s="104">
        <v>0</v>
      </c>
      <c r="FG28" s="104">
        <v>0</v>
      </c>
      <c r="FH28" s="104">
        <v>0</v>
      </c>
      <c r="FI28" s="104">
        <v>0</v>
      </c>
      <c r="FJ28" s="103">
        <v>0</v>
      </c>
      <c r="FK28" s="106">
        <v>0</v>
      </c>
      <c r="FL28" s="100">
        <v>12782</v>
      </c>
      <c r="FM28" s="104">
        <v>33390</v>
      </c>
      <c r="FN28" s="103">
        <v>46172</v>
      </c>
      <c r="FO28" s="100">
        <v>0</v>
      </c>
      <c r="FP28" s="104">
        <v>110978</v>
      </c>
      <c r="FQ28" s="104">
        <v>339087</v>
      </c>
      <c r="FR28" s="104">
        <v>186314</v>
      </c>
      <c r="FS28" s="104">
        <v>86058</v>
      </c>
      <c r="FT28" s="104">
        <v>67970</v>
      </c>
      <c r="FU28" s="103">
        <v>790407</v>
      </c>
      <c r="FV28" s="106">
        <v>836579</v>
      </c>
      <c r="FW28" s="105">
        <v>12782</v>
      </c>
      <c r="FX28" s="104">
        <v>33390</v>
      </c>
      <c r="FY28" s="102">
        <v>46172</v>
      </c>
      <c r="FZ28" s="101">
        <v>0</v>
      </c>
      <c r="GA28" s="104">
        <v>110978</v>
      </c>
      <c r="GB28" s="104">
        <v>242907</v>
      </c>
      <c r="GC28" s="104">
        <v>158662</v>
      </c>
      <c r="GD28" s="104">
        <v>86058</v>
      </c>
      <c r="GE28" s="104">
        <v>67970</v>
      </c>
      <c r="GF28" s="103">
        <v>666575</v>
      </c>
      <c r="GG28" s="296">
        <v>712747</v>
      </c>
      <c r="GH28" s="105">
        <v>0</v>
      </c>
      <c r="GI28" s="104">
        <v>0</v>
      </c>
      <c r="GJ28" s="102">
        <v>0</v>
      </c>
      <c r="GK28" s="101">
        <v>0</v>
      </c>
      <c r="GL28" s="104">
        <v>0</v>
      </c>
      <c r="GM28" s="104">
        <v>70000</v>
      </c>
      <c r="GN28" s="104">
        <v>27652</v>
      </c>
      <c r="GO28" s="104">
        <v>0</v>
      </c>
      <c r="GP28" s="104">
        <v>0</v>
      </c>
      <c r="GQ28" s="103">
        <v>97652</v>
      </c>
      <c r="GR28" s="106">
        <v>97652</v>
      </c>
      <c r="GS28" s="100">
        <v>0</v>
      </c>
      <c r="GT28" s="104">
        <v>0</v>
      </c>
      <c r="GU28" s="103">
        <v>0</v>
      </c>
      <c r="GV28" s="100">
        <v>0</v>
      </c>
      <c r="GW28" s="104">
        <v>0</v>
      </c>
      <c r="GX28" s="104">
        <v>26180</v>
      </c>
      <c r="GY28" s="104">
        <v>0</v>
      </c>
      <c r="GZ28" s="104">
        <v>0</v>
      </c>
      <c r="HA28" s="104">
        <v>0</v>
      </c>
      <c r="HB28" s="102">
        <v>26180</v>
      </c>
      <c r="HC28" s="106">
        <v>26180</v>
      </c>
      <c r="HD28" s="100">
        <v>0</v>
      </c>
      <c r="HE28" s="104">
        <v>0</v>
      </c>
      <c r="HF28" s="102">
        <v>0</v>
      </c>
      <c r="HG28" s="101">
        <v>0</v>
      </c>
      <c r="HH28" s="104">
        <v>139189</v>
      </c>
      <c r="HI28" s="104">
        <v>322034</v>
      </c>
      <c r="HJ28" s="104">
        <v>176254</v>
      </c>
      <c r="HK28" s="104">
        <v>1944469</v>
      </c>
      <c r="HL28" s="104">
        <v>935942</v>
      </c>
      <c r="HM28" s="103">
        <v>3517888</v>
      </c>
      <c r="HN28" s="99">
        <v>3517888</v>
      </c>
      <c r="HO28" s="306"/>
      <c r="HP28" s="307"/>
      <c r="HQ28" s="308"/>
      <c r="HR28" s="309"/>
      <c r="HS28" s="307"/>
      <c r="HT28" s="307"/>
      <c r="HU28" s="307"/>
      <c r="HV28" s="307"/>
      <c r="HW28" s="307"/>
      <c r="HX28" s="310"/>
      <c r="HY28" s="311"/>
      <c r="HZ28" s="137">
        <v>0</v>
      </c>
      <c r="IA28" s="122">
        <v>0</v>
      </c>
      <c r="IB28" s="137">
        <v>0</v>
      </c>
      <c r="IC28" s="121">
        <v>0</v>
      </c>
      <c r="ID28" s="122">
        <v>231416</v>
      </c>
      <c r="IE28" s="123">
        <v>497552</v>
      </c>
      <c r="IF28" s="124">
        <v>752732</v>
      </c>
      <c r="IG28" s="122">
        <v>0</v>
      </c>
      <c r="IH28" s="124">
        <v>232199</v>
      </c>
      <c r="II28" s="125">
        <v>1713899</v>
      </c>
      <c r="IJ28" s="137">
        <v>1713899</v>
      </c>
      <c r="IK28" s="219">
        <v>0</v>
      </c>
      <c r="IL28" s="223">
        <v>0</v>
      </c>
      <c r="IM28" s="224">
        <v>0</v>
      </c>
      <c r="IN28" s="127"/>
      <c r="IO28" s="109">
        <v>0</v>
      </c>
      <c r="IP28" s="109">
        <v>0</v>
      </c>
      <c r="IQ28" s="109">
        <v>0</v>
      </c>
      <c r="IR28" s="109">
        <v>0</v>
      </c>
      <c r="IS28" s="109">
        <v>232199</v>
      </c>
      <c r="IT28" s="128">
        <v>232199</v>
      </c>
      <c r="IU28" s="298">
        <v>232199</v>
      </c>
      <c r="IV28" s="129">
        <v>0</v>
      </c>
      <c r="IW28" s="109">
        <v>0</v>
      </c>
      <c r="IX28" s="110">
        <v>0</v>
      </c>
      <c r="IY28" s="131"/>
      <c r="IZ28" s="109">
        <v>0</v>
      </c>
      <c r="JA28" s="109">
        <v>0</v>
      </c>
      <c r="JB28" s="109">
        <v>0</v>
      </c>
      <c r="JC28" s="109">
        <v>0</v>
      </c>
      <c r="JD28" s="109">
        <v>0</v>
      </c>
      <c r="JE28" s="110">
        <v>0</v>
      </c>
      <c r="JF28" s="111">
        <v>0</v>
      </c>
      <c r="JG28" s="129">
        <v>0</v>
      </c>
      <c r="JH28" s="109">
        <v>0</v>
      </c>
      <c r="JI28" s="128">
        <v>0</v>
      </c>
      <c r="JJ28" s="108">
        <v>0</v>
      </c>
      <c r="JK28" s="109">
        <v>19772</v>
      </c>
      <c r="JL28" s="109">
        <v>78038</v>
      </c>
      <c r="JM28" s="109">
        <v>73288</v>
      </c>
      <c r="JN28" s="109">
        <v>0</v>
      </c>
      <c r="JO28" s="109">
        <v>0</v>
      </c>
      <c r="JP28" s="110">
        <v>171098</v>
      </c>
      <c r="JQ28" s="298">
        <v>171098</v>
      </c>
      <c r="JR28" s="129">
        <v>0</v>
      </c>
      <c r="JS28" s="109">
        <v>0</v>
      </c>
      <c r="JT28" s="128">
        <v>0</v>
      </c>
      <c r="JU28" s="108">
        <v>0</v>
      </c>
      <c r="JV28" s="109">
        <v>0</v>
      </c>
      <c r="JW28" s="109">
        <v>0</v>
      </c>
      <c r="JX28" s="109">
        <v>0</v>
      </c>
      <c r="JY28" s="109">
        <v>0</v>
      </c>
      <c r="JZ28" s="109">
        <v>0</v>
      </c>
      <c r="KA28" s="110">
        <v>0</v>
      </c>
      <c r="KB28" s="298">
        <v>0</v>
      </c>
      <c r="KC28" s="221">
        <v>0</v>
      </c>
      <c r="KD28" s="217">
        <v>0</v>
      </c>
      <c r="KE28" s="110">
        <v>0</v>
      </c>
      <c r="KF28" s="108">
        <v>0</v>
      </c>
      <c r="KG28" s="109">
        <v>0</v>
      </c>
      <c r="KH28" s="109">
        <v>0</v>
      </c>
      <c r="KI28" s="109">
        <v>0</v>
      </c>
      <c r="KJ28" s="109">
        <v>0</v>
      </c>
      <c r="KK28" s="109">
        <v>0</v>
      </c>
      <c r="KL28" s="110">
        <v>0</v>
      </c>
      <c r="KM28" s="130">
        <v>0</v>
      </c>
      <c r="KN28" s="219">
        <v>0</v>
      </c>
      <c r="KO28" s="223">
        <v>0</v>
      </c>
      <c r="KP28" s="224">
        <v>0</v>
      </c>
      <c r="KQ28" s="127"/>
      <c r="KR28" s="109">
        <v>211644</v>
      </c>
      <c r="KS28" s="109">
        <v>419514</v>
      </c>
      <c r="KT28" s="109">
        <v>679444</v>
      </c>
      <c r="KU28" s="109">
        <v>0</v>
      </c>
      <c r="KV28" s="109">
        <v>0</v>
      </c>
      <c r="KW28" s="110">
        <v>1310602</v>
      </c>
      <c r="KX28" s="298">
        <v>1310602</v>
      </c>
      <c r="KY28" s="129">
        <v>0</v>
      </c>
      <c r="KZ28" s="109">
        <v>0</v>
      </c>
      <c r="LA28" s="110">
        <v>0</v>
      </c>
      <c r="LB28" s="132"/>
      <c r="LC28" s="109">
        <v>0</v>
      </c>
      <c r="LD28" s="109">
        <v>0</v>
      </c>
      <c r="LE28" s="109">
        <v>0</v>
      </c>
      <c r="LF28" s="109">
        <v>0</v>
      </c>
      <c r="LG28" s="109">
        <v>0</v>
      </c>
      <c r="LH28" s="110">
        <v>0</v>
      </c>
      <c r="LI28" s="111">
        <v>0</v>
      </c>
      <c r="LJ28" s="129">
        <v>0</v>
      </c>
      <c r="LK28" s="109">
        <v>0</v>
      </c>
      <c r="LL28" s="110">
        <v>0</v>
      </c>
      <c r="LM28" s="132"/>
      <c r="LN28" s="109">
        <v>0</v>
      </c>
      <c r="LO28" s="109">
        <v>0</v>
      </c>
      <c r="LP28" s="109">
        <v>0</v>
      </c>
      <c r="LQ28" s="109">
        <v>0</v>
      </c>
      <c r="LR28" s="109">
        <v>0</v>
      </c>
      <c r="LS28" s="110">
        <v>0</v>
      </c>
      <c r="LT28" s="298">
        <v>0</v>
      </c>
      <c r="LU28" s="129">
        <v>0</v>
      </c>
      <c r="LV28" s="109">
        <v>0</v>
      </c>
      <c r="LW28" s="110">
        <v>0</v>
      </c>
      <c r="LX28" s="132"/>
      <c r="LY28" s="109">
        <v>0</v>
      </c>
      <c r="LZ28" s="109">
        <v>0</v>
      </c>
      <c r="MA28" s="109">
        <v>0</v>
      </c>
      <c r="MB28" s="109">
        <v>0</v>
      </c>
      <c r="MC28" s="109">
        <v>0</v>
      </c>
      <c r="MD28" s="110">
        <v>0</v>
      </c>
      <c r="ME28" s="111">
        <v>0</v>
      </c>
      <c r="MF28" s="129">
        <v>0</v>
      </c>
      <c r="MG28" s="109">
        <v>0</v>
      </c>
      <c r="MH28" s="110">
        <v>0</v>
      </c>
      <c r="MI28" s="132"/>
      <c r="MJ28" s="109">
        <v>0</v>
      </c>
      <c r="MK28" s="109">
        <v>0</v>
      </c>
      <c r="ML28" s="109">
        <v>665360</v>
      </c>
      <c r="MM28" s="109">
        <v>683453</v>
      </c>
      <c r="MN28" s="109">
        <v>873868</v>
      </c>
      <c r="MO28" s="110">
        <v>2222681</v>
      </c>
      <c r="MP28" s="130">
        <v>2222681</v>
      </c>
      <c r="MQ28" s="129">
        <v>0</v>
      </c>
      <c r="MR28" s="109">
        <v>0</v>
      </c>
      <c r="MS28" s="110">
        <v>0</v>
      </c>
      <c r="MT28" s="132"/>
      <c r="MU28" s="109">
        <v>0</v>
      </c>
      <c r="MV28" s="109">
        <v>0</v>
      </c>
      <c r="MW28" s="109">
        <v>646218</v>
      </c>
      <c r="MX28" s="109">
        <v>683453</v>
      </c>
      <c r="MY28" s="109">
        <v>0</v>
      </c>
      <c r="MZ28" s="110">
        <v>1329671</v>
      </c>
      <c r="NA28" s="130">
        <v>1329671</v>
      </c>
      <c r="NB28" s="129">
        <v>0</v>
      </c>
      <c r="NC28" s="109">
        <v>0</v>
      </c>
      <c r="ND28" s="110">
        <v>0</v>
      </c>
      <c r="NE28" s="132"/>
      <c r="NF28" s="109">
        <v>0</v>
      </c>
      <c r="NG28" s="109">
        <v>0</v>
      </c>
      <c r="NH28" s="109">
        <v>19142</v>
      </c>
      <c r="NI28" s="109">
        <v>0</v>
      </c>
      <c r="NJ28" s="109">
        <v>528778</v>
      </c>
      <c r="NK28" s="110">
        <v>547920</v>
      </c>
      <c r="NL28" s="298">
        <v>547920</v>
      </c>
      <c r="NM28" s="129">
        <v>0</v>
      </c>
      <c r="NN28" s="109">
        <v>0</v>
      </c>
      <c r="NO28" s="110">
        <v>0</v>
      </c>
      <c r="NP28" s="132"/>
      <c r="NQ28" s="109">
        <v>0</v>
      </c>
      <c r="NR28" s="109">
        <v>0</v>
      </c>
      <c r="NS28" s="109">
        <v>0</v>
      </c>
      <c r="NT28" s="109">
        <v>0</v>
      </c>
      <c r="NU28" s="109">
        <v>0</v>
      </c>
      <c r="NV28" s="110">
        <v>0</v>
      </c>
      <c r="NW28" s="111">
        <v>0</v>
      </c>
      <c r="NX28" s="129">
        <v>0</v>
      </c>
      <c r="NY28" s="109">
        <v>0</v>
      </c>
      <c r="NZ28" s="110">
        <v>0</v>
      </c>
      <c r="OA28" s="132"/>
      <c r="OB28" s="109">
        <v>0</v>
      </c>
      <c r="OC28" s="109">
        <v>0</v>
      </c>
      <c r="OD28" s="109">
        <v>0</v>
      </c>
      <c r="OE28" s="109">
        <v>0</v>
      </c>
      <c r="OF28" s="109">
        <v>345090</v>
      </c>
      <c r="OG28" s="110">
        <v>345090</v>
      </c>
      <c r="OH28" s="111">
        <v>345090</v>
      </c>
      <c r="OI28" s="129">
        <v>81326</v>
      </c>
      <c r="OJ28" s="109">
        <v>139268</v>
      </c>
      <c r="OK28" s="128">
        <v>220594</v>
      </c>
      <c r="OL28" s="108">
        <v>0</v>
      </c>
      <c r="OM28" s="109">
        <v>1483400</v>
      </c>
      <c r="ON28" s="109">
        <v>2814032</v>
      </c>
      <c r="OO28" s="109">
        <v>3398914</v>
      </c>
      <c r="OP28" s="109">
        <v>3612338</v>
      </c>
      <c r="OQ28" s="109">
        <v>2550894</v>
      </c>
      <c r="OR28" s="110">
        <v>13859578</v>
      </c>
      <c r="OS28" s="130">
        <v>14080172</v>
      </c>
    </row>
    <row r="29" spans="2:409" ht="21" customHeight="1" x14ac:dyDescent="0.2">
      <c r="B29" s="472" t="s">
        <v>24</v>
      </c>
      <c r="C29" s="100">
        <v>257713</v>
      </c>
      <c r="D29" s="104">
        <v>294178</v>
      </c>
      <c r="E29" s="103">
        <v>551891</v>
      </c>
      <c r="F29" s="99">
        <v>0</v>
      </c>
      <c r="G29" s="104">
        <v>2667346</v>
      </c>
      <c r="H29" s="104">
        <v>2085414</v>
      </c>
      <c r="I29" s="104">
        <v>1679506</v>
      </c>
      <c r="J29" s="104">
        <v>1820251</v>
      </c>
      <c r="K29" s="104">
        <v>2231404</v>
      </c>
      <c r="L29" s="160">
        <v>10483921</v>
      </c>
      <c r="M29" s="106">
        <v>11035812</v>
      </c>
      <c r="N29" s="100">
        <v>97576</v>
      </c>
      <c r="O29" s="104">
        <v>61721</v>
      </c>
      <c r="P29" s="103">
        <v>159297</v>
      </c>
      <c r="Q29" s="100">
        <v>0</v>
      </c>
      <c r="R29" s="104">
        <v>812442</v>
      </c>
      <c r="S29" s="104">
        <v>529606</v>
      </c>
      <c r="T29" s="104">
        <v>483914</v>
      </c>
      <c r="U29" s="104">
        <v>638389</v>
      </c>
      <c r="V29" s="104">
        <v>770113</v>
      </c>
      <c r="W29" s="103">
        <v>3234464</v>
      </c>
      <c r="X29" s="106">
        <v>3393761</v>
      </c>
      <c r="Y29" s="100">
        <v>0</v>
      </c>
      <c r="Z29" s="104">
        <v>0</v>
      </c>
      <c r="AA29" s="103">
        <v>0</v>
      </c>
      <c r="AB29" s="100">
        <v>0</v>
      </c>
      <c r="AC29" s="104">
        <v>202485</v>
      </c>
      <c r="AD29" s="104">
        <v>152760</v>
      </c>
      <c r="AE29" s="104">
        <v>194728</v>
      </c>
      <c r="AF29" s="104">
        <v>276281</v>
      </c>
      <c r="AG29" s="104">
        <v>404314</v>
      </c>
      <c r="AH29" s="103">
        <v>1230568</v>
      </c>
      <c r="AI29" s="106">
        <v>1230568</v>
      </c>
      <c r="AJ29" s="100">
        <v>0</v>
      </c>
      <c r="AK29" s="104">
        <v>0</v>
      </c>
      <c r="AL29" s="103">
        <v>0</v>
      </c>
      <c r="AM29" s="100">
        <v>0</v>
      </c>
      <c r="AN29" s="104">
        <v>102782</v>
      </c>
      <c r="AO29" s="104">
        <v>0</v>
      </c>
      <c r="AP29" s="104">
        <v>0</v>
      </c>
      <c r="AQ29" s="104">
        <v>0</v>
      </c>
      <c r="AR29" s="104">
        <v>83173</v>
      </c>
      <c r="AS29" s="103">
        <v>185955</v>
      </c>
      <c r="AT29" s="106">
        <v>185955</v>
      </c>
      <c r="AU29" s="100">
        <v>74350</v>
      </c>
      <c r="AV29" s="104">
        <v>46741</v>
      </c>
      <c r="AW29" s="103">
        <v>121091</v>
      </c>
      <c r="AX29" s="100">
        <v>0</v>
      </c>
      <c r="AY29" s="104">
        <v>360819</v>
      </c>
      <c r="AZ29" s="104">
        <v>247318</v>
      </c>
      <c r="BA29" s="104">
        <v>179510</v>
      </c>
      <c r="BB29" s="104">
        <v>227204</v>
      </c>
      <c r="BC29" s="104">
        <v>103706</v>
      </c>
      <c r="BD29" s="103">
        <v>1118557</v>
      </c>
      <c r="BE29" s="106">
        <v>1239648</v>
      </c>
      <c r="BF29" s="100">
        <v>0</v>
      </c>
      <c r="BG29" s="104">
        <v>0</v>
      </c>
      <c r="BH29" s="102">
        <v>0</v>
      </c>
      <c r="BI29" s="101">
        <v>0</v>
      </c>
      <c r="BJ29" s="104">
        <v>0</v>
      </c>
      <c r="BK29" s="104">
        <v>17528</v>
      </c>
      <c r="BL29" s="104">
        <v>0</v>
      </c>
      <c r="BM29" s="104">
        <v>0</v>
      </c>
      <c r="BN29" s="104">
        <v>28490</v>
      </c>
      <c r="BO29" s="103">
        <v>46018</v>
      </c>
      <c r="BP29" s="106">
        <v>46018</v>
      </c>
      <c r="BQ29" s="100">
        <v>23226</v>
      </c>
      <c r="BR29" s="104">
        <v>14980</v>
      </c>
      <c r="BS29" s="103">
        <v>38206</v>
      </c>
      <c r="BT29" s="100">
        <v>0</v>
      </c>
      <c r="BU29" s="104">
        <v>146356</v>
      </c>
      <c r="BV29" s="104">
        <v>112000</v>
      </c>
      <c r="BW29" s="104">
        <v>109676</v>
      </c>
      <c r="BX29" s="104">
        <v>134904</v>
      </c>
      <c r="BY29" s="104">
        <v>150430</v>
      </c>
      <c r="BZ29" s="103">
        <v>653366</v>
      </c>
      <c r="CA29" s="106">
        <v>691572</v>
      </c>
      <c r="CB29" s="100">
        <v>35733</v>
      </c>
      <c r="CC29" s="104">
        <v>35660</v>
      </c>
      <c r="CD29" s="103">
        <v>71393</v>
      </c>
      <c r="CE29" s="100">
        <v>0</v>
      </c>
      <c r="CF29" s="104">
        <v>580502</v>
      </c>
      <c r="CG29" s="104">
        <v>383176</v>
      </c>
      <c r="CH29" s="104">
        <v>347976</v>
      </c>
      <c r="CI29" s="104">
        <v>114104</v>
      </c>
      <c r="CJ29" s="104">
        <v>248339</v>
      </c>
      <c r="CK29" s="103">
        <v>1674097</v>
      </c>
      <c r="CL29" s="106">
        <v>1745490</v>
      </c>
      <c r="CM29" s="100">
        <v>0</v>
      </c>
      <c r="CN29" s="104">
        <v>0</v>
      </c>
      <c r="CO29" s="103">
        <v>0</v>
      </c>
      <c r="CP29" s="101">
        <v>0</v>
      </c>
      <c r="CQ29" s="104">
        <v>418254</v>
      </c>
      <c r="CR29" s="104">
        <v>181812</v>
      </c>
      <c r="CS29" s="104">
        <v>190952</v>
      </c>
      <c r="CT29" s="104">
        <v>0</v>
      </c>
      <c r="CU29" s="104">
        <v>0</v>
      </c>
      <c r="CV29" s="103">
        <v>791018</v>
      </c>
      <c r="CW29" s="106">
        <v>791018</v>
      </c>
      <c r="CX29" s="100">
        <v>35733</v>
      </c>
      <c r="CY29" s="104">
        <v>35660</v>
      </c>
      <c r="CZ29" s="103">
        <v>71393</v>
      </c>
      <c r="DA29" s="100">
        <v>0</v>
      </c>
      <c r="DB29" s="104">
        <v>162248</v>
      </c>
      <c r="DC29" s="104">
        <v>201364</v>
      </c>
      <c r="DD29" s="104">
        <v>157024</v>
      </c>
      <c r="DE29" s="104">
        <v>114104</v>
      </c>
      <c r="DF29" s="104">
        <v>248339</v>
      </c>
      <c r="DG29" s="103">
        <v>883079</v>
      </c>
      <c r="DH29" s="106">
        <v>954472</v>
      </c>
      <c r="DI29" s="100">
        <v>0</v>
      </c>
      <c r="DJ29" s="104">
        <v>0</v>
      </c>
      <c r="DK29" s="102">
        <v>0</v>
      </c>
      <c r="DL29" s="101">
        <v>0</v>
      </c>
      <c r="DM29" s="104">
        <v>0</v>
      </c>
      <c r="DN29" s="104">
        <v>42013</v>
      </c>
      <c r="DO29" s="104">
        <v>34968</v>
      </c>
      <c r="DP29" s="104">
        <v>0</v>
      </c>
      <c r="DQ29" s="104">
        <v>90882</v>
      </c>
      <c r="DR29" s="103">
        <v>167863</v>
      </c>
      <c r="DS29" s="106">
        <v>167863</v>
      </c>
      <c r="DT29" s="100">
        <v>0</v>
      </c>
      <c r="DU29" s="104">
        <v>0</v>
      </c>
      <c r="DV29" s="103">
        <v>0</v>
      </c>
      <c r="DW29" s="100">
        <v>0</v>
      </c>
      <c r="DX29" s="104">
        <v>0</v>
      </c>
      <c r="DY29" s="104">
        <v>14331</v>
      </c>
      <c r="DZ29" s="104">
        <v>34968</v>
      </c>
      <c r="EA29" s="104">
        <v>0</v>
      </c>
      <c r="EB29" s="104">
        <v>90882</v>
      </c>
      <c r="EC29" s="103">
        <v>140181</v>
      </c>
      <c r="ED29" s="106">
        <v>140181</v>
      </c>
      <c r="EE29" s="100">
        <v>0</v>
      </c>
      <c r="EF29" s="102">
        <v>0</v>
      </c>
      <c r="EG29" s="103">
        <v>0</v>
      </c>
      <c r="EH29" s="100">
        <v>0</v>
      </c>
      <c r="EI29" s="104">
        <v>0</v>
      </c>
      <c r="EJ29" s="104">
        <v>27682</v>
      </c>
      <c r="EK29" s="104">
        <v>0</v>
      </c>
      <c r="EL29" s="104">
        <v>0</v>
      </c>
      <c r="EM29" s="104">
        <v>0</v>
      </c>
      <c r="EN29" s="102">
        <v>27682</v>
      </c>
      <c r="EO29" s="106">
        <v>27682</v>
      </c>
      <c r="EP29" s="100">
        <v>0</v>
      </c>
      <c r="EQ29" s="104">
        <v>0</v>
      </c>
      <c r="ER29" s="102">
        <v>0</v>
      </c>
      <c r="ES29" s="101">
        <v>0</v>
      </c>
      <c r="ET29" s="104">
        <v>0</v>
      </c>
      <c r="EU29" s="104">
        <v>0</v>
      </c>
      <c r="EV29" s="104">
        <v>0</v>
      </c>
      <c r="EW29" s="104">
        <v>0</v>
      </c>
      <c r="EX29" s="104">
        <v>0</v>
      </c>
      <c r="EY29" s="103">
        <v>0</v>
      </c>
      <c r="EZ29" s="106">
        <v>0</v>
      </c>
      <c r="FA29" s="100">
        <v>0</v>
      </c>
      <c r="FB29" s="104">
        <v>0</v>
      </c>
      <c r="FC29" s="102">
        <v>0</v>
      </c>
      <c r="FD29" s="324"/>
      <c r="FE29" s="104">
        <v>0</v>
      </c>
      <c r="FF29" s="104">
        <v>0</v>
      </c>
      <c r="FG29" s="104">
        <v>0</v>
      </c>
      <c r="FH29" s="104">
        <v>0</v>
      </c>
      <c r="FI29" s="104">
        <v>0</v>
      </c>
      <c r="FJ29" s="103">
        <v>0</v>
      </c>
      <c r="FK29" s="106">
        <v>0</v>
      </c>
      <c r="FL29" s="100">
        <v>29078</v>
      </c>
      <c r="FM29" s="104">
        <v>38346</v>
      </c>
      <c r="FN29" s="103">
        <v>67424</v>
      </c>
      <c r="FO29" s="100">
        <v>0</v>
      </c>
      <c r="FP29" s="104">
        <v>56665</v>
      </c>
      <c r="FQ29" s="104">
        <v>170779</v>
      </c>
      <c r="FR29" s="104">
        <v>115619</v>
      </c>
      <c r="FS29" s="104">
        <v>126252</v>
      </c>
      <c r="FT29" s="104">
        <v>268380</v>
      </c>
      <c r="FU29" s="103">
        <v>737695</v>
      </c>
      <c r="FV29" s="106">
        <v>805119</v>
      </c>
      <c r="FW29" s="105">
        <v>29078</v>
      </c>
      <c r="FX29" s="104">
        <v>38346</v>
      </c>
      <c r="FY29" s="102">
        <v>67424</v>
      </c>
      <c r="FZ29" s="101">
        <v>0</v>
      </c>
      <c r="GA29" s="104">
        <v>56665</v>
      </c>
      <c r="GB29" s="104">
        <v>170779</v>
      </c>
      <c r="GC29" s="104">
        <v>115619</v>
      </c>
      <c r="GD29" s="104">
        <v>126252</v>
      </c>
      <c r="GE29" s="104">
        <v>128380</v>
      </c>
      <c r="GF29" s="103">
        <v>597695</v>
      </c>
      <c r="GG29" s="296">
        <v>665119</v>
      </c>
      <c r="GH29" s="105">
        <v>0</v>
      </c>
      <c r="GI29" s="104">
        <v>0</v>
      </c>
      <c r="GJ29" s="102">
        <v>0</v>
      </c>
      <c r="GK29" s="101">
        <v>0</v>
      </c>
      <c r="GL29" s="104">
        <v>0</v>
      </c>
      <c r="GM29" s="104">
        <v>0</v>
      </c>
      <c r="GN29" s="104">
        <v>0</v>
      </c>
      <c r="GO29" s="104">
        <v>0</v>
      </c>
      <c r="GP29" s="104">
        <v>0</v>
      </c>
      <c r="GQ29" s="103">
        <v>0</v>
      </c>
      <c r="GR29" s="106">
        <v>0</v>
      </c>
      <c r="GS29" s="100">
        <v>0</v>
      </c>
      <c r="GT29" s="104">
        <v>0</v>
      </c>
      <c r="GU29" s="103">
        <v>0</v>
      </c>
      <c r="GV29" s="100">
        <v>0</v>
      </c>
      <c r="GW29" s="104">
        <v>0</v>
      </c>
      <c r="GX29" s="104">
        <v>0</v>
      </c>
      <c r="GY29" s="104">
        <v>0</v>
      </c>
      <c r="GZ29" s="104">
        <v>0</v>
      </c>
      <c r="HA29" s="104">
        <v>140000</v>
      </c>
      <c r="HB29" s="102">
        <v>140000</v>
      </c>
      <c r="HC29" s="106">
        <v>140000</v>
      </c>
      <c r="HD29" s="100">
        <v>95326</v>
      </c>
      <c r="HE29" s="104">
        <v>158451</v>
      </c>
      <c r="HF29" s="102">
        <v>253777</v>
      </c>
      <c r="HG29" s="101">
        <v>0</v>
      </c>
      <c r="HH29" s="104">
        <v>1217737</v>
      </c>
      <c r="HI29" s="104">
        <v>959840</v>
      </c>
      <c r="HJ29" s="104">
        <v>697029</v>
      </c>
      <c r="HK29" s="104">
        <v>941506</v>
      </c>
      <c r="HL29" s="104">
        <v>853690</v>
      </c>
      <c r="HM29" s="103">
        <v>4669802</v>
      </c>
      <c r="HN29" s="99">
        <v>4923579</v>
      </c>
      <c r="HO29" s="306"/>
      <c r="HP29" s="307"/>
      <c r="HQ29" s="308"/>
      <c r="HR29" s="309"/>
      <c r="HS29" s="307"/>
      <c r="HT29" s="307"/>
      <c r="HU29" s="307"/>
      <c r="HV29" s="307"/>
      <c r="HW29" s="307"/>
      <c r="HX29" s="310"/>
      <c r="HY29" s="311"/>
      <c r="HZ29" s="118">
        <v>0</v>
      </c>
      <c r="IA29" s="119">
        <v>0</v>
      </c>
      <c r="IB29" s="120">
        <v>0</v>
      </c>
      <c r="IC29" s="133">
        <v>0</v>
      </c>
      <c r="ID29" s="119">
        <v>280609</v>
      </c>
      <c r="IE29" s="134">
        <v>36183</v>
      </c>
      <c r="IF29" s="120">
        <v>481648</v>
      </c>
      <c r="IG29" s="119">
        <v>928355</v>
      </c>
      <c r="IH29" s="120">
        <v>308879</v>
      </c>
      <c r="II29" s="135">
        <v>2035674</v>
      </c>
      <c r="IJ29" s="126">
        <v>2035674</v>
      </c>
      <c r="IK29" s="219">
        <v>0</v>
      </c>
      <c r="IL29" s="223">
        <v>0</v>
      </c>
      <c r="IM29" s="224">
        <v>0</v>
      </c>
      <c r="IN29" s="127"/>
      <c r="IO29" s="109">
        <v>0</v>
      </c>
      <c r="IP29" s="109">
        <v>0</v>
      </c>
      <c r="IQ29" s="109">
        <v>0</v>
      </c>
      <c r="IR29" s="109">
        <v>368790</v>
      </c>
      <c r="IS29" s="109">
        <v>0</v>
      </c>
      <c r="IT29" s="128">
        <v>368790</v>
      </c>
      <c r="IU29" s="298">
        <v>368790</v>
      </c>
      <c r="IV29" s="129">
        <v>0</v>
      </c>
      <c r="IW29" s="109">
        <v>0</v>
      </c>
      <c r="IX29" s="110">
        <v>0</v>
      </c>
      <c r="IY29" s="131"/>
      <c r="IZ29" s="109">
        <v>0</v>
      </c>
      <c r="JA29" s="109">
        <v>0</v>
      </c>
      <c r="JB29" s="109">
        <v>0</v>
      </c>
      <c r="JC29" s="109">
        <v>0</v>
      </c>
      <c r="JD29" s="109">
        <v>0</v>
      </c>
      <c r="JE29" s="110">
        <v>0</v>
      </c>
      <c r="JF29" s="111">
        <v>0</v>
      </c>
      <c r="JG29" s="129">
        <v>0</v>
      </c>
      <c r="JH29" s="109">
        <v>0</v>
      </c>
      <c r="JI29" s="128">
        <v>0</v>
      </c>
      <c r="JJ29" s="108">
        <v>0</v>
      </c>
      <c r="JK29" s="109">
        <v>6290</v>
      </c>
      <c r="JL29" s="109">
        <v>0</v>
      </c>
      <c r="JM29" s="109">
        <v>0</v>
      </c>
      <c r="JN29" s="109">
        <v>105793</v>
      </c>
      <c r="JO29" s="109">
        <v>0</v>
      </c>
      <c r="JP29" s="110">
        <v>112083</v>
      </c>
      <c r="JQ29" s="298">
        <v>112083</v>
      </c>
      <c r="JR29" s="129">
        <v>0</v>
      </c>
      <c r="JS29" s="109">
        <v>0</v>
      </c>
      <c r="JT29" s="128">
        <v>0</v>
      </c>
      <c r="JU29" s="108">
        <v>0</v>
      </c>
      <c r="JV29" s="109">
        <v>0</v>
      </c>
      <c r="JW29" s="109">
        <v>36183</v>
      </c>
      <c r="JX29" s="109">
        <v>88601</v>
      </c>
      <c r="JY29" s="109">
        <v>48505</v>
      </c>
      <c r="JZ29" s="109">
        <v>88680</v>
      </c>
      <c r="KA29" s="110">
        <v>261969</v>
      </c>
      <c r="KB29" s="298">
        <v>261969</v>
      </c>
      <c r="KC29" s="221">
        <v>0</v>
      </c>
      <c r="KD29" s="217">
        <v>0</v>
      </c>
      <c r="KE29" s="110">
        <v>0</v>
      </c>
      <c r="KF29" s="108">
        <v>0</v>
      </c>
      <c r="KG29" s="109">
        <v>274319</v>
      </c>
      <c r="KH29" s="109">
        <v>0</v>
      </c>
      <c r="KI29" s="109">
        <v>179039</v>
      </c>
      <c r="KJ29" s="109">
        <v>405267</v>
      </c>
      <c r="KK29" s="109">
        <v>0</v>
      </c>
      <c r="KL29" s="110">
        <v>858625</v>
      </c>
      <c r="KM29" s="130">
        <v>858625</v>
      </c>
      <c r="KN29" s="219">
        <v>0</v>
      </c>
      <c r="KO29" s="223">
        <v>0</v>
      </c>
      <c r="KP29" s="224">
        <v>0</v>
      </c>
      <c r="KQ29" s="127"/>
      <c r="KR29" s="109">
        <v>0</v>
      </c>
      <c r="KS29" s="109">
        <v>0</v>
      </c>
      <c r="KT29" s="109">
        <v>214008</v>
      </c>
      <c r="KU29" s="109">
        <v>0</v>
      </c>
      <c r="KV29" s="109">
        <v>220199</v>
      </c>
      <c r="KW29" s="110">
        <v>434207</v>
      </c>
      <c r="KX29" s="298">
        <v>434207</v>
      </c>
      <c r="KY29" s="129">
        <v>0</v>
      </c>
      <c r="KZ29" s="109">
        <v>0</v>
      </c>
      <c r="LA29" s="110">
        <v>0</v>
      </c>
      <c r="LB29" s="132"/>
      <c r="LC29" s="109">
        <v>0</v>
      </c>
      <c r="LD29" s="109">
        <v>0</v>
      </c>
      <c r="LE29" s="109">
        <v>0</v>
      </c>
      <c r="LF29" s="109">
        <v>0</v>
      </c>
      <c r="LG29" s="109">
        <v>0</v>
      </c>
      <c r="LH29" s="110">
        <v>0</v>
      </c>
      <c r="LI29" s="111">
        <v>0</v>
      </c>
      <c r="LJ29" s="129">
        <v>0</v>
      </c>
      <c r="LK29" s="109">
        <v>0</v>
      </c>
      <c r="LL29" s="110">
        <v>0</v>
      </c>
      <c r="LM29" s="132"/>
      <c r="LN29" s="109">
        <v>0</v>
      </c>
      <c r="LO29" s="109">
        <v>0</v>
      </c>
      <c r="LP29" s="109">
        <v>0</v>
      </c>
      <c r="LQ29" s="109">
        <v>0</v>
      </c>
      <c r="LR29" s="109">
        <v>0</v>
      </c>
      <c r="LS29" s="110">
        <v>0</v>
      </c>
      <c r="LT29" s="298">
        <v>0</v>
      </c>
      <c r="LU29" s="129">
        <v>0</v>
      </c>
      <c r="LV29" s="109">
        <v>0</v>
      </c>
      <c r="LW29" s="110">
        <v>0</v>
      </c>
      <c r="LX29" s="132"/>
      <c r="LY29" s="109">
        <v>0</v>
      </c>
      <c r="LZ29" s="109">
        <v>0</v>
      </c>
      <c r="MA29" s="109">
        <v>0</v>
      </c>
      <c r="MB29" s="109">
        <v>0</v>
      </c>
      <c r="MC29" s="109">
        <v>0</v>
      </c>
      <c r="MD29" s="110">
        <v>0</v>
      </c>
      <c r="ME29" s="111">
        <v>0</v>
      </c>
      <c r="MF29" s="129">
        <v>0</v>
      </c>
      <c r="MG29" s="109">
        <v>0</v>
      </c>
      <c r="MH29" s="110">
        <v>0</v>
      </c>
      <c r="MI29" s="132"/>
      <c r="MJ29" s="109">
        <v>0</v>
      </c>
      <c r="MK29" s="109">
        <v>0</v>
      </c>
      <c r="ML29" s="109">
        <v>217315</v>
      </c>
      <c r="MM29" s="109">
        <v>954243</v>
      </c>
      <c r="MN29" s="109">
        <v>0</v>
      </c>
      <c r="MO29" s="110">
        <v>1171558</v>
      </c>
      <c r="MP29" s="130">
        <v>1171558</v>
      </c>
      <c r="MQ29" s="129">
        <v>0</v>
      </c>
      <c r="MR29" s="109">
        <v>0</v>
      </c>
      <c r="MS29" s="110">
        <v>0</v>
      </c>
      <c r="MT29" s="132"/>
      <c r="MU29" s="109">
        <v>0</v>
      </c>
      <c r="MV29" s="109">
        <v>0</v>
      </c>
      <c r="MW29" s="109">
        <v>217315</v>
      </c>
      <c r="MX29" s="109">
        <v>954243</v>
      </c>
      <c r="MY29" s="109">
        <v>0</v>
      </c>
      <c r="MZ29" s="110">
        <v>1171558</v>
      </c>
      <c r="NA29" s="130">
        <v>1171558</v>
      </c>
      <c r="NB29" s="129">
        <v>0</v>
      </c>
      <c r="NC29" s="109">
        <v>0</v>
      </c>
      <c r="ND29" s="110">
        <v>0</v>
      </c>
      <c r="NE29" s="132"/>
      <c r="NF29" s="109">
        <v>0</v>
      </c>
      <c r="NG29" s="109">
        <v>0</v>
      </c>
      <c r="NH29" s="109">
        <v>0</v>
      </c>
      <c r="NI29" s="109">
        <v>0</v>
      </c>
      <c r="NJ29" s="109">
        <v>0</v>
      </c>
      <c r="NK29" s="110">
        <v>0</v>
      </c>
      <c r="NL29" s="298">
        <v>0</v>
      </c>
      <c r="NM29" s="129">
        <v>0</v>
      </c>
      <c r="NN29" s="109">
        <v>0</v>
      </c>
      <c r="NO29" s="110">
        <v>0</v>
      </c>
      <c r="NP29" s="132"/>
      <c r="NQ29" s="109">
        <v>0</v>
      </c>
      <c r="NR29" s="109">
        <v>0</v>
      </c>
      <c r="NS29" s="109">
        <v>0</v>
      </c>
      <c r="NT29" s="109">
        <v>0</v>
      </c>
      <c r="NU29" s="109">
        <v>0</v>
      </c>
      <c r="NV29" s="110">
        <v>0</v>
      </c>
      <c r="NW29" s="111">
        <v>0</v>
      </c>
      <c r="NX29" s="129">
        <v>0</v>
      </c>
      <c r="NY29" s="109">
        <v>0</v>
      </c>
      <c r="NZ29" s="110">
        <v>0</v>
      </c>
      <c r="OA29" s="132"/>
      <c r="OB29" s="109">
        <v>0</v>
      </c>
      <c r="OC29" s="109">
        <v>0</v>
      </c>
      <c r="OD29" s="109">
        <v>0</v>
      </c>
      <c r="OE29" s="109">
        <v>0</v>
      </c>
      <c r="OF29" s="109">
        <v>0</v>
      </c>
      <c r="OG29" s="110">
        <v>0</v>
      </c>
      <c r="OH29" s="111">
        <v>0</v>
      </c>
      <c r="OI29" s="129">
        <v>257713</v>
      </c>
      <c r="OJ29" s="109">
        <v>294178</v>
      </c>
      <c r="OK29" s="128">
        <v>551891</v>
      </c>
      <c r="OL29" s="108">
        <v>0</v>
      </c>
      <c r="OM29" s="109">
        <v>2947955</v>
      </c>
      <c r="ON29" s="109">
        <v>2121597</v>
      </c>
      <c r="OO29" s="109">
        <v>2378469</v>
      </c>
      <c r="OP29" s="109">
        <v>3702849</v>
      </c>
      <c r="OQ29" s="109">
        <v>2540283</v>
      </c>
      <c r="OR29" s="110">
        <v>13691153</v>
      </c>
      <c r="OS29" s="130">
        <v>14243044</v>
      </c>
    </row>
    <row r="30" spans="2:409" ht="21" customHeight="1" x14ac:dyDescent="0.2">
      <c r="B30" s="472" t="s">
        <v>25</v>
      </c>
      <c r="C30" s="100">
        <v>53029</v>
      </c>
      <c r="D30" s="104">
        <v>169225</v>
      </c>
      <c r="E30" s="103">
        <v>222254</v>
      </c>
      <c r="F30" s="99">
        <v>0</v>
      </c>
      <c r="G30" s="104">
        <v>453217</v>
      </c>
      <c r="H30" s="104">
        <v>820742</v>
      </c>
      <c r="I30" s="104">
        <v>866653</v>
      </c>
      <c r="J30" s="104">
        <v>303066</v>
      </c>
      <c r="K30" s="104">
        <v>947526</v>
      </c>
      <c r="L30" s="160">
        <v>3391204</v>
      </c>
      <c r="M30" s="106">
        <v>3613458</v>
      </c>
      <c r="N30" s="100">
        <v>38371</v>
      </c>
      <c r="O30" s="104">
        <v>87280</v>
      </c>
      <c r="P30" s="103">
        <v>125651</v>
      </c>
      <c r="Q30" s="100">
        <v>0</v>
      </c>
      <c r="R30" s="104">
        <v>206433</v>
      </c>
      <c r="S30" s="104">
        <v>258161</v>
      </c>
      <c r="T30" s="104">
        <v>45668</v>
      </c>
      <c r="U30" s="104">
        <v>44009</v>
      </c>
      <c r="V30" s="104">
        <v>161252</v>
      </c>
      <c r="W30" s="103">
        <v>715523</v>
      </c>
      <c r="X30" s="106">
        <v>841174</v>
      </c>
      <c r="Y30" s="100">
        <v>0</v>
      </c>
      <c r="Z30" s="104">
        <v>0</v>
      </c>
      <c r="AA30" s="103">
        <v>0</v>
      </c>
      <c r="AB30" s="100">
        <v>0</v>
      </c>
      <c r="AC30" s="104">
        <v>85556</v>
      </c>
      <c r="AD30" s="104">
        <v>98207</v>
      </c>
      <c r="AE30" s="104">
        <v>32116</v>
      </c>
      <c r="AF30" s="104">
        <v>23765</v>
      </c>
      <c r="AG30" s="104">
        <v>0</v>
      </c>
      <c r="AH30" s="103">
        <v>239644</v>
      </c>
      <c r="AI30" s="106">
        <v>239644</v>
      </c>
      <c r="AJ30" s="100">
        <v>0</v>
      </c>
      <c r="AK30" s="104">
        <v>0</v>
      </c>
      <c r="AL30" s="103">
        <v>0</v>
      </c>
      <c r="AM30" s="100">
        <v>0</v>
      </c>
      <c r="AN30" s="104">
        <v>0</v>
      </c>
      <c r="AO30" s="104">
        <v>39898</v>
      </c>
      <c r="AP30" s="104">
        <v>0</v>
      </c>
      <c r="AQ30" s="104">
        <v>0</v>
      </c>
      <c r="AR30" s="104">
        <v>61372</v>
      </c>
      <c r="AS30" s="103">
        <v>101270</v>
      </c>
      <c r="AT30" s="106">
        <v>101270</v>
      </c>
      <c r="AU30" s="100">
        <v>18155</v>
      </c>
      <c r="AV30" s="104">
        <v>81848</v>
      </c>
      <c r="AW30" s="103">
        <v>100003</v>
      </c>
      <c r="AX30" s="100">
        <v>0</v>
      </c>
      <c r="AY30" s="104">
        <v>108970</v>
      </c>
      <c r="AZ30" s="104">
        <v>112258</v>
      </c>
      <c r="BA30" s="104">
        <v>0</v>
      </c>
      <c r="BB30" s="104">
        <v>0</v>
      </c>
      <c r="BC30" s="104">
        <v>57859</v>
      </c>
      <c r="BD30" s="103">
        <v>279087</v>
      </c>
      <c r="BE30" s="106">
        <v>379090</v>
      </c>
      <c r="BF30" s="100">
        <v>0</v>
      </c>
      <c r="BG30" s="104">
        <v>0</v>
      </c>
      <c r="BH30" s="102">
        <v>0</v>
      </c>
      <c r="BI30" s="101">
        <v>0</v>
      </c>
      <c r="BJ30" s="104">
        <v>0</v>
      </c>
      <c r="BK30" s="104">
        <v>0</v>
      </c>
      <c r="BL30" s="104">
        <v>0</v>
      </c>
      <c r="BM30" s="104">
        <v>0</v>
      </c>
      <c r="BN30" s="104">
        <v>0</v>
      </c>
      <c r="BO30" s="103">
        <v>0</v>
      </c>
      <c r="BP30" s="106">
        <v>0</v>
      </c>
      <c r="BQ30" s="100">
        <v>20216</v>
      </c>
      <c r="BR30" s="104">
        <v>5432</v>
      </c>
      <c r="BS30" s="103">
        <v>25648</v>
      </c>
      <c r="BT30" s="100">
        <v>0</v>
      </c>
      <c r="BU30" s="104">
        <v>11907</v>
      </c>
      <c r="BV30" s="104">
        <v>7798</v>
      </c>
      <c r="BW30" s="104">
        <v>13552</v>
      </c>
      <c r="BX30" s="104">
        <v>20244</v>
      </c>
      <c r="BY30" s="104">
        <v>42021</v>
      </c>
      <c r="BZ30" s="103">
        <v>95522</v>
      </c>
      <c r="CA30" s="106">
        <v>121170</v>
      </c>
      <c r="CB30" s="100">
        <v>0</v>
      </c>
      <c r="CC30" s="104">
        <v>31877</v>
      </c>
      <c r="CD30" s="103">
        <v>31877</v>
      </c>
      <c r="CE30" s="100">
        <v>0</v>
      </c>
      <c r="CF30" s="104">
        <v>155064</v>
      </c>
      <c r="CG30" s="104">
        <v>283427</v>
      </c>
      <c r="CH30" s="104">
        <v>121031</v>
      </c>
      <c r="CI30" s="104">
        <v>50751</v>
      </c>
      <c r="CJ30" s="104">
        <v>124850</v>
      </c>
      <c r="CK30" s="103">
        <v>735123</v>
      </c>
      <c r="CL30" s="106">
        <v>767000</v>
      </c>
      <c r="CM30" s="100">
        <v>0</v>
      </c>
      <c r="CN30" s="104">
        <v>0</v>
      </c>
      <c r="CO30" s="103">
        <v>0</v>
      </c>
      <c r="CP30" s="101">
        <v>0</v>
      </c>
      <c r="CQ30" s="104">
        <v>130650</v>
      </c>
      <c r="CR30" s="104">
        <v>219104</v>
      </c>
      <c r="CS30" s="104">
        <v>32265</v>
      </c>
      <c r="CT30" s="104">
        <v>50751</v>
      </c>
      <c r="CU30" s="104">
        <v>0</v>
      </c>
      <c r="CV30" s="103">
        <v>432770</v>
      </c>
      <c r="CW30" s="106">
        <v>432770</v>
      </c>
      <c r="CX30" s="100">
        <v>0</v>
      </c>
      <c r="CY30" s="104">
        <v>31877</v>
      </c>
      <c r="CZ30" s="103">
        <v>31877</v>
      </c>
      <c r="DA30" s="100">
        <v>0</v>
      </c>
      <c r="DB30" s="104">
        <v>24414</v>
      </c>
      <c r="DC30" s="104">
        <v>64323</v>
      </c>
      <c r="DD30" s="104">
        <v>88766</v>
      </c>
      <c r="DE30" s="104">
        <v>0</v>
      </c>
      <c r="DF30" s="104">
        <v>124850</v>
      </c>
      <c r="DG30" s="103">
        <v>302353</v>
      </c>
      <c r="DH30" s="106">
        <v>334230</v>
      </c>
      <c r="DI30" s="100">
        <v>0</v>
      </c>
      <c r="DJ30" s="104">
        <v>20626</v>
      </c>
      <c r="DK30" s="102">
        <v>20626</v>
      </c>
      <c r="DL30" s="101">
        <v>0</v>
      </c>
      <c r="DM30" s="104">
        <v>38800</v>
      </c>
      <c r="DN30" s="104">
        <v>0</v>
      </c>
      <c r="DO30" s="104">
        <v>405346</v>
      </c>
      <c r="DP30" s="104">
        <v>0</v>
      </c>
      <c r="DQ30" s="104">
        <v>0</v>
      </c>
      <c r="DR30" s="103">
        <v>444146</v>
      </c>
      <c r="DS30" s="106">
        <v>464772</v>
      </c>
      <c r="DT30" s="100">
        <v>0</v>
      </c>
      <c r="DU30" s="104">
        <v>20626</v>
      </c>
      <c r="DV30" s="103">
        <v>20626</v>
      </c>
      <c r="DW30" s="100">
        <v>0</v>
      </c>
      <c r="DX30" s="104">
        <v>38800</v>
      </c>
      <c r="DY30" s="104">
        <v>0</v>
      </c>
      <c r="DZ30" s="104">
        <v>405346</v>
      </c>
      <c r="EA30" s="104">
        <v>0</v>
      </c>
      <c r="EB30" s="104">
        <v>0</v>
      </c>
      <c r="EC30" s="103">
        <v>444146</v>
      </c>
      <c r="ED30" s="106">
        <v>464772</v>
      </c>
      <c r="EE30" s="100">
        <v>0</v>
      </c>
      <c r="EF30" s="102">
        <v>0</v>
      </c>
      <c r="EG30" s="103">
        <v>0</v>
      </c>
      <c r="EH30" s="100">
        <v>0</v>
      </c>
      <c r="EI30" s="104">
        <v>0</v>
      </c>
      <c r="EJ30" s="104">
        <v>0</v>
      </c>
      <c r="EK30" s="104">
        <v>0</v>
      </c>
      <c r="EL30" s="104">
        <v>0</v>
      </c>
      <c r="EM30" s="104">
        <v>0</v>
      </c>
      <c r="EN30" s="102">
        <v>0</v>
      </c>
      <c r="EO30" s="106">
        <v>0</v>
      </c>
      <c r="EP30" s="100">
        <v>0</v>
      </c>
      <c r="EQ30" s="104">
        <v>0</v>
      </c>
      <c r="ER30" s="102">
        <v>0</v>
      </c>
      <c r="ES30" s="101">
        <v>0</v>
      </c>
      <c r="ET30" s="104">
        <v>0</v>
      </c>
      <c r="EU30" s="104">
        <v>0</v>
      </c>
      <c r="EV30" s="104">
        <v>0</v>
      </c>
      <c r="EW30" s="104">
        <v>0</v>
      </c>
      <c r="EX30" s="104">
        <v>0</v>
      </c>
      <c r="EY30" s="103">
        <v>0</v>
      </c>
      <c r="EZ30" s="106">
        <v>0</v>
      </c>
      <c r="FA30" s="100">
        <v>0</v>
      </c>
      <c r="FB30" s="104">
        <v>0</v>
      </c>
      <c r="FC30" s="102">
        <v>0</v>
      </c>
      <c r="FD30" s="324"/>
      <c r="FE30" s="104">
        <v>0</v>
      </c>
      <c r="FF30" s="104">
        <v>0</v>
      </c>
      <c r="FG30" s="104">
        <v>0</v>
      </c>
      <c r="FH30" s="104">
        <v>0</v>
      </c>
      <c r="FI30" s="104">
        <v>0</v>
      </c>
      <c r="FJ30" s="103">
        <v>0</v>
      </c>
      <c r="FK30" s="106">
        <v>0</v>
      </c>
      <c r="FL30" s="100">
        <v>14658</v>
      </c>
      <c r="FM30" s="104">
        <v>29442</v>
      </c>
      <c r="FN30" s="103">
        <v>44100</v>
      </c>
      <c r="FO30" s="100">
        <v>0</v>
      </c>
      <c r="FP30" s="104">
        <v>52920</v>
      </c>
      <c r="FQ30" s="104">
        <v>114142</v>
      </c>
      <c r="FR30" s="104">
        <v>45724</v>
      </c>
      <c r="FS30" s="104">
        <v>21504</v>
      </c>
      <c r="FT30" s="104">
        <v>65737</v>
      </c>
      <c r="FU30" s="103">
        <v>300027</v>
      </c>
      <c r="FV30" s="106">
        <v>344127</v>
      </c>
      <c r="FW30" s="105">
        <v>14658</v>
      </c>
      <c r="FX30" s="104">
        <v>29442</v>
      </c>
      <c r="FY30" s="102">
        <v>44100</v>
      </c>
      <c r="FZ30" s="101">
        <v>0</v>
      </c>
      <c r="GA30" s="104">
        <v>52920</v>
      </c>
      <c r="GB30" s="104">
        <v>114142</v>
      </c>
      <c r="GC30" s="104">
        <v>45724</v>
      </c>
      <c r="GD30" s="104">
        <v>21504</v>
      </c>
      <c r="GE30" s="104">
        <v>46837</v>
      </c>
      <c r="GF30" s="103">
        <v>281127</v>
      </c>
      <c r="GG30" s="296">
        <v>325227</v>
      </c>
      <c r="GH30" s="105">
        <v>0</v>
      </c>
      <c r="GI30" s="104">
        <v>0</v>
      </c>
      <c r="GJ30" s="102">
        <v>0</v>
      </c>
      <c r="GK30" s="101">
        <v>0</v>
      </c>
      <c r="GL30" s="104">
        <v>0</v>
      </c>
      <c r="GM30" s="104">
        <v>0</v>
      </c>
      <c r="GN30" s="104">
        <v>0</v>
      </c>
      <c r="GO30" s="104">
        <v>0</v>
      </c>
      <c r="GP30" s="104">
        <v>18900</v>
      </c>
      <c r="GQ30" s="103">
        <v>18900</v>
      </c>
      <c r="GR30" s="106">
        <v>18900</v>
      </c>
      <c r="GS30" s="100">
        <v>0</v>
      </c>
      <c r="GT30" s="104">
        <v>0</v>
      </c>
      <c r="GU30" s="103">
        <v>0</v>
      </c>
      <c r="GV30" s="100">
        <v>0</v>
      </c>
      <c r="GW30" s="104">
        <v>0</v>
      </c>
      <c r="GX30" s="104">
        <v>0</v>
      </c>
      <c r="GY30" s="104">
        <v>0</v>
      </c>
      <c r="GZ30" s="104">
        <v>0</v>
      </c>
      <c r="HA30" s="104">
        <v>0</v>
      </c>
      <c r="HB30" s="102">
        <v>0</v>
      </c>
      <c r="HC30" s="106">
        <v>0</v>
      </c>
      <c r="HD30" s="100">
        <v>0</v>
      </c>
      <c r="HE30" s="104">
        <v>0</v>
      </c>
      <c r="HF30" s="102">
        <v>0</v>
      </c>
      <c r="HG30" s="101">
        <v>0</v>
      </c>
      <c r="HH30" s="104">
        <v>0</v>
      </c>
      <c r="HI30" s="104">
        <v>165012</v>
      </c>
      <c r="HJ30" s="104">
        <v>248884</v>
      </c>
      <c r="HK30" s="104">
        <v>186802</v>
      </c>
      <c r="HL30" s="104">
        <v>595687</v>
      </c>
      <c r="HM30" s="103">
        <v>1196385</v>
      </c>
      <c r="HN30" s="99">
        <v>1196385</v>
      </c>
      <c r="HO30" s="306"/>
      <c r="HP30" s="307"/>
      <c r="HQ30" s="308"/>
      <c r="HR30" s="309"/>
      <c r="HS30" s="307"/>
      <c r="HT30" s="307"/>
      <c r="HU30" s="307"/>
      <c r="HV30" s="307"/>
      <c r="HW30" s="307"/>
      <c r="HX30" s="310"/>
      <c r="HY30" s="311"/>
      <c r="HZ30" s="137">
        <v>0</v>
      </c>
      <c r="IA30" s="122">
        <v>60407</v>
      </c>
      <c r="IB30" s="137">
        <v>60407</v>
      </c>
      <c r="IC30" s="121">
        <v>0</v>
      </c>
      <c r="ID30" s="122">
        <v>323677</v>
      </c>
      <c r="IE30" s="123">
        <v>162016</v>
      </c>
      <c r="IF30" s="124">
        <v>0</v>
      </c>
      <c r="IG30" s="122">
        <v>0</v>
      </c>
      <c r="IH30" s="124">
        <v>0</v>
      </c>
      <c r="II30" s="125">
        <v>485693</v>
      </c>
      <c r="IJ30" s="137">
        <v>546100</v>
      </c>
      <c r="IK30" s="219">
        <v>0</v>
      </c>
      <c r="IL30" s="223">
        <v>0</v>
      </c>
      <c r="IM30" s="224">
        <v>0</v>
      </c>
      <c r="IN30" s="127"/>
      <c r="IO30" s="109">
        <v>0</v>
      </c>
      <c r="IP30" s="109">
        <v>0</v>
      </c>
      <c r="IQ30" s="109">
        <v>0</v>
      </c>
      <c r="IR30" s="109">
        <v>0</v>
      </c>
      <c r="IS30" s="109">
        <v>0</v>
      </c>
      <c r="IT30" s="128">
        <v>0</v>
      </c>
      <c r="IU30" s="298">
        <v>0</v>
      </c>
      <c r="IV30" s="129">
        <v>0</v>
      </c>
      <c r="IW30" s="109">
        <v>0</v>
      </c>
      <c r="IX30" s="110">
        <v>0</v>
      </c>
      <c r="IY30" s="131"/>
      <c r="IZ30" s="109">
        <v>0</v>
      </c>
      <c r="JA30" s="109">
        <v>0</v>
      </c>
      <c r="JB30" s="109">
        <v>0</v>
      </c>
      <c r="JC30" s="109">
        <v>0</v>
      </c>
      <c r="JD30" s="109">
        <v>0</v>
      </c>
      <c r="JE30" s="110">
        <v>0</v>
      </c>
      <c r="JF30" s="111">
        <v>0</v>
      </c>
      <c r="JG30" s="129">
        <v>0</v>
      </c>
      <c r="JH30" s="109">
        <v>60407</v>
      </c>
      <c r="JI30" s="128">
        <v>60407</v>
      </c>
      <c r="JJ30" s="108">
        <v>0</v>
      </c>
      <c r="JK30" s="109">
        <v>124395</v>
      </c>
      <c r="JL30" s="109">
        <v>162016</v>
      </c>
      <c r="JM30" s="109">
        <v>0</v>
      </c>
      <c r="JN30" s="109">
        <v>0</v>
      </c>
      <c r="JO30" s="109">
        <v>0</v>
      </c>
      <c r="JP30" s="110">
        <v>286411</v>
      </c>
      <c r="JQ30" s="298">
        <v>346818</v>
      </c>
      <c r="JR30" s="129">
        <v>0</v>
      </c>
      <c r="JS30" s="109">
        <v>0</v>
      </c>
      <c r="JT30" s="128">
        <v>0</v>
      </c>
      <c r="JU30" s="108">
        <v>0</v>
      </c>
      <c r="JV30" s="109">
        <v>0</v>
      </c>
      <c r="JW30" s="109">
        <v>0</v>
      </c>
      <c r="JX30" s="109">
        <v>0</v>
      </c>
      <c r="JY30" s="109">
        <v>0</v>
      </c>
      <c r="JZ30" s="109">
        <v>0</v>
      </c>
      <c r="KA30" s="110">
        <v>0</v>
      </c>
      <c r="KB30" s="298">
        <v>0</v>
      </c>
      <c r="KC30" s="221">
        <v>0</v>
      </c>
      <c r="KD30" s="217">
        <v>0</v>
      </c>
      <c r="KE30" s="110">
        <v>0</v>
      </c>
      <c r="KF30" s="108">
        <v>0</v>
      </c>
      <c r="KG30" s="109">
        <v>0</v>
      </c>
      <c r="KH30" s="109">
        <v>0</v>
      </c>
      <c r="KI30" s="109">
        <v>0</v>
      </c>
      <c r="KJ30" s="109">
        <v>0</v>
      </c>
      <c r="KK30" s="109">
        <v>0</v>
      </c>
      <c r="KL30" s="110">
        <v>0</v>
      </c>
      <c r="KM30" s="130">
        <v>0</v>
      </c>
      <c r="KN30" s="219">
        <v>0</v>
      </c>
      <c r="KO30" s="223">
        <v>0</v>
      </c>
      <c r="KP30" s="224">
        <v>0</v>
      </c>
      <c r="KQ30" s="127"/>
      <c r="KR30" s="109">
        <v>199282</v>
      </c>
      <c r="KS30" s="109">
        <v>0</v>
      </c>
      <c r="KT30" s="109">
        <v>0</v>
      </c>
      <c r="KU30" s="109">
        <v>0</v>
      </c>
      <c r="KV30" s="109">
        <v>0</v>
      </c>
      <c r="KW30" s="110">
        <v>199282</v>
      </c>
      <c r="KX30" s="298">
        <v>199282</v>
      </c>
      <c r="KY30" s="129">
        <v>0</v>
      </c>
      <c r="KZ30" s="109">
        <v>0</v>
      </c>
      <c r="LA30" s="110">
        <v>0</v>
      </c>
      <c r="LB30" s="132"/>
      <c r="LC30" s="109">
        <v>0</v>
      </c>
      <c r="LD30" s="109">
        <v>0</v>
      </c>
      <c r="LE30" s="109">
        <v>0</v>
      </c>
      <c r="LF30" s="109">
        <v>0</v>
      </c>
      <c r="LG30" s="109">
        <v>0</v>
      </c>
      <c r="LH30" s="110">
        <v>0</v>
      </c>
      <c r="LI30" s="111">
        <v>0</v>
      </c>
      <c r="LJ30" s="129">
        <v>0</v>
      </c>
      <c r="LK30" s="109">
        <v>0</v>
      </c>
      <c r="LL30" s="110">
        <v>0</v>
      </c>
      <c r="LM30" s="132"/>
      <c r="LN30" s="109">
        <v>0</v>
      </c>
      <c r="LO30" s="109">
        <v>0</v>
      </c>
      <c r="LP30" s="109">
        <v>0</v>
      </c>
      <c r="LQ30" s="109">
        <v>0</v>
      </c>
      <c r="LR30" s="109">
        <v>0</v>
      </c>
      <c r="LS30" s="110">
        <v>0</v>
      </c>
      <c r="LT30" s="298">
        <v>0</v>
      </c>
      <c r="LU30" s="129">
        <v>0</v>
      </c>
      <c r="LV30" s="109">
        <v>0</v>
      </c>
      <c r="LW30" s="110">
        <v>0</v>
      </c>
      <c r="LX30" s="132"/>
      <c r="LY30" s="109">
        <v>0</v>
      </c>
      <c r="LZ30" s="109">
        <v>0</v>
      </c>
      <c r="MA30" s="109">
        <v>0</v>
      </c>
      <c r="MB30" s="109">
        <v>0</v>
      </c>
      <c r="MC30" s="109">
        <v>0</v>
      </c>
      <c r="MD30" s="110">
        <v>0</v>
      </c>
      <c r="ME30" s="111">
        <v>0</v>
      </c>
      <c r="MF30" s="129">
        <v>0</v>
      </c>
      <c r="MG30" s="109">
        <v>0</v>
      </c>
      <c r="MH30" s="110">
        <v>0</v>
      </c>
      <c r="MI30" s="132"/>
      <c r="MJ30" s="109">
        <v>384790</v>
      </c>
      <c r="MK30" s="109">
        <v>810542</v>
      </c>
      <c r="ML30" s="109">
        <v>400188</v>
      </c>
      <c r="MM30" s="109">
        <v>773038</v>
      </c>
      <c r="MN30" s="109">
        <v>472716</v>
      </c>
      <c r="MO30" s="110">
        <v>2841274</v>
      </c>
      <c r="MP30" s="130">
        <v>2841274</v>
      </c>
      <c r="MQ30" s="129">
        <v>0</v>
      </c>
      <c r="MR30" s="109">
        <v>0</v>
      </c>
      <c r="MS30" s="110">
        <v>0</v>
      </c>
      <c r="MT30" s="132"/>
      <c r="MU30" s="109">
        <v>0</v>
      </c>
      <c r="MV30" s="109">
        <v>0</v>
      </c>
      <c r="MW30" s="109">
        <v>400188</v>
      </c>
      <c r="MX30" s="109">
        <v>220525</v>
      </c>
      <c r="MY30" s="109">
        <v>472716</v>
      </c>
      <c r="MZ30" s="110">
        <v>1093429</v>
      </c>
      <c r="NA30" s="130">
        <v>1093429</v>
      </c>
      <c r="NB30" s="129">
        <v>0</v>
      </c>
      <c r="NC30" s="109">
        <v>0</v>
      </c>
      <c r="ND30" s="110">
        <v>0</v>
      </c>
      <c r="NE30" s="132"/>
      <c r="NF30" s="109">
        <v>384790</v>
      </c>
      <c r="NG30" s="109">
        <v>810542</v>
      </c>
      <c r="NH30" s="109">
        <v>0</v>
      </c>
      <c r="NI30" s="109">
        <v>552513</v>
      </c>
      <c r="NJ30" s="109">
        <v>0</v>
      </c>
      <c r="NK30" s="110">
        <v>1747845</v>
      </c>
      <c r="NL30" s="298">
        <v>1747845</v>
      </c>
      <c r="NM30" s="129">
        <v>0</v>
      </c>
      <c r="NN30" s="109">
        <v>0</v>
      </c>
      <c r="NO30" s="110">
        <v>0</v>
      </c>
      <c r="NP30" s="132"/>
      <c r="NQ30" s="109">
        <v>0</v>
      </c>
      <c r="NR30" s="109">
        <v>0</v>
      </c>
      <c r="NS30" s="109">
        <v>0</v>
      </c>
      <c r="NT30" s="109">
        <v>0</v>
      </c>
      <c r="NU30" s="109">
        <v>0</v>
      </c>
      <c r="NV30" s="110">
        <v>0</v>
      </c>
      <c r="NW30" s="111">
        <v>0</v>
      </c>
      <c r="NX30" s="129">
        <v>0</v>
      </c>
      <c r="NY30" s="109">
        <v>0</v>
      </c>
      <c r="NZ30" s="110">
        <v>0</v>
      </c>
      <c r="OA30" s="132"/>
      <c r="OB30" s="109">
        <v>0</v>
      </c>
      <c r="OC30" s="109">
        <v>0</v>
      </c>
      <c r="OD30" s="109">
        <v>0</v>
      </c>
      <c r="OE30" s="109">
        <v>0</v>
      </c>
      <c r="OF30" s="109">
        <v>0</v>
      </c>
      <c r="OG30" s="110">
        <v>0</v>
      </c>
      <c r="OH30" s="111">
        <v>0</v>
      </c>
      <c r="OI30" s="129">
        <v>53029</v>
      </c>
      <c r="OJ30" s="109">
        <v>229632</v>
      </c>
      <c r="OK30" s="128">
        <v>282661</v>
      </c>
      <c r="OL30" s="108">
        <v>0</v>
      </c>
      <c r="OM30" s="109">
        <v>1161684</v>
      </c>
      <c r="ON30" s="109">
        <v>1793300</v>
      </c>
      <c r="OO30" s="109">
        <v>1266841</v>
      </c>
      <c r="OP30" s="109">
        <v>1076104</v>
      </c>
      <c r="OQ30" s="109">
        <v>1420242</v>
      </c>
      <c r="OR30" s="110">
        <v>6718171</v>
      </c>
      <c r="OS30" s="130">
        <v>7000832</v>
      </c>
    </row>
    <row r="31" spans="2:409" ht="21" customHeight="1" x14ac:dyDescent="0.2">
      <c r="B31" s="472" t="s">
        <v>26</v>
      </c>
      <c r="C31" s="100">
        <v>140710</v>
      </c>
      <c r="D31" s="104">
        <v>76074</v>
      </c>
      <c r="E31" s="103">
        <v>216784</v>
      </c>
      <c r="F31" s="99">
        <v>0</v>
      </c>
      <c r="G31" s="104">
        <v>1593090</v>
      </c>
      <c r="H31" s="104">
        <v>1407188</v>
      </c>
      <c r="I31" s="104">
        <v>959618</v>
      </c>
      <c r="J31" s="104">
        <v>865352</v>
      </c>
      <c r="K31" s="104">
        <v>1808669</v>
      </c>
      <c r="L31" s="160">
        <v>6633917</v>
      </c>
      <c r="M31" s="106">
        <v>6850701</v>
      </c>
      <c r="N31" s="100">
        <v>45514</v>
      </c>
      <c r="O31" s="104">
        <v>61108</v>
      </c>
      <c r="P31" s="103">
        <v>106622</v>
      </c>
      <c r="Q31" s="100">
        <v>0</v>
      </c>
      <c r="R31" s="104">
        <v>430843</v>
      </c>
      <c r="S31" s="104">
        <v>505027</v>
      </c>
      <c r="T31" s="104">
        <v>114214</v>
      </c>
      <c r="U31" s="104">
        <v>287312</v>
      </c>
      <c r="V31" s="104">
        <v>1251590</v>
      </c>
      <c r="W31" s="103">
        <v>2588986</v>
      </c>
      <c r="X31" s="106">
        <v>2695608</v>
      </c>
      <c r="Y31" s="100">
        <v>0</v>
      </c>
      <c r="Z31" s="104">
        <v>0</v>
      </c>
      <c r="AA31" s="103">
        <v>0</v>
      </c>
      <c r="AB31" s="100">
        <v>0</v>
      </c>
      <c r="AC31" s="104">
        <v>134970</v>
      </c>
      <c r="AD31" s="104">
        <v>194829</v>
      </c>
      <c r="AE31" s="104">
        <v>39489</v>
      </c>
      <c r="AF31" s="104">
        <v>100230</v>
      </c>
      <c r="AG31" s="104">
        <v>540756</v>
      </c>
      <c r="AH31" s="103">
        <v>1010274</v>
      </c>
      <c r="AI31" s="106">
        <v>1010274</v>
      </c>
      <c r="AJ31" s="100">
        <v>0</v>
      </c>
      <c r="AK31" s="104">
        <v>0</v>
      </c>
      <c r="AL31" s="103">
        <v>0</v>
      </c>
      <c r="AM31" s="100">
        <v>0</v>
      </c>
      <c r="AN31" s="104">
        <v>0</v>
      </c>
      <c r="AO31" s="104">
        <v>0</v>
      </c>
      <c r="AP31" s="104">
        <v>0</v>
      </c>
      <c r="AQ31" s="104">
        <v>0</v>
      </c>
      <c r="AR31" s="104">
        <v>149041</v>
      </c>
      <c r="AS31" s="103">
        <v>149041</v>
      </c>
      <c r="AT31" s="106">
        <v>149041</v>
      </c>
      <c r="AU31" s="100">
        <v>0</v>
      </c>
      <c r="AV31" s="104">
        <v>0</v>
      </c>
      <c r="AW31" s="103">
        <v>0</v>
      </c>
      <c r="AX31" s="100">
        <v>0</v>
      </c>
      <c r="AY31" s="104">
        <v>232425</v>
      </c>
      <c r="AZ31" s="104">
        <v>259231</v>
      </c>
      <c r="BA31" s="104">
        <v>0</v>
      </c>
      <c r="BB31" s="104">
        <v>102697</v>
      </c>
      <c r="BC31" s="104">
        <v>515537</v>
      </c>
      <c r="BD31" s="103">
        <v>1109890</v>
      </c>
      <c r="BE31" s="106">
        <v>1109890</v>
      </c>
      <c r="BF31" s="100">
        <v>0</v>
      </c>
      <c r="BG31" s="104">
        <v>61108</v>
      </c>
      <c r="BH31" s="102">
        <v>61108</v>
      </c>
      <c r="BI31" s="101">
        <v>0</v>
      </c>
      <c r="BJ31" s="104">
        <v>0</v>
      </c>
      <c r="BK31" s="104">
        <v>0</v>
      </c>
      <c r="BL31" s="104">
        <v>0</v>
      </c>
      <c r="BM31" s="104">
        <v>0</v>
      </c>
      <c r="BN31" s="104">
        <v>0</v>
      </c>
      <c r="BO31" s="103">
        <v>0</v>
      </c>
      <c r="BP31" s="106">
        <v>61108</v>
      </c>
      <c r="BQ31" s="100">
        <v>45514</v>
      </c>
      <c r="BR31" s="104">
        <v>0</v>
      </c>
      <c r="BS31" s="103">
        <v>45514</v>
      </c>
      <c r="BT31" s="100">
        <v>0</v>
      </c>
      <c r="BU31" s="104">
        <v>63448</v>
      </c>
      <c r="BV31" s="104">
        <v>50967</v>
      </c>
      <c r="BW31" s="104">
        <v>74725</v>
      </c>
      <c r="BX31" s="104">
        <v>84385</v>
      </c>
      <c r="BY31" s="104">
        <v>46256</v>
      </c>
      <c r="BZ31" s="103">
        <v>319781</v>
      </c>
      <c r="CA31" s="106">
        <v>365295</v>
      </c>
      <c r="CB31" s="100">
        <v>0</v>
      </c>
      <c r="CC31" s="104">
        <v>0</v>
      </c>
      <c r="CD31" s="103">
        <v>0</v>
      </c>
      <c r="CE31" s="100">
        <v>0</v>
      </c>
      <c r="CF31" s="104">
        <v>502986</v>
      </c>
      <c r="CG31" s="104">
        <v>235127</v>
      </c>
      <c r="CH31" s="104">
        <v>75448</v>
      </c>
      <c r="CI31" s="104">
        <v>101116</v>
      </c>
      <c r="CJ31" s="104">
        <v>0</v>
      </c>
      <c r="CK31" s="103">
        <v>914677</v>
      </c>
      <c r="CL31" s="106">
        <v>914677</v>
      </c>
      <c r="CM31" s="100">
        <v>0</v>
      </c>
      <c r="CN31" s="104">
        <v>0</v>
      </c>
      <c r="CO31" s="103">
        <v>0</v>
      </c>
      <c r="CP31" s="101">
        <v>0</v>
      </c>
      <c r="CQ31" s="104">
        <v>301257</v>
      </c>
      <c r="CR31" s="104">
        <v>111050</v>
      </c>
      <c r="CS31" s="104">
        <v>75448</v>
      </c>
      <c r="CT31" s="104">
        <v>101116</v>
      </c>
      <c r="CU31" s="104">
        <v>0</v>
      </c>
      <c r="CV31" s="103">
        <v>588871</v>
      </c>
      <c r="CW31" s="106">
        <v>588871</v>
      </c>
      <c r="CX31" s="100">
        <v>0</v>
      </c>
      <c r="CY31" s="104">
        <v>0</v>
      </c>
      <c r="CZ31" s="103">
        <v>0</v>
      </c>
      <c r="DA31" s="100">
        <v>0</v>
      </c>
      <c r="DB31" s="104">
        <v>201729</v>
      </c>
      <c r="DC31" s="104">
        <v>124077</v>
      </c>
      <c r="DD31" s="104">
        <v>0</v>
      </c>
      <c r="DE31" s="104">
        <v>0</v>
      </c>
      <c r="DF31" s="104">
        <v>0</v>
      </c>
      <c r="DG31" s="103">
        <v>325806</v>
      </c>
      <c r="DH31" s="106">
        <v>325806</v>
      </c>
      <c r="DI31" s="100">
        <v>0</v>
      </c>
      <c r="DJ31" s="104">
        <v>0</v>
      </c>
      <c r="DK31" s="102">
        <v>0</v>
      </c>
      <c r="DL31" s="101">
        <v>0</v>
      </c>
      <c r="DM31" s="104">
        <v>119012</v>
      </c>
      <c r="DN31" s="104">
        <v>58938</v>
      </c>
      <c r="DO31" s="104">
        <v>33461</v>
      </c>
      <c r="DP31" s="104">
        <v>0</v>
      </c>
      <c r="DQ31" s="104">
        <v>214865</v>
      </c>
      <c r="DR31" s="103">
        <v>426276</v>
      </c>
      <c r="DS31" s="106">
        <v>426276</v>
      </c>
      <c r="DT31" s="100">
        <v>0</v>
      </c>
      <c r="DU31" s="104">
        <v>0</v>
      </c>
      <c r="DV31" s="103">
        <v>0</v>
      </c>
      <c r="DW31" s="100">
        <v>0</v>
      </c>
      <c r="DX31" s="104">
        <v>119012</v>
      </c>
      <c r="DY31" s="104">
        <v>58938</v>
      </c>
      <c r="DZ31" s="104">
        <v>33461</v>
      </c>
      <c r="EA31" s="104">
        <v>0</v>
      </c>
      <c r="EB31" s="104">
        <v>214865</v>
      </c>
      <c r="EC31" s="103">
        <v>426276</v>
      </c>
      <c r="ED31" s="106">
        <v>426276</v>
      </c>
      <c r="EE31" s="100">
        <v>0</v>
      </c>
      <c r="EF31" s="102">
        <v>0</v>
      </c>
      <c r="EG31" s="103">
        <v>0</v>
      </c>
      <c r="EH31" s="100">
        <v>0</v>
      </c>
      <c r="EI31" s="104">
        <v>0</v>
      </c>
      <c r="EJ31" s="104">
        <v>0</v>
      </c>
      <c r="EK31" s="104">
        <v>0</v>
      </c>
      <c r="EL31" s="104">
        <v>0</v>
      </c>
      <c r="EM31" s="104">
        <v>0</v>
      </c>
      <c r="EN31" s="102">
        <v>0</v>
      </c>
      <c r="EO31" s="106">
        <v>0</v>
      </c>
      <c r="EP31" s="100">
        <v>0</v>
      </c>
      <c r="EQ31" s="104">
        <v>0</v>
      </c>
      <c r="ER31" s="102">
        <v>0</v>
      </c>
      <c r="ES31" s="101">
        <v>0</v>
      </c>
      <c r="ET31" s="104">
        <v>0</v>
      </c>
      <c r="EU31" s="104">
        <v>0</v>
      </c>
      <c r="EV31" s="104">
        <v>0</v>
      </c>
      <c r="EW31" s="104">
        <v>0</v>
      </c>
      <c r="EX31" s="104">
        <v>0</v>
      </c>
      <c r="EY31" s="103">
        <v>0</v>
      </c>
      <c r="EZ31" s="106">
        <v>0</v>
      </c>
      <c r="FA31" s="100">
        <v>0</v>
      </c>
      <c r="FB31" s="104">
        <v>0</v>
      </c>
      <c r="FC31" s="102">
        <v>0</v>
      </c>
      <c r="FD31" s="324"/>
      <c r="FE31" s="104">
        <v>0</v>
      </c>
      <c r="FF31" s="104">
        <v>0</v>
      </c>
      <c r="FG31" s="104">
        <v>0</v>
      </c>
      <c r="FH31" s="104">
        <v>0</v>
      </c>
      <c r="FI31" s="104">
        <v>0</v>
      </c>
      <c r="FJ31" s="103">
        <v>0</v>
      </c>
      <c r="FK31" s="106">
        <v>0</v>
      </c>
      <c r="FL31" s="100">
        <v>0</v>
      </c>
      <c r="FM31" s="104">
        <v>14966</v>
      </c>
      <c r="FN31" s="103">
        <v>14966</v>
      </c>
      <c r="FO31" s="100">
        <v>0</v>
      </c>
      <c r="FP31" s="104">
        <v>115486</v>
      </c>
      <c r="FQ31" s="104">
        <v>93023</v>
      </c>
      <c r="FR31" s="104">
        <v>28840</v>
      </c>
      <c r="FS31" s="104">
        <v>32368</v>
      </c>
      <c r="FT31" s="104">
        <v>139097</v>
      </c>
      <c r="FU31" s="103">
        <v>408814</v>
      </c>
      <c r="FV31" s="106">
        <v>423780</v>
      </c>
      <c r="FW31" s="105">
        <v>0</v>
      </c>
      <c r="FX31" s="104">
        <v>14966</v>
      </c>
      <c r="FY31" s="102">
        <v>14966</v>
      </c>
      <c r="FZ31" s="101">
        <v>0</v>
      </c>
      <c r="GA31" s="104">
        <v>62090</v>
      </c>
      <c r="GB31" s="104">
        <v>93023</v>
      </c>
      <c r="GC31" s="104">
        <v>28840</v>
      </c>
      <c r="GD31" s="104">
        <v>32368</v>
      </c>
      <c r="GE31" s="104">
        <v>139097</v>
      </c>
      <c r="GF31" s="103">
        <v>355418</v>
      </c>
      <c r="GG31" s="296">
        <v>370384</v>
      </c>
      <c r="GH31" s="105">
        <v>0</v>
      </c>
      <c r="GI31" s="104">
        <v>0</v>
      </c>
      <c r="GJ31" s="102">
        <v>0</v>
      </c>
      <c r="GK31" s="101">
        <v>0</v>
      </c>
      <c r="GL31" s="104">
        <v>53396</v>
      </c>
      <c r="GM31" s="104">
        <v>0</v>
      </c>
      <c r="GN31" s="104">
        <v>0</v>
      </c>
      <c r="GO31" s="104">
        <v>0</v>
      </c>
      <c r="GP31" s="104">
        <v>0</v>
      </c>
      <c r="GQ31" s="103">
        <v>53396</v>
      </c>
      <c r="GR31" s="106">
        <v>53396</v>
      </c>
      <c r="GS31" s="100">
        <v>0</v>
      </c>
      <c r="GT31" s="104">
        <v>0</v>
      </c>
      <c r="GU31" s="103">
        <v>0</v>
      </c>
      <c r="GV31" s="100">
        <v>0</v>
      </c>
      <c r="GW31" s="104">
        <v>0</v>
      </c>
      <c r="GX31" s="104">
        <v>0</v>
      </c>
      <c r="GY31" s="104">
        <v>0</v>
      </c>
      <c r="GZ31" s="104">
        <v>0</v>
      </c>
      <c r="HA31" s="104">
        <v>0</v>
      </c>
      <c r="HB31" s="102">
        <v>0</v>
      </c>
      <c r="HC31" s="106">
        <v>0</v>
      </c>
      <c r="HD31" s="100">
        <v>95196</v>
      </c>
      <c r="HE31" s="104">
        <v>0</v>
      </c>
      <c r="HF31" s="102">
        <v>95196</v>
      </c>
      <c r="HG31" s="101">
        <v>0</v>
      </c>
      <c r="HH31" s="104">
        <v>424763</v>
      </c>
      <c r="HI31" s="104">
        <v>515073</v>
      </c>
      <c r="HJ31" s="104">
        <v>707655</v>
      </c>
      <c r="HK31" s="104">
        <v>444556</v>
      </c>
      <c r="HL31" s="104">
        <v>203117</v>
      </c>
      <c r="HM31" s="103">
        <v>2295164</v>
      </c>
      <c r="HN31" s="99">
        <v>2390360</v>
      </c>
      <c r="HO31" s="306"/>
      <c r="HP31" s="307"/>
      <c r="HQ31" s="308"/>
      <c r="HR31" s="309"/>
      <c r="HS31" s="307"/>
      <c r="HT31" s="307"/>
      <c r="HU31" s="307"/>
      <c r="HV31" s="307"/>
      <c r="HW31" s="307"/>
      <c r="HX31" s="310"/>
      <c r="HY31" s="311"/>
      <c r="HZ31" s="118">
        <v>0</v>
      </c>
      <c r="IA31" s="119">
        <v>0</v>
      </c>
      <c r="IB31" s="120">
        <v>0</v>
      </c>
      <c r="IC31" s="133">
        <v>0</v>
      </c>
      <c r="ID31" s="119">
        <v>199143</v>
      </c>
      <c r="IE31" s="134">
        <v>444206</v>
      </c>
      <c r="IF31" s="120">
        <v>643197</v>
      </c>
      <c r="IG31" s="119">
        <v>221133</v>
      </c>
      <c r="IH31" s="120">
        <v>27519</v>
      </c>
      <c r="II31" s="135">
        <v>1535198</v>
      </c>
      <c r="IJ31" s="126">
        <v>1535198</v>
      </c>
      <c r="IK31" s="219">
        <v>0</v>
      </c>
      <c r="IL31" s="223">
        <v>0</v>
      </c>
      <c r="IM31" s="224">
        <v>0</v>
      </c>
      <c r="IN31" s="127"/>
      <c r="IO31" s="109">
        <v>0</v>
      </c>
      <c r="IP31" s="109">
        <v>0</v>
      </c>
      <c r="IQ31" s="109">
        <v>0</v>
      </c>
      <c r="IR31" s="109">
        <v>0</v>
      </c>
      <c r="IS31" s="109">
        <v>0</v>
      </c>
      <c r="IT31" s="128">
        <v>0</v>
      </c>
      <c r="IU31" s="298">
        <v>0</v>
      </c>
      <c r="IV31" s="129">
        <v>0</v>
      </c>
      <c r="IW31" s="109">
        <v>0</v>
      </c>
      <c r="IX31" s="110">
        <v>0</v>
      </c>
      <c r="IY31" s="131"/>
      <c r="IZ31" s="109">
        <v>0</v>
      </c>
      <c r="JA31" s="109">
        <v>0</v>
      </c>
      <c r="JB31" s="109">
        <v>0</v>
      </c>
      <c r="JC31" s="109">
        <v>0</v>
      </c>
      <c r="JD31" s="109">
        <v>0</v>
      </c>
      <c r="JE31" s="110">
        <v>0</v>
      </c>
      <c r="JF31" s="111">
        <v>0</v>
      </c>
      <c r="JG31" s="129">
        <v>0</v>
      </c>
      <c r="JH31" s="109">
        <v>0</v>
      </c>
      <c r="JI31" s="128">
        <v>0</v>
      </c>
      <c r="JJ31" s="108">
        <v>0</v>
      </c>
      <c r="JK31" s="109">
        <v>91952</v>
      </c>
      <c r="JL31" s="109">
        <v>16333</v>
      </c>
      <c r="JM31" s="109">
        <v>206610</v>
      </c>
      <c r="JN31" s="109">
        <v>0</v>
      </c>
      <c r="JO31" s="109">
        <v>27519</v>
      </c>
      <c r="JP31" s="110">
        <v>342414</v>
      </c>
      <c r="JQ31" s="298">
        <v>342414</v>
      </c>
      <c r="JR31" s="129">
        <v>0</v>
      </c>
      <c r="JS31" s="109">
        <v>0</v>
      </c>
      <c r="JT31" s="128">
        <v>0</v>
      </c>
      <c r="JU31" s="108">
        <v>0</v>
      </c>
      <c r="JV31" s="109">
        <v>0</v>
      </c>
      <c r="JW31" s="109">
        <v>0</v>
      </c>
      <c r="JX31" s="109">
        <v>0</v>
      </c>
      <c r="JY31" s="109">
        <v>0</v>
      </c>
      <c r="JZ31" s="109">
        <v>0</v>
      </c>
      <c r="KA31" s="110">
        <v>0</v>
      </c>
      <c r="KB31" s="298">
        <v>0</v>
      </c>
      <c r="KC31" s="221">
        <v>0</v>
      </c>
      <c r="KD31" s="217">
        <v>0</v>
      </c>
      <c r="KE31" s="110">
        <v>0</v>
      </c>
      <c r="KF31" s="108">
        <v>0</v>
      </c>
      <c r="KG31" s="109">
        <v>107191</v>
      </c>
      <c r="KH31" s="109">
        <v>0</v>
      </c>
      <c r="KI31" s="109">
        <v>0</v>
      </c>
      <c r="KJ31" s="109">
        <v>0</v>
      </c>
      <c r="KK31" s="109">
        <v>0</v>
      </c>
      <c r="KL31" s="110">
        <v>107191</v>
      </c>
      <c r="KM31" s="130">
        <v>107191</v>
      </c>
      <c r="KN31" s="219">
        <v>0</v>
      </c>
      <c r="KO31" s="223">
        <v>0</v>
      </c>
      <c r="KP31" s="224">
        <v>0</v>
      </c>
      <c r="KQ31" s="127"/>
      <c r="KR31" s="109">
        <v>0</v>
      </c>
      <c r="KS31" s="109">
        <v>427873</v>
      </c>
      <c r="KT31" s="109">
        <v>436587</v>
      </c>
      <c r="KU31" s="109">
        <v>221133</v>
      </c>
      <c r="KV31" s="109">
        <v>0</v>
      </c>
      <c r="KW31" s="110">
        <v>1085593</v>
      </c>
      <c r="KX31" s="298">
        <v>1085593</v>
      </c>
      <c r="KY31" s="129">
        <v>0</v>
      </c>
      <c r="KZ31" s="109">
        <v>0</v>
      </c>
      <c r="LA31" s="110">
        <v>0</v>
      </c>
      <c r="LB31" s="132"/>
      <c r="LC31" s="109">
        <v>0</v>
      </c>
      <c r="LD31" s="109">
        <v>0</v>
      </c>
      <c r="LE31" s="109">
        <v>0</v>
      </c>
      <c r="LF31" s="109">
        <v>0</v>
      </c>
      <c r="LG31" s="109">
        <v>0</v>
      </c>
      <c r="LH31" s="110">
        <v>0</v>
      </c>
      <c r="LI31" s="111">
        <v>0</v>
      </c>
      <c r="LJ31" s="129">
        <v>0</v>
      </c>
      <c r="LK31" s="109">
        <v>0</v>
      </c>
      <c r="LL31" s="110">
        <v>0</v>
      </c>
      <c r="LM31" s="132"/>
      <c r="LN31" s="109">
        <v>0</v>
      </c>
      <c r="LO31" s="109">
        <v>0</v>
      </c>
      <c r="LP31" s="109">
        <v>0</v>
      </c>
      <c r="LQ31" s="109">
        <v>0</v>
      </c>
      <c r="LR31" s="109">
        <v>0</v>
      </c>
      <c r="LS31" s="110">
        <v>0</v>
      </c>
      <c r="LT31" s="298">
        <v>0</v>
      </c>
      <c r="LU31" s="129">
        <v>0</v>
      </c>
      <c r="LV31" s="109">
        <v>0</v>
      </c>
      <c r="LW31" s="110">
        <v>0</v>
      </c>
      <c r="LX31" s="132"/>
      <c r="LY31" s="109">
        <v>0</v>
      </c>
      <c r="LZ31" s="109">
        <v>0</v>
      </c>
      <c r="MA31" s="109">
        <v>0</v>
      </c>
      <c r="MB31" s="109">
        <v>0</v>
      </c>
      <c r="MC31" s="109">
        <v>0</v>
      </c>
      <c r="MD31" s="110">
        <v>0</v>
      </c>
      <c r="ME31" s="111">
        <v>0</v>
      </c>
      <c r="MF31" s="129">
        <v>0</v>
      </c>
      <c r="MG31" s="109">
        <v>0</v>
      </c>
      <c r="MH31" s="110">
        <v>0</v>
      </c>
      <c r="MI31" s="132"/>
      <c r="MJ31" s="109">
        <v>0</v>
      </c>
      <c r="MK31" s="109">
        <v>651043</v>
      </c>
      <c r="ML31" s="109">
        <v>208821</v>
      </c>
      <c r="MM31" s="109">
        <v>726679</v>
      </c>
      <c r="MN31" s="109">
        <v>0</v>
      </c>
      <c r="MO31" s="110">
        <v>1586543</v>
      </c>
      <c r="MP31" s="130">
        <v>1586543</v>
      </c>
      <c r="MQ31" s="129">
        <v>0</v>
      </c>
      <c r="MR31" s="109">
        <v>0</v>
      </c>
      <c r="MS31" s="110">
        <v>0</v>
      </c>
      <c r="MT31" s="132"/>
      <c r="MU31" s="109">
        <v>0</v>
      </c>
      <c r="MV31" s="109">
        <v>0</v>
      </c>
      <c r="MW31" s="109">
        <v>208821</v>
      </c>
      <c r="MX31" s="109">
        <v>224339</v>
      </c>
      <c r="MY31" s="109">
        <v>0</v>
      </c>
      <c r="MZ31" s="110">
        <v>433160</v>
      </c>
      <c r="NA31" s="130">
        <v>433160</v>
      </c>
      <c r="NB31" s="129">
        <v>0</v>
      </c>
      <c r="NC31" s="109">
        <v>0</v>
      </c>
      <c r="ND31" s="110">
        <v>0</v>
      </c>
      <c r="NE31" s="132"/>
      <c r="NF31" s="109">
        <v>0</v>
      </c>
      <c r="NG31" s="109">
        <v>651043</v>
      </c>
      <c r="NH31" s="109">
        <v>0</v>
      </c>
      <c r="NI31" s="109">
        <v>502340</v>
      </c>
      <c r="NJ31" s="109">
        <v>0</v>
      </c>
      <c r="NK31" s="110">
        <v>1153383</v>
      </c>
      <c r="NL31" s="298">
        <v>1153383</v>
      </c>
      <c r="NM31" s="129">
        <v>0</v>
      </c>
      <c r="NN31" s="109">
        <v>0</v>
      </c>
      <c r="NO31" s="110">
        <v>0</v>
      </c>
      <c r="NP31" s="132"/>
      <c r="NQ31" s="109">
        <v>0</v>
      </c>
      <c r="NR31" s="109">
        <v>0</v>
      </c>
      <c r="NS31" s="109">
        <v>0</v>
      </c>
      <c r="NT31" s="109">
        <v>0</v>
      </c>
      <c r="NU31" s="109">
        <v>0</v>
      </c>
      <c r="NV31" s="110">
        <v>0</v>
      </c>
      <c r="NW31" s="111">
        <v>0</v>
      </c>
      <c r="NX31" s="129">
        <v>0</v>
      </c>
      <c r="NY31" s="109">
        <v>0</v>
      </c>
      <c r="NZ31" s="110">
        <v>0</v>
      </c>
      <c r="OA31" s="132"/>
      <c r="OB31" s="109">
        <v>0</v>
      </c>
      <c r="OC31" s="109">
        <v>0</v>
      </c>
      <c r="OD31" s="109">
        <v>0</v>
      </c>
      <c r="OE31" s="109">
        <v>0</v>
      </c>
      <c r="OF31" s="109">
        <v>0</v>
      </c>
      <c r="OG31" s="110">
        <v>0</v>
      </c>
      <c r="OH31" s="111">
        <v>0</v>
      </c>
      <c r="OI31" s="129">
        <v>140710</v>
      </c>
      <c r="OJ31" s="109">
        <v>76074</v>
      </c>
      <c r="OK31" s="128">
        <v>216784</v>
      </c>
      <c r="OL31" s="108">
        <v>0</v>
      </c>
      <c r="OM31" s="109">
        <v>1792233</v>
      </c>
      <c r="ON31" s="109">
        <v>2502437</v>
      </c>
      <c r="OO31" s="109">
        <v>1811636</v>
      </c>
      <c r="OP31" s="109">
        <v>1813164</v>
      </c>
      <c r="OQ31" s="109">
        <v>1836188</v>
      </c>
      <c r="OR31" s="110">
        <v>9755658</v>
      </c>
      <c r="OS31" s="130">
        <v>9972442</v>
      </c>
    </row>
    <row r="32" spans="2:409" ht="21" customHeight="1" x14ac:dyDescent="0.2">
      <c r="B32" s="472" t="s">
        <v>27</v>
      </c>
      <c r="C32" s="100">
        <v>106075</v>
      </c>
      <c r="D32" s="104">
        <v>102709</v>
      </c>
      <c r="E32" s="103">
        <v>208784</v>
      </c>
      <c r="F32" s="99">
        <v>0</v>
      </c>
      <c r="G32" s="104">
        <v>811400</v>
      </c>
      <c r="H32" s="104">
        <v>1099026</v>
      </c>
      <c r="I32" s="104">
        <v>1717197</v>
      </c>
      <c r="J32" s="104">
        <v>611360</v>
      </c>
      <c r="K32" s="104">
        <v>622205</v>
      </c>
      <c r="L32" s="160">
        <v>4861188</v>
      </c>
      <c r="M32" s="106">
        <v>5069972</v>
      </c>
      <c r="N32" s="100">
        <v>0</v>
      </c>
      <c r="O32" s="104">
        <v>35563</v>
      </c>
      <c r="P32" s="103">
        <v>35563</v>
      </c>
      <c r="Q32" s="100">
        <v>0</v>
      </c>
      <c r="R32" s="104">
        <v>66784</v>
      </c>
      <c r="S32" s="104">
        <v>406475</v>
      </c>
      <c r="T32" s="104">
        <v>542533</v>
      </c>
      <c r="U32" s="104">
        <v>114858</v>
      </c>
      <c r="V32" s="104">
        <v>187454</v>
      </c>
      <c r="W32" s="103">
        <v>1318104</v>
      </c>
      <c r="X32" s="106">
        <v>1353667</v>
      </c>
      <c r="Y32" s="100">
        <v>0</v>
      </c>
      <c r="Z32" s="104">
        <v>0</v>
      </c>
      <c r="AA32" s="103">
        <v>0</v>
      </c>
      <c r="AB32" s="100">
        <v>0</v>
      </c>
      <c r="AC32" s="104">
        <v>22334</v>
      </c>
      <c r="AD32" s="104">
        <v>166901</v>
      </c>
      <c r="AE32" s="104">
        <v>341468</v>
      </c>
      <c r="AF32" s="104">
        <v>0</v>
      </c>
      <c r="AG32" s="104">
        <v>26045</v>
      </c>
      <c r="AH32" s="103">
        <v>556748</v>
      </c>
      <c r="AI32" s="106">
        <v>556748</v>
      </c>
      <c r="AJ32" s="100">
        <v>0</v>
      </c>
      <c r="AK32" s="104">
        <v>0</v>
      </c>
      <c r="AL32" s="103">
        <v>0</v>
      </c>
      <c r="AM32" s="100">
        <v>0</v>
      </c>
      <c r="AN32" s="104">
        <v>0</v>
      </c>
      <c r="AO32" s="104">
        <v>0</v>
      </c>
      <c r="AP32" s="104">
        <v>0</v>
      </c>
      <c r="AQ32" s="104">
        <v>42588</v>
      </c>
      <c r="AR32" s="104">
        <v>0</v>
      </c>
      <c r="AS32" s="103">
        <v>42588</v>
      </c>
      <c r="AT32" s="106">
        <v>42588</v>
      </c>
      <c r="AU32" s="100">
        <v>0</v>
      </c>
      <c r="AV32" s="104">
        <v>35563</v>
      </c>
      <c r="AW32" s="103">
        <v>35563</v>
      </c>
      <c r="AX32" s="100">
        <v>0</v>
      </c>
      <c r="AY32" s="104">
        <v>0</v>
      </c>
      <c r="AZ32" s="104">
        <v>212827</v>
      </c>
      <c r="BA32" s="104">
        <v>101588</v>
      </c>
      <c r="BB32" s="104">
        <v>38614</v>
      </c>
      <c r="BC32" s="104">
        <v>109357</v>
      </c>
      <c r="BD32" s="103">
        <v>462386</v>
      </c>
      <c r="BE32" s="106">
        <v>497949</v>
      </c>
      <c r="BF32" s="100">
        <v>0</v>
      </c>
      <c r="BG32" s="104">
        <v>0</v>
      </c>
      <c r="BH32" s="102">
        <v>0</v>
      </c>
      <c r="BI32" s="101">
        <v>0</v>
      </c>
      <c r="BJ32" s="104">
        <v>0</v>
      </c>
      <c r="BK32" s="104">
        <v>0</v>
      </c>
      <c r="BL32" s="104">
        <v>0</v>
      </c>
      <c r="BM32" s="104">
        <v>0</v>
      </c>
      <c r="BN32" s="104">
        <v>0</v>
      </c>
      <c r="BO32" s="103">
        <v>0</v>
      </c>
      <c r="BP32" s="106">
        <v>0</v>
      </c>
      <c r="BQ32" s="100">
        <v>0</v>
      </c>
      <c r="BR32" s="104">
        <v>0</v>
      </c>
      <c r="BS32" s="103">
        <v>0</v>
      </c>
      <c r="BT32" s="100">
        <v>0</v>
      </c>
      <c r="BU32" s="104">
        <v>44450</v>
      </c>
      <c r="BV32" s="104">
        <v>26747</v>
      </c>
      <c r="BW32" s="104">
        <v>99477</v>
      </c>
      <c r="BX32" s="104">
        <v>33656</v>
      </c>
      <c r="BY32" s="104">
        <v>52052</v>
      </c>
      <c r="BZ32" s="103">
        <v>256382</v>
      </c>
      <c r="CA32" s="106">
        <v>256382</v>
      </c>
      <c r="CB32" s="100">
        <v>19205</v>
      </c>
      <c r="CC32" s="104">
        <v>0</v>
      </c>
      <c r="CD32" s="103">
        <v>19205</v>
      </c>
      <c r="CE32" s="100">
        <v>0</v>
      </c>
      <c r="CF32" s="104">
        <v>259265</v>
      </c>
      <c r="CG32" s="104">
        <v>193006</v>
      </c>
      <c r="CH32" s="104">
        <v>210877</v>
      </c>
      <c r="CI32" s="104">
        <v>123270</v>
      </c>
      <c r="CJ32" s="104">
        <v>0</v>
      </c>
      <c r="CK32" s="103">
        <v>786418</v>
      </c>
      <c r="CL32" s="106">
        <v>805623</v>
      </c>
      <c r="CM32" s="100">
        <v>0</v>
      </c>
      <c r="CN32" s="104">
        <v>0</v>
      </c>
      <c r="CO32" s="103">
        <v>0</v>
      </c>
      <c r="CP32" s="101">
        <v>0</v>
      </c>
      <c r="CQ32" s="104">
        <v>188149</v>
      </c>
      <c r="CR32" s="104">
        <v>118120</v>
      </c>
      <c r="CS32" s="104">
        <v>136862</v>
      </c>
      <c r="CT32" s="104">
        <v>123270</v>
      </c>
      <c r="CU32" s="104">
        <v>0</v>
      </c>
      <c r="CV32" s="103">
        <v>566401</v>
      </c>
      <c r="CW32" s="106">
        <v>566401</v>
      </c>
      <c r="CX32" s="100">
        <v>19205</v>
      </c>
      <c r="CY32" s="104">
        <v>0</v>
      </c>
      <c r="CZ32" s="103">
        <v>19205</v>
      </c>
      <c r="DA32" s="100">
        <v>0</v>
      </c>
      <c r="DB32" s="104">
        <v>71116</v>
      </c>
      <c r="DC32" s="104">
        <v>74886</v>
      </c>
      <c r="DD32" s="104">
        <v>74015</v>
      </c>
      <c r="DE32" s="104">
        <v>0</v>
      </c>
      <c r="DF32" s="104">
        <v>0</v>
      </c>
      <c r="DG32" s="103">
        <v>220017</v>
      </c>
      <c r="DH32" s="106">
        <v>239222</v>
      </c>
      <c r="DI32" s="100">
        <v>0</v>
      </c>
      <c r="DJ32" s="104">
        <v>12546</v>
      </c>
      <c r="DK32" s="102">
        <v>12546</v>
      </c>
      <c r="DL32" s="101">
        <v>0</v>
      </c>
      <c r="DM32" s="104">
        <v>35908</v>
      </c>
      <c r="DN32" s="104">
        <v>47906</v>
      </c>
      <c r="DO32" s="104">
        <v>0</v>
      </c>
      <c r="DP32" s="104">
        <v>62070</v>
      </c>
      <c r="DQ32" s="104">
        <v>0</v>
      </c>
      <c r="DR32" s="103">
        <v>145884</v>
      </c>
      <c r="DS32" s="106">
        <v>158430</v>
      </c>
      <c r="DT32" s="100">
        <v>0</v>
      </c>
      <c r="DU32" s="104">
        <v>12546</v>
      </c>
      <c r="DV32" s="103">
        <v>12546</v>
      </c>
      <c r="DW32" s="100">
        <v>0</v>
      </c>
      <c r="DX32" s="104">
        <v>35908</v>
      </c>
      <c r="DY32" s="104">
        <v>33717</v>
      </c>
      <c r="DZ32" s="104">
        <v>0</v>
      </c>
      <c r="EA32" s="104">
        <v>62070</v>
      </c>
      <c r="EB32" s="104">
        <v>0</v>
      </c>
      <c r="EC32" s="103">
        <v>131695</v>
      </c>
      <c r="ED32" s="106">
        <v>144241</v>
      </c>
      <c r="EE32" s="100">
        <v>0</v>
      </c>
      <c r="EF32" s="102">
        <v>0</v>
      </c>
      <c r="EG32" s="103">
        <v>0</v>
      </c>
      <c r="EH32" s="100">
        <v>0</v>
      </c>
      <c r="EI32" s="104">
        <v>0</v>
      </c>
      <c r="EJ32" s="104">
        <v>14189</v>
      </c>
      <c r="EK32" s="104">
        <v>0</v>
      </c>
      <c r="EL32" s="104">
        <v>0</v>
      </c>
      <c r="EM32" s="104">
        <v>0</v>
      </c>
      <c r="EN32" s="102">
        <v>14189</v>
      </c>
      <c r="EO32" s="106">
        <v>14189</v>
      </c>
      <c r="EP32" s="100">
        <v>0</v>
      </c>
      <c r="EQ32" s="104">
        <v>0</v>
      </c>
      <c r="ER32" s="102">
        <v>0</v>
      </c>
      <c r="ES32" s="101">
        <v>0</v>
      </c>
      <c r="ET32" s="104">
        <v>0</v>
      </c>
      <c r="EU32" s="104">
        <v>0</v>
      </c>
      <c r="EV32" s="104">
        <v>0</v>
      </c>
      <c r="EW32" s="104">
        <v>0</v>
      </c>
      <c r="EX32" s="104">
        <v>0</v>
      </c>
      <c r="EY32" s="103">
        <v>0</v>
      </c>
      <c r="EZ32" s="106">
        <v>0</v>
      </c>
      <c r="FA32" s="100">
        <v>0</v>
      </c>
      <c r="FB32" s="104">
        <v>0</v>
      </c>
      <c r="FC32" s="102">
        <v>0</v>
      </c>
      <c r="FD32" s="324"/>
      <c r="FE32" s="104">
        <v>0</v>
      </c>
      <c r="FF32" s="104">
        <v>0</v>
      </c>
      <c r="FG32" s="104">
        <v>0</v>
      </c>
      <c r="FH32" s="104">
        <v>0</v>
      </c>
      <c r="FI32" s="104">
        <v>0</v>
      </c>
      <c r="FJ32" s="103">
        <v>0</v>
      </c>
      <c r="FK32" s="106">
        <v>0</v>
      </c>
      <c r="FL32" s="100">
        <v>86870</v>
      </c>
      <c r="FM32" s="104">
        <v>54600</v>
      </c>
      <c r="FN32" s="103">
        <v>141470</v>
      </c>
      <c r="FO32" s="100">
        <v>0</v>
      </c>
      <c r="FP32" s="104">
        <v>5250</v>
      </c>
      <c r="FQ32" s="104">
        <v>145749</v>
      </c>
      <c r="FR32" s="104">
        <v>112546</v>
      </c>
      <c r="FS32" s="104">
        <v>39900</v>
      </c>
      <c r="FT32" s="104">
        <v>23450</v>
      </c>
      <c r="FU32" s="103">
        <v>326895</v>
      </c>
      <c r="FV32" s="106">
        <v>468365</v>
      </c>
      <c r="FW32" s="105">
        <v>16800</v>
      </c>
      <c r="FX32" s="104">
        <v>54600</v>
      </c>
      <c r="FY32" s="102">
        <v>71400</v>
      </c>
      <c r="FZ32" s="101">
        <v>0</v>
      </c>
      <c r="GA32" s="104">
        <v>5250</v>
      </c>
      <c r="GB32" s="104">
        <v>52472</v>
      </c>
      <c r="GC32" s="104">
        <v>112546</v>
      </c>
      <c r="GD32" s="104">
        <v>39900</v>
      </c>
      <c r="GE32" s="104">
        <v>23450</v>
      </c>
      <c r="GF32" s="103">
        <v>233618</v>
      </c>
      <c r="GG32" s="296">
        <v>305018</v>
      </c>
      <c r="GH32" s="105">
        <v>0</v>
      </c>
      <c r="GI32" s="104">
        <v>0</v>
      </c>
      <c r="GJ32" s="102">
        <v>0</v>
      </c>
      <c r="GK32" s="101">
        <v>0</v>
      </c>
      <c r="GL32" s="104">
        <v>0</v>
      </c>
      <c r="GM32" s="104">
        <v>28212</v>
      </c>
      <c r="GN32" s="104">
        <v>0</v>
      </c>
      <c r="GO32" s="104">
        <v>0</v>
      </c>
      <c r="GP32" s="104">
        <v>0</v>
      </c>
      <c r="GQ32" s="103">
        <v>28212</v>
      </c>
      <c r="GR32" s="106">
        <v>28212</v>
      </c>
      <c r="GS32" s="100">
        <v>70070</v>
      </c>
      <c r="GT32" s="104">
        <v>0</v>
      </c>
      <c r="GU32" s="103">
        <v>70070</v>
      </c>
      <c r="GV32" s="100">
        <v>0</v>
      </c>
      <c r="GW32" s="104">
        <v>0</v>
      </c>
      <c r="GX32" s="104">
        <v>65065</v>
      </c>
      <c r="GY32" s="104">
        <v>0</v>
      </c>
      <c r="GZ32" s="104">
        <v>0</v>
      </c>
      <c r="HA32" s="104">
        <v>0</v>
      </c>
      <c r="HB32" s="102">
        <v>65065</v>
      </c>
      <c r="HC32" s="106">
        <v>135135</v>
      </c>
      <c r="HD32" s="100">
        <v>0</v>
      </c>
      <c r="HE32" s="104">
        <v>0</v>
      </c>
      <c r="HF32" s="102">
        <v>0</v>
      </c>
      <c r="HG32" s="101">
        <v>0</v>
      </c>
      <c r="HH32" s="104">
        <v>444193</v>
      </c>
      <c r="HI32" s="104">
        <v>305890</v>
      </c>
      <c r="HJ32" s="104">
        <v>851241</v>
      </c>
      <c r="HK32" s="104">
        <v>271262</v>
      </c>
      <c r="HL32" s="104">
        <v>411301</v>
      </c>
      <c r="HM32" s="103">
        <v>2283887</v>
      </c>
      <c r="HN32" s="99">
        <v>2283887</v>
      </c>
      <c r="HO32" s="306"/>
      <c r="HP32" s="307"/>
      <c r="HQ32" s="308"/>
      <c r="HR32" s="309"/>
      <c r="HS32" s="307"/>
      <c r="HT32" s="307"/>
      <c r="HU32" s="307"/>
      <c r="HV32" s="307"/>
      <c r="HW32" s="307"/>
      <c r="HX32" s="310"/>
      <c r="HY32" s="311"/>
      <c r="HZ32" s="137">
        <v>0</v>
      </c>
      <c r="IA32" s="122">
        <v>0</v>
      </c>
      <c r="IB32" s="137">
        <v>0</v>
      </c>
      <c r="IC32" s="121">
        <v>0</v>
      </c>
      <c r="ID32" s="122">
        <v>138344</v>
      </c>
      <c r="IE32" s="123">
        <v>74582</v>
      </c>
      <c r="IF32" s="124">
        <v>92652</v>
      </c>
      <c r="IG32" s="122">
        <v>0</v>
      </c>
      <c r="IH32" s="124">
        <v>0</v>
      </c>
      <c r="II32" s="125">
        <v>305578</v>
      </c>
      <c r="IJ32" s="137">
        <v>305578</v>
      </c>
      <c r="IK32" s="219">
        <v>0</v>
      </c>
      <c r="IL32" s="223">
        <v>0</v>
      </c>
      <c r="IM32" s="224">
        <v>0</v>
      </c>
      <c r="IN32" s="127"/>
      <c r="IO32" s="109">
        <v>0</v>
      </c>
      <c r="IP32" s="109">
        <v>0</v>
      </c>
      <c r="IQ32" s="109">
        <v>0</v>
      </c>
      <c r="IR32" s="109">
        <v>0</v>
      </c>
      <c r="IS32" s="109">
        <v>0</v>
      </c>
      <c r="IT32" s="128">
        <v>0</v>
      </c>
      <c r="IU32" s="298">
        <v>0</v>
      </c>
      <c r="IV32" s="129">
        <v>0</v>
      </c>
      <c r="IW32" s="109">
        <v>0</v>
      </c>
      <c r="IX32" s="110">
        <v>0</v>
      </c>
      <c r="IY32" s="131"/>
      <c r="IZ32" s="109">
        <v>0</v>
      </c>
      <c r="JA32" s="109">
        <v>0</v>
      </c>
      <c r="JB32" s="109">
        <v>0</v>
      </c>
      <c r="JC32" s="109">
        <v>0</v>
      </c>
      <c r="JD32" s="109">
        <v>0</v>
      </c>
      <c r="JE32" s="110">
        <v>0</v>
      </c>
      <c r="JF32" s="111">
        <v>0</v>
      </c>
      <c r="JG32" s="129">
        <v>0</v>
      </c>
      <c r="JH32" s="109">
        <v>0</v>
      </c>
      <c r="JI32" s="128">
        <v>0</v>
      </c>
      <c r="JJ32" s="108">
        <v>0</v>
      </c>
      <c r="JK32" s="109">
        <v>138344</v>
      </c>
      <c r="JL32" s="109">
        <v>36908</v>
      </c>
      <c r="JM32" s="109">
        <v>0</v>
      </c>
      <c r="JN32" s="109">
        <v>0</v>
      </c>
      <c r="JO32" s="109">
        <v>0</v>
      </c>
      <c r="JP32" s="110">
        <v>175252</v>
      </c>
      <c r="JQ32" s="298">
        <v>175252</v>
      </c>
      <c r="JR32" s="129">
        <v>0</v>
      </c>
      <c r="JS32" s="109">
        <v>0</v>
      </c>
      <c r="JT32" s="128">
        <v>0</v>
      </c>
      <c r="JU32" s="108">
        <v>0</v>
      </c>
      <c r="JV32" s="109">
        <v>0</v>
      </c>
      <c r="JW32" s="109">
        <v>37674</v>
      </c>
      <c r="JX32" s="109">
        <v>92652</v>
      </c>
      <c r="JY32" s="109">
        <v>0</v>
      </c>
      <c r="JZ32" s="109">
        <v>0</v>
      </c>
      <c r="KA32" s="110">
        <v>130326</v>
      </c>
      <c r="KB32" s="298">
        <v>130326</v>
      </c>
      <c r="KC32" s="221">
        <v>0</v>
      </c>
      <c r="KD32" s="217">
        <v>0</v>
      </c>
      <c r="KE32" s="110">
        <v>0</v>
      </c>
      <c r="KF32" s="108">
        <v>0</v>
      </c>
      <c r="KG32" s="109">
        <v>0</v>
      </c>
      <c r="KH32" s="109">
        <v>0</v>
      </c>
      <c r="KI32" s="109">
        <v>0</v>
      </c>
      <c r="KJ32" s="109">
        <v>0</v>
      </c>
      <c r="KK32" s="109">
        <v>0</v>
      </c>
      <c r="KL32" s="110">
        <v>0</v>
      </c>
      <c r="KM32" s="130">
        <v>0</v>
      </c>
      <c r="KN32" s="219">
        <v>0</v>
      </c>
      <c r="KO32" s="223">
        <v>0</v>
      </c>
      <c r="KP32" s="224">
        <v>0</v>
      </c>
      <c r="KQ32" s="127"/>
      <c r="KR32" s="109">
        <v>0</v>
      </c>
      <c r="KS32" s="109">
        <v>0</v>
      </c>
      <c r="KT32" s="109">
        <v>0</v>
      </c>
      <c r="KU32" s="109">
        <v>0</v>
      </c>
      <c r="KV32" s="109">
        <v>0</v>
      </c>
      <c r="KW32" s="110">
        <v>0</v>
      </c>
      <c r="KX32" s="298">
        <v>0</v>
      </c>
      <c r="KY32" s="129">
        <v>0</v>
      </c>
      <c r="KZ32" s="109">
        <v>0</v>
      </c>
      <c r="LA32" s="110">
        <v>0</v>
      </c>
      <c r="LB32" s="132"/>
      <c r="LC32" s="109">
        <v>0</v>
      </c>
      <c r="LD32" s="109">
        <v>0</v>
      </c>
      <c r="LE32" s="109">
        <v>0</v>
      </c>
      <c r="LF32" s="109">
        <v>0</v>
      </c>
      <c r="LG32" s="109">
        <v>0</v>
      </c>
      <c r="LH32" s="110">
        <v>0</v>
      </c>
      <c r="LI32" s="111">
        <v>0</v>
      </c>
      <c r="LJ32" s="129">
        <v>0</v>
      </c>
      <c r="LK32" s="109">
        <v>0</v>
      </c>
      <c r="LL32" s="110">
        <v>0</v>
      </c>
      <c r="LM32" s="132"/>
      <c r="LN32" s="109">
        <v>0</v>
      </c>
      <c r="LO32" s="109">
        <v>0</v>
      </c>
      <c r="LP32" s="109">
        <v>0</v>
      </c>
      <c r="LQ32" s="109">
        <v>0</v>
      </c>
      <c r="LR32" s="109">
        <v>0</v>
      </c>
      <c r="LS32" s="110">
        <v>0</v>
      </c>
      <c r="LT32" s="298">
        <v>0</v>
      </c>
      <c r="LU32" s="129">
        <v>0</v>
      </c>
      <c r="LV32" s="109">
        <v>0</v>
      </c>
      <c r="LW32" s="110">
        <v>0</v>
      </c>
      <c r="LX32" s="132"/>
      <c r="LY32" s="109">
        <v>0</v>
      </c>
      <c r="LZ32" s="109">
        <v>0</v>
      </c>
      <c r="MA32" s="109">
        <v>0</v>
      </c>
      <c r="MB32" s="109">
        <v>0</v>
      </c>
      <c r="MC32" s="109">
        <v>0</v>
      </c>
      <c r="MD32" s="110">
        <v>0</v>
      </c>
      <c r="ME32" s="111">
        <v>0</v>
      </c>
      <c r="MF32" s="129">
        <v>0</v>
      </c>
      <c r="MG32" s="109">
        <v>0</v>
      </c>
      <c r="MH32" s="110">
        <v>0</v>
      </c>
      <c r="MI32" s="132"/>
      <c r="MJ32" s="109">
        <v>179928</v>
      </c>
      <c r="MK32" s="109">
        <v>0</v>
      </c>
      <c r="ML32" s="109">
        <v>198494</v>
      </c>
      <c r="MM32" s="109">
        <v>219616</v>
      </c>
      <c r="MN32" s="109">
        <v>466379</v>
      </c>
      <c r="MO32" s="110">
        <v>1064417</v>
      </c>
      <c r="MP32" s="130">
        <v>1064417</v>
      </c>
      <c r="MQ32" s="129">
        <v>0</v>
      </c>
      <c r="MR32" s="109">
        <v>0</v>
      </c>
      <c r="MS32" s="110">
        <v>0</v>
      </c>
      <c r="MT32" s="132"/>
      <c r="MU32" s="109">
        <v>0</v>
      </c>
      <c r="MV32" s="109">
        <v>0</v>
      </c>
      <c r="MW32" s="109">
        <v>198494</v>
      </c>
      <c r="MX32" s="109">
        <v>219616</v>
      </c>
      <c r="MY32" s="109">
        <v>232376</v>
      </c>
      <c r="MZ32" s="110">
        <v>650486</v>
      </c>
      <c r="NA32" s="130">
        <v>650486</v>
      </c>
      <c r="NB32" s="129">
        <v>0</v>
      </c>
      <c r="NC32" s="109">
        <v>0</v>
      </c>
      <c r="ND32" s="110">
        <v>0</v>
      </c>
      <c r="NE32" s="132"/>
      <c r="NF32" s="109">
        <v>179928</v>
      </c>
      <c r="NG32" s="109">
        <v>0</v>
      </c>
      <c r="NH32" s="109">
        <v>0</v>
      </c>
      <c r="NI32" s="109">
        <v>0</v>
      </c>
      <c r="NJ32" s="109">
        <v>234003</v>
      </c>
      <c r="NK32" s="110">
        <v>413931</v>
      </c>
      <c r="NL32" s="298">
        <v>413931</v>
      </c>
      <c r="NM32" s="129">
        <v>0</v>
      </c>
      <c r="NN32" s="109">
        <v>0</v>
      </c>
      <c r="NO32" s="110">
        <v>0</v>
      </c>
      <c r="NP32" s="132"/>
      <c r="NQ32" s="109">
        <v>0</v>
      </c>
      <c r="NR32" s="109">
        <v>0</v>
      </c>
      <c r="NS32" s="109">
        <v>0</v>
      </c>
      <c r="NT32" s="109">
        <v>0</v>
      </c>
      <c r="NU32" s="109">
        <v>0</v>
      </c>
      <c r="NV32" s="110">
        <v>0</v>
      </c>
      <c r="NW32" s="111">
        <v>0</v>
      </c>
      <c r="NX32" s="129">
        <v>0</v>
      </c>
      <c r="NY32" s="109">
        <v>0</v>
      </c>
      <c r="NZ32" s="110">
        <v>0</v>
      </c>
      <c r="OA32" s="132"/>
      <c r="OB32" s="109">
        <v>0</v>
      </c>
      <c r="OC32" s="109">
        <v>0</v>
      </c>
      <c r="OD32" s="109">
        <v>0</v>
      </c>
      <c r="OE32" s="109">
        <v>0</v>
      </c>
      <c r="OF32" s="109">
        <v>0</v>
      </c>
      <c r="OG32" s="110">
        <v>0</v>
      </c>
      <c r="OH32" s="111">
        <v>0</v>
      </c>
      <c r="OI32" s="129">
        <v>106075</v>
      </c>
      <c r="OJ32" s="109">
        <v>102709</v>
      </c>
      <c r="OK32" s="128">
        <v>208784</v>
      </c>
      <c r="OL32" s="108">
        <v>0</v>
      </c>
      <c r="OM32" s="109">
        <v>1129672</v>
      </c>
      <c r="ON32" s="109">
        <v>1173608</v>
      </c>
      <c r="OO32" s="109">
        <v>2008343</v>
      </c>
      <c r="OP32" s="109">
        <v>830976</v>
      </c>
      <c r="OQ32" s="109">
        <v>1088584</v>
      </c>
      <c r="OR32" s="110">
        <v>6231183</v>
      </c>
      <c r="OS32" s="130">
        <v>6439967</v>
      </c>
    </row>
    <row r="33" spans="2:409" ht="21" customHeight="1" x14ac:dyDescent="0.2">
      <c r="B33" s="472" t="s">
        <v>28</v>
      </c>
      <c r="C33" s="100">
        <v>0</v>
      </c>
      <c r="D33" s="104">
        <v>7700</v>
      </c>
      <c r="E33" s="103">
        <v>7700</v>
      </c>
      <c r="F33" s="99">
        <v>0</v>
      </c>
      <c r="G33" s="104">
        <v>63326</v>
      </c>
      <c r="H33" s="104">
        <v>260792</v>
      </c>
      <c r="I33" s="104">
        <v>583114</v>
      </c>
      <c r="J33" s="104">
        <v>401092</v>
      </c>
      <c r="K33" s="104">
        <v>0</v>
      </c>
      <c r="L33" s="160">
        <v>1308324</v>
      </c>
      <c r="M33" s="106">
        <v>1316024</v>
      </c>
      <c r="N33" s="100">
        <v>0</v>
      </c>
      <c r="O33" s="104">
        <v>0</v>
      </c>
      <c r="P33" s="103">
        <v>0</v>
      </c>
      <c r="Q33" s="100">
        <v>0</v>
      </c>
      <c r="R33" s="104">
        <v>35032</v>
      </c>
      <c r="S33" s="104">
        <v>107652</v>
      </c>
      <c r="T33" s="104">
        <v>61852</v>
      </c>
      <c r="U33" s="104">
        <v>84987</v>
      </c>
      <c r="V33" s="104">
        <v>0</v>
      </c>
      <c r="W33" s="103">
        <v>289523</v>
      </c>
      <c r="X33" s="106">
        <v>289523</v>
      </c>
      <c r="Y33" s="100">
        <v>0</v>
      </c>
      <c r="Z33" s="104">
        <v>0</v>
      </c>
      <c r="AA33" s="103">
        <v>0</v>
      </c>
      <c r="AB33" s="100">
        <v>0</v>
      </c>
      <c r="AC33" s="104">
        <v>35032</v>
      </c>
      <c r="AD33" s="104">
        <v>46972</v>
      </c>
      <c r="AE33" s="104">
        <v>0</v>
      </c>
      <c r="AF33" s="104">
        <v>65177</v>
      </c>
      <c r="AG33" s="104">
        <v>0</v>
      </c>
      <c r="AH33" s="103">
        <v>147181</v>
      </c>
      <c r="AI33" s="106">
        <v>147181</v>
      </c>
      <c r="AJ33" s="100">
        <v>0</v>
      </c>
      <c r="AK33" s="104">
        <v>0</v>
      </c>
      <c r="AL33" s="103">
        <v>0</v>
      </c>
      <c r="AM33" s="100">
        <v>0</v>
      </c>
      <c r="AN33" s="104">
        <v>0</v>
      </c>
      <c r="AO33" s="104">
        <v>0</v>
      </c>
      <c r="AP33" s="104">
        <v>0</v>
      </c>
      <c r="AQ33" s="104">
        <v>0</v>
      </c>
      <c r="AR33" s="104">
        <v>0</v>
      </c>
      <c r="AS33" s="103">
        <v>0</v>
      </c>
      <c r="AT33" s="106">
        <v>0</v>
      </c>
      <c r="AU33" s="100">
        <v>0</v>
      </c>
      <c r="AV33" s="104">
        <v>0</v>
      </c>
      <c r="AW33" s="103">
        <v>0</v>
      </c>
      <c r="AX33" s="100">
        <v>0</v>
      </c>
      <c r="AY33" s="104">
        <v>0</v>
      </c>
      <c r="AZ33" s="104">
        <v>43530</v>
      </c>
      <c r="BA33" s="104">
        <v>29064</v>
      </c>
      <c r="BB33" s="104">
        <v>0</v>
      </c>
      <c r="BC33" s="104">
        <v>0</v>
      </c>
      <c r="BD33" s="103">
        <v>72594</v>
      </c>
      <c r="BE33" s="106">
        <v>72594</v>
      </c>
      <c r="BF33" s="100">
        <v>0</v>
      </c>
      <c r="BG33" s="104">
        <v>0</v>
      </c>
      <c r="BH33" s="102">
        <v>0</v>
      </c>
      <c r="BI33" s="101">
        <v>0</v>
      </c>
      <c r="BJ33" s="104">
        <v>0</v>
      </c>
      <c r="BK33" s="104">
        <v>0</v>
      </c>
      <c r="BL33" s="104">
        <v>0</v>
      </c>
      <c r="BM33" s="104">
        <v>0</v>
      </c>
      <c r="BN33" s="104">
        <v>0</v>
      </c>
      <c r="BO33" s="103">
        <v>0</v>
      </c>
      <c r="BP33" s="106">
        <v>0</v>
      </c>
      <c r="BQ33" s="100">
        <v>0</v>
      </c>
      <c r="BR33" s="104">
        <v>0</v>
      </c>
      <c r="BS33" s="103">
        <v>0</v>
      </c>
      <c r="BT33" s="100">
        <v>0</v>
      </c>
      <c r="BU33" s="104">
        <v>0</v>
      </c>
      <c r="BV33" s="104">
        <v>17150</v>
      </c>
      <c r="BW33" s="104">
        <v>32788</v>
      </c>
      <c r="BX33" s="104">
        <v>19810</v>
      </c>
      <c r="BY33" s="104">
        <v>0</v>
      </c>
      <c r="BZ33" s="103">
        <v>69748</v>
      </c>
      <c r="CA33" s="106">
        <v>69748</v>
      </c>
      <c r="CB33" s="100">
        <v>0</v>
      </c>
      <c r="CC33" s="104">
        <v>0</v>
      </c>
      <c r="CD33" s="103">
        <v>0</v>
      </c>
      <c r="CE33" s="100">
        <v>0</v>
      </c>
      <c r="CF33" s="104">
        <v>22834</v>
      </c>
      <c r="CG33" s="104">
        <v>64359</v>
      </c>
      <c r="CH33" s="104">
        <v>213231</v>
      </c>
      <c r="CI33" s="104">
        <v>104244</v>
      </c>
      <c r="CJ33" s="104">
        <v>0</v>
      </c>
      <c r="CK33" s="103">
        <v>404668</v>
      </c>
      <c r="CL33" s="106">
        <v>404668</v>
      </c>
      <c r="CM33" s="100">
        <v>0</v>
      </c>
      <c r="CN33" s="104">
        <v>0</v>
      </c>
      <c r="CO33" s="103">
        <v>0</v>
      </c>
      <c r="CP33" s="101">
        <v>0</v>
      </c>
      <c r="CQ33" s="104">
        <v>22834</v>
      </c>
      <c r="CR33" s="104">
        <v>51597</v>
      </c>
      <c r="CS33" s="104">
        <v>182081</v>
      </c>
      <c r="CT33" s="104">
        <v>104244</v>
      </c>
      <c r="CU33" s="104">
        <v>0</v>
      </c>
      <c r="CV33" s="103">
        <v>360756</v>
      </c>
      <c r="CW33" s="106">
        <v>360756</v>
      </c>
      <c r="CX33" s="100">
        <v>0</v>
      </c>
      <c r="CY33" s="104">
        <v>0</v>
      </c>
      <c r="CZ33" s="103">
        <v>0</v>
      </c>
      <c r="DA33" s="100">
        <v>0</v>
      </c>
      <c r="DB33" s="104">
        <v>0</v>
      </c>
      <c r="DC33" s="104">
        <v>12762</v>
      </c>
      <c r="DD33" s="104">
        <v>31150</v>
      </c>
      <c r="DE33" s="104">
        <v>0</v>
      </c>
      <c r="DF33" s="104">
        <v>0</v>
      </c>
      <c r="DG33" s="103">
        <v>43912</v>
      </c>
      <c r="DH33" s="106">
        <v>43912</v>
      </c>
      <c r="DI33" s="100">
        <v>0</v>
      </c>
      <c r="DJ33" s="104">
        <v>0</v>
      </c>
      <c r="DK33" s="102">
        <v>0</v>
      </c>
      <c r="DL33" s="101">
        <v>0</v>
      </c>
      <c r="DM33" s="104">
        <v>0</v>
      </c>
      <c r="DN33" s="104">
        <v>42091</v>
      </c>
      <c r="DO33" s="104">
        <v>128949</v>
      </c>
      <c r="DP33" s="104">
        <v>0</v>
      </c>
      <c r="DQ33" s="104">
        <v>0</v>
      </c>
      <c r="DR33" s="103">
        <v>171040</v>
      </c>
      <c r="DS33" s="106">
        <v>171040</v>
      </c>
      <c r="DT33" s="100">
        <v>0</v>
      </c>
      <c r="DU33" s="104">
        <v>0</v>
      </c>
      <c r="DV33" s="103">
        <v>0</v>
      </c>
      <c r="DW33" s="100">
        <v>0</v>
      </c>
      <c r="DX33" s="104">
        <v>0</v>
      </c>
      <c r="DY33" s="104">
        <v>42091</v>
      </c>
      <c r="DZ33" s="104">
        <v>128949</v>
      </c>
      <c r="EA33" s="104">
        <v>0</v>
      </c>
      <c r="EB33" s="104">
        <v>0</v>
      </c>
      <c r="EC33" s="103">
        <v>171040</v>
      </c>
      <c r="ED33" s="106">
        <v>171040</v>
      </c>
      <c r="EE33" s="100">
        <v>0</v>
      </c>
      <c r="EF33" s="102">
        <v>0</v>
      </c>
      <c r="EG33" s="103">
        <v>0</v>
      </c>
      <c r="EH33" s="100">
        <v>0</v>
      </c>
      <c r="EI33" s="104">
        <v>0</v>
      </c>
      <c r="EJ33" s="104">
        <v>0</v>
      </c>
      <c r="EK33" s="104">
        <v>0</v>
      </c>
      <c r="EL33" s="104">
        <v>0</v>
      </c>
      <c r="EM33" s="104">
        <v>0</v>
      </c>
      <c r="EN33" s="102">
        <v>0</v>
      </c>
      <c r="EO33" s="106">
        <v>0</v>
      </c>
      <c r="EP33" s="100">
        <v>0</v>
      </c>
      <c r="EQ33" s="104">
        <v>0</v>
      </c>
      <c r="ER33" s="102">
        <v>0</v>
      </c>
      <c r="ES33" s="101">
        <v>0</v>
      </c>
      <c r="ET33" s="104">
        <v>0</v>
      </c>
      <c r="EU33" s="104">
        <v>0</v>
      </c>
      <c r="EV33" s="104">
        <v>0</v>
      </c>
      <c r="EW33" s="104">
        <v>0</v>
      </c>
      <c r="EX33" s="104">
        <v>0</v>
      </c>
      <c r="EY33" s="103">
        <v>0</v>
      </c>
      <c r="EZ33" s="106">
        <v>0</v>
      </c>
      <c r="FA33" s="100">
        <v>0</v>
      </c>
      <c r="FB33" s="104">
        <v>0</v>
      </c>
      <c r="FC33" s="102">
        <v>0</v>
      </c>
      <c r="FD33" s="324"/>
      <c r="FE33" s="104">
        <v>0</v>
      </c>
      <c r="FF33" s="104">
        <v>0</v>
      </c>
      <c r="FG33" s="104">
        <v>0</v>
      </c>
      <c r="FH33" s="104">
        <v>0</v>
      </c>
      <c r="FI33" s="104">
        <v>0</v>
      </c>
      <c r="FJ33" s="103">
        <v>0</v>
      </c>
      <c r="FK33" s="106">
        <v>0</v>
      </c>
      <c r="FL33" s="100">
        <v>0</v>
      </c>
      <c r="FM33" s="104">
        <v>7700</v>
      </c>
      <c r="FN33" s="103">
        <v>7700</v>
      </c>
      <c r="FO33" s="100">
        <v>0</v>
      </c>
      <c r="FP33" s="104">
        <v>5460</v>
      </c>
      <c r="FQ33" s="104">
        <v>46690</v>
      </c>
      <c r="FR33" s="104">
        <v>11550</v>
      </c>
      <c r="FS33" s="104">
        <v>21350</v>
      </c>
      <c r="FT33" s="104">
        <v>0</v>
      </c>
      <c r="FU33" s="103">
        <v>85050</v>
      </c>
      <c r="FV33" s="106">
        <v>92750</v>
      </c>
      <c r="FW33" s="105">
        <v>0</v>
      </c>
      <c r="FX33" s="104">
        <v>7700</v>
      </c>
      <c r="FY33" s="102">
        <v>7700</v>
      </c>
      <c r="FZ33" s="101">
        <v>0</v>
      </c>
      <c r="GA33" s="104">
        <v>5460</v>
      </c>
      <c r="GB33" s="104">
        <v>27286</v>
      </c>
      <c r="GC33" s="104">
        <v>11550</v>
      </c>
      <c r="GD33" s="104">
        <v>21350</v>
      </c>
      <c r="GE33" s="104">
        <v>0</v>
      </c>
      <c r="GF33" s="103">
        <v>65646</v>
      </c>
      <c r="GG33" s="296">
        <v>73346</v>
      </c>
      <c r="GH33" s="105">
        <v>0</v>
      </c>
      <c r="GI33" s="104">
        <v>0</v>
      </c>
      <c r="GJ33" s="102">
        <v>0</v>
      </c>
      <c r="GK33" s="101">
        <v>0</v>
      </c>
      <c r="GL33" s="104">
        <v>0</v>
      </c>
      <c r="GM33" s="104">
        <v>19404</v>
      </c>
      <c r="GN33" s="104">
        <v>0</v>
      </c>
      <c r="GO33" s="104">
        <v>0</v>
      </c>
      <c r="GP33" s="104">
        <v>0</v>
      </c>
      <c r="GQ33" s="103">
        <v>19404</v>
      </c>
      <c r="GR33" s="106">
        <v>19404</v>
      </c>
      <c r="GS33" s="100">
        <v>0</v>
      </c>
      <c r="GT33" s="104">
        <v>0</v>
      </c>
      <c r="GU33" s="103">
        <v>0</v>
      </c>
      <c r="GV33" s="100">
        <v>0</v>
      </c>
      <c r="GW33" s="104">
        <v>0</v>
      </c>
      <c r="GX33" s="104">
        <v>0</v>
      </c>
      <c r="GY33" s="104">
        <v>0</v>
      </c>
      <c r="GZ33" s="104">
        <v>0</v>
      </c>
      <c r="HA33" s="104">
        <v>0</v>
      </c>
      <c r="HB33" s="102">
        <v>0</v>
      </c>
      <c r="HC33" s="106">
        <v>0</v>
      </c>
      <c r="HD33" s="100">
        <v>0</v>
      </c>
      <c r="HE33" s="104">
        <v>0</v>
      </c>
      <c r="HF33" s="102">
        <v>0</v>
      </c>
      <c r="HG33" s="101">
        <v>0</v>
      </c>
      <c r="HH33" s="104">
        <v>0</v>
      </c>
      <c r="HI33" s="104">
        <v>0</v>
      </c>
      <c r="HJ33" s="104">
        <v>167532</v>
      </c>
      <c r="HK33" s="104">
        <v>190511</v>
      </c>
      <c r="HL33" s="104">
        <v>0</v>
      </c>
      <c r="HM33" s="103">
        <v>358043</v>
      </c>
      <c r="HN33" s="99">
        <v>358043</v>
      </c>
      <c r="HO33" s="306"/>
      <c r="HP33" s="307"/>
      <c r="HQ33" s="308"/>
      <c r="HR33" s="309"/>
      <c r="HS33" s="307"/>
      <c r="HT33" s="307"/>
      <c r="HU33" s="307"/>
      <c r="HV33" s="307"/>
      <c r="HW33" s="307"/>
      <c r="HX33" s="310"/>
      <c r="HY33" s="311"/>
      <c r="HZ33" s="118">
        <v>0</v>
      </c>
      <c r="IA33" s="119">
        <v>0</v>
      </c>
      <c r="IB33" s="120">
        <v>0</v>
      </c>
      <c r="IC33" s="133">
        <v>0</v>
      </c>
      <c r="ID33" s="119">
        <v>88417</v>
      </c>
      <c r="IE33" s="134">
        <v>229495</v>
      </c>
      <c r="IF33" s="120">
        <v>0</v>
      </c>
      <c r="IG33" s="119">
        <v>0</v>
      </c>
      <c r="IH33" s="120">
        <v>0</v>
      </c>
      <c r="II33" s="135">
        <v>317912</v>
      </c>
      <c r="IJ33" s="126">
        <v>317912</v>
      </c>
      <c r="IK33" s="219">
        <v>0</v>
      </c>
      <c r="IL33" s="223">
        <v>0</v>
      </c>
      <c r="IM33" s="224">
        <v>0</v>
      </c>
      <c r="IN33" s="127"/>
      <c r="IO33" s="109">
        <v>0</v>
      </c>
      <c r="IP33" s="109">
        <v>0</v>
      </c>
      <c r="IQ33" s="109">
        <v>0</v>
      </c>
      <c r="IR33" s="109">
        <v>0</v>
      </c>
      <c r="IS33" s="109">
        <v>0</v>
      </c>
      <c r="IT33" s="128">
        <v>0</v>
      </c>
      <c r="IU33" s="298">
        <v>0</v>
      </c>
      <c r="IV33" s="129">
        <v>0</v>
      </c>
      <c r="IW33" s="109">
        <v>0</v>
      </c>
      <c r="IX33" s="110">
        <v>0</v>
      </c>
      <c r="IY33" s="131"/>
      <c r="IZ33" s="109">
        <v>0</v>
      </c>
      <c r="JA33" s="109">
        <v>0</v>
      </c>
      <c r="JB33" s="109">
        <v>0</v>
      </c>
      <c r="JC33" s="109">
        <v>0</v>
      </c>
      <c r="JD33" s="109">
        <v>0</v>
      </c>
      <c r="JE33" s="110">
        <v>0</v>
      </c>
      <c r="JF33" s="111">
        <v>0</v>
      </c>
      <c r="JG33" s="129">
        <v>0</v>
      </c>
      <c r="JH33" s="109">
        <v>0</v>
      </c>
      <c r="JI33" s="128">
        <v>0</v>
      </c>
      <c r="JJ33" s="108">
        <v>0</v>
      </c>
      <c r="JK33" s="109">
        <v>88417</v>
      </c>
      <c r="JL33" s="109">
        <v>15113</v>
      </c>
      <c r="JM33" s="109">
        <v>0</v>
      </c>
      <c r="JN33" s="109">
        <v>0</v>
      </c>
      <c r="JO33" s="109">
        <v>0</v>
      </c>
      <c r="JP33" s="110">
        <v>103530</v>
      </c>
      <c r="JQ33" s="298">
        <v>103530</v>
      </c>
      <c r="JR33" s="129">
        <v>0</v>
      </c>
      <c r="JS33" s="109">
        <v>0</v>
      </c>
      <c r="JT33" s="128">
        <v>0</v>
      </c>
      <c r="JU33" s="108">
        <v>0</v>
      </c>
      <c r="JV33" s="109">
        <v>0</v>
      </c>
      <c r="JW33" s="109">
        <v>0</v>
      </c>
      <c r="JX33" s="109">
        <v>0</v>
      </c>
      <c r="JY33" s="109">
        <v>0</v>
      </c>
      <c r="JZ33" s="109">
        <v>0</v>
      </c>
      <c r="KA33" s="110">
        <v>0</v>
      </c>
      <c r="KB33" s="298">
        <v>0</v>
      </c>
      <c r="KC33" s="221">
        <v>0</v>
      </c>
      <c r="KD33" s="217">
        <v>0</v>
      </c>
      <c r="KE33" s="110">
        <v>0</v>
      </c>
      <c r="KF33" s="108">
        <v>0</v>
      </c>
      <c r="KG33" s="109">
        <v>0</v>
      </c>
      <c r="KH33" s="109">
        <v>0</v>
      </c>
      <c r="KI33" s="109">
        <v>0</v>
      </c>
      <c r="KJ33" s="109">
        <v>0</v>
      </c>
      <c r="KK33" s="109">
        <v>0</v>
      </c>
      <c r="KL33" s="110">
        <v>0</v>
      </c>
      <c r="KM33" s="130">
        <v>0</v>
      </c>
      <c r="KN33" s="219">
        <v>0</v>
      </c>
      <c r="KO33" s="223">
        <v>0</v>
      </c>
      <c r="KP33" s="224">
        <v>0</v>
      </c>
      <c r="KQ33" s="127"/>
      <c r="KR33" s="109">
        <v>0</v>
      </c>
      <c r="KS33" s="109">
        <v>214382</v>
      </c>
      <c r="KT33" s="109">
        <v>0</v>
      </c>
      <c r="KU33" s="109">
        <v>0</v>
      </c>
      <c r="KV33" s="109">
        <v>0</v>
      </c>
      <c r="KW33" s="110">
        <v>214382</v>
      </c>
      <c r="KX33" s="298">
        <v>214382</v>
      </c>
      <c r="KY33" s="129">
        <v>0</v>
      </c>
      <c r="KZ33" s="109">
        <v>0</v>
      </c>
      <c r="LA33" s="110">
        <v>0</v>
      </c>
      <c r="LB33" s="132"/>
      <c r="LC33" s="109">
        <v>0</v>
      </c>
      <c r="LD33" s="109">
        <v>0</v>
      </c>
      <c r="LE33" s="109">
        <v>0</v>
      </c>
      <c r="LF33" s="109">
        <v>0</v>
      </c>
      <c r="LG33" s="109">
        <v>0</v>
      </c>
      <c r="LH33" s="110">
        <v>0</v>
      </c>
      <c r="LI33" s="111">
        <v>0</v>
      </c>
      <c r="LJ33" s="129">
        <v>0</v>
      </c>
      <c r="LK33" s="109">
        <v>0</v>
      </c>
      <c r="LL33" s="110">
        <v>0</v>
      </c>
      <c r="LM33" s="132"/>
      <c r="LN33" s="109">
        <v>0</v>
      </c>
      <c r="LO33" s="109">
        <v>0</v>
      </c>
      <c r="LP33" s="109">
        <v>0</v>
      </c>
      <c r="LQ33" s="109">
        <v>0</v>
      </c>
      <c r="LR33" s="109">
        <v>0</v>
      </c>
      <c r="LS33" s="110">
        <v>0</v>
      </c>
      <c r="LT33" s="298">
        <v>0</v>
      </c>
      <c r="LU33" s="129">
        <v>0</v>
      </c>
      <c r="LV33" s="109">
        <v>0</v>
      </c>
      <c r="LW33" s="110">
        <v>0</v>
      </c>
      <c r="LX33" s="132"/>
      <c r="LY33" s="109">
        <v>0</v>
      </c>
      <c r="LZ33" s="109">
        <v>0</v>
      </c>
      <c r="MA33" s="109">
        <v>0</v>
      </c>
      <c r="MB33" s="109">
        <v>0</v>
      </c>
      <c r="MC33" s="109">
        <v>0</v>
      </c>
      <c r="MD33" s="110">
        <v>0</v>
      </c>
      <c r="ME33" s="111">
        <v>0</v>
      </c>
      <c r="MF33" s="129">
        <v>0</v>
      </c>
      <c r="MG33" s="109">
        <v>0</v>
      </c>
      <c r="MH33" s="110">
        <v>0</v>
      </c>
      <c r="MI33" s="132"/>
      <c r="MJ33" s="109">
        <v>0</v>
      </c>
      <c r="MK33" s="109">
        <v>0</v>
      </c>
      <c r="ML33" s="109">
        <v>0</v>
      </c>
      <c r="MM33" s="109">
        <v>0</v>
      </c>
      <c r="MN33" s="109">
        <v>0</v>
      </c>
      <c r="MO33" s="110">
        <v>0</v>
      </c>
      <c r="MP33" s="130">
        <v>0</v>
      </c>
      <c r="MQ33" s="129">
        <v>0</v>
      </c>
      <c r="MR33" s="109">
        <v>0</v>
      </c>
      <c r="MS33" s="110">
        <v>0</v>
      </c>
      <c r="MT33" s="132"/>
      <c r="MU33" s="109">
        <v>0</v>
      </c>
      <c r="MV33" s="109">
        <v>0</v>
      </c>
      <c r="MW33" s="109">
        <v>0</v>
      </c>
      <c r="MX33" s="109">
        <v>0</v>
      </c>
      <c r="MY33" s="109">
        <v>0</v>
      </c>
      <c r="MZ33" s="110">
        <v>0</v>
      </c>
      <c r="NA33" s="130">
        <v>0</v>
      </c>
      <c r="NB33" s="129">
        <v>0</v>
      </c>
      <c r="NC33" s="109">
        <v>0</v>
      </c>
      <c r="ND33" s="110">
        <v>0</v>
      </c>
      <c r="NE33" s="132"/>
      <c r="NF33" s="109">
        <v>0</v>
      </c>
      <c r="NG33" s="109">
        <v>0</v>
      </c>
      <c r="NH33" s="109">
        <v>0</v>
      </c>
      <c r="NI33" s="109">
        <v>0</v>
      </c>
      <c r="NJ33" s="109">
        <v>0</v>
      </c>
      <c r="NK33" s="110">
        <v>0</v>
      </c>
      <c r="NL33" s="298">
        <v>0</v>
      </c>
      <c r="NM33" s="129">
        <v>0</v>
      </c>
      <c r="NN33" s="109">
        <v>0</v>
      </c>
      <c r="NO33" s="110">
        <v>0</v>
      </c>
      <c r="NP33" s="132"/>
      <c r="NQ33" s="109">
        <v>0</v>
      </c>
      <c r="NR33" s="109">
        <v>0</v>
      </c>
      <c r="NS33" s="109">
        <v>0</v>
      </c>
      <c r="NT33" s="109">
        <v>0</v>
      </c>
      <c r="NU33" s="109">
        <v>0</v>
      </c>
      <c r="NV33" s="110">
        <v>0</v>
      </c>
      <c r="NW33" s="111">
        <v>0</v>
      </c>
      <c r="NX33" s="129">
        <v>0</v>
      </c>
      <c r="NY33" s="109">
        <v>0</v>
      </c>
      <c r="NZ33" s="110">
        <v>0</v>
      </c>
      <c r="OA33" s="132"/>
      <c r="OB33" s="109">
        <v>0</v>
      </c>
      <c r="OC33" s="109">
        <v>0</v>
      </c>
      <c r="OD33" s="109">
        <v>0</v>
      </c>
      <c r="OE33" s="109">
        <v>0</v>
      </c>
      <c r="OF33" s="109">
        <v>0</v>
      </c>
      <c r="OG33" s="110">
        <v>0</v>
      </c>
      <c r="OH33" s="111">
        <v>0</v>
      </c>
      <c r="OI33" s="129">
        <v>0</v>
      </c>
      <c r="OJ33" s="109">
        <v>7700</v>
      </c>
      <c r="OK33" s="128">
        <v>7700</v>
      </c>
      <c r="OL33" s="108">
        <v>0</v>
      </c>
      <c r="OM33" s="109">
        <v>151743</v>
      </c>
      <c r="ON33" s="109">
        <v>490287</v>
      </c>
      <c r="OO33" s="109">
        <v>583114</v>
      </c>
      <c r="OP33" s="109">
        <v>401092</v>
      </c>
      <c r="OQ33" s="109">
        <v>0</v>
      </c>
      <c r="OR33" s="110">
        <v>1626236</v>
      </c>
      <c r="OS33" s="130">
        <v>1633936</v>
      </c>
    </row>
    <row r="34" spans="2:409" ht="21" customHeight="1" x14ac:dyDescent="0.2">
      <c r="B34" s="472" t="s">
        <v>29</v>
      </c>
      <c r="C34" s="100">
        <v>0</v>
      </c>
      <c r="D34" s="104">
        <v>67032</v>
      </c>
      <c r="E34" s="103">
        <v>67032</v>
      </c>
      <c r="F34" s="99">
        <v>0</v>
      </c>
      <c r="G34" s="104">
        <v>418581</v>
      </c>
      <c r="H34" s="104">
        <v>657202</v>
      </c>
      <c r="I34" s="104">
        <v>244428</v>
      </c>
      <c r="J34" s="104">
        <v>522876</v>
      </c>
      <c r="K34" s="104">
        <v>0</v>
      </c>
      <c r="L34" s="160">
        <v>1843087</v>
      </c>
      <c r="M34" s="106">
        <v>1910119</v>
      </c>
      <c r="N34" s="100">
        <v>0</v>
      </c>
      <c r="O34" s="104">
        <v>54432</v>
      </c>
      <c r="P34" s="103">
        <v>54432</v>
      </c>
      <c r="Q34" s="100">
        <v>0</v>
      </c>
      <c r="R34" s="104">
        <v>158031</v>
      </c>
      <c r="S34" s="104">
        <v>159135</v>
      </c>
      <c r="T34" s="104">
        <v>85339</v>
      </c>
      <c r="U34" s="104">
        <v>280134</v>
      </c>
      <c r="V34" s="104">
        <v>0</v>
      </c>
      <c r="W34" s="103">
        <v>682639</v>
      </c>
      <c r="X34" s="106">
        <v>737071</v>
      </c>
      <c r="Y34" s="100">
        <v>0</v>
      </c>
      <c r="Z34" s="104">
        <v>0</v>
      </c>
      <c r="AA34" s="103">
        <v>0</v>
      </c>
      <c r="AB34" s="100">
        <v>0</v>
      </c>
      <c r="AC34" s="104">
        <v>26677</v>
      </c>
      <c r="AD34" s="104">
        <v>76304</v>
      </c>
      <c r="AE34" s="104">
        <v>0</v>
      </c>
      <c r="AF34" s="104">
        <v>213298</v>
      </c>
      <c r="AG34" s="104">
        <v>0</v>
      </c>
      <c r="AH34" s="103">
        <v>316279</v>
      </c>
      <c r="AI34" s="106">
        <v>316279</v>
      </c>
      <c r="AJ34" s="100">
        <v>0</v>
      </c>
      <c r="AK34" s="104">
        <v>0</v>
      </c>
      <c r="AL34" s="103">
        <v>0</v>
      </c>
      <c r="AM34" s="100">
        <v>0</v>
      </c>
      <c r="AN34" s="104">
        <v>0</v>
      </c>
      <c r="AO34" s="104">
        <v>0</v>
      </c>
      <c r="AP34" s="104">
        <v>11545</v>
      </c>
      <c r="AQ34" s="104">
        <v>0</v>
      </c>
      <c r="AR34" s="104">
        <v>0</v>
      </c>
      <c r="AS34" s="103">
        <v>11545</v>
      </c>
      <c r="AT34" s="106">
        <v>11545</v>
      </c>
      <c r="AU34" s="100">
        <v>0</v>
      </c>
      <c r="AV34" s="104">
        <v>54432</v>
      </c>
      <c r="AW34" s="103">
        <v>54432</v>
      </c>
      <c r="AX34" s="100">
        <v>0</v>
      </c>
      <c r="AY34" s="104">
        <v>78084</v>
      </c>
      <c r="AZ34" s="104">
        <v>46459</v>
      </c>
      <c r="BA34" s="104">
        <v>71708</v>
      </c>
      <c r="BB34" s="104">
        <v>32963</v>
      </c>
      <c r="BC34" s="104">
        <v>0</v>
      </c>
      <c r="BD34" s="103">
        <v>229214</v>
      </c>
      <c r="BE34" s="106">
        <v>283646</v>
      </c>
      <c r="BF34" s="100">
        <v>0</v>
      </c>
      <c r="BG34" s="104">
        <v>0</v>
      </c>
      <c r="BH34" s="102">
        <v>0</v>
      </c>
      <c r="BI34" s="101">
        <v>0</v>
      </c>
      <c r="BJ34" s="104">
        <v>33460</v>
      </c>
      <c r="BK34" s="104">
        <v>0</v>
      </c>
      <c r="BL34" s="104">
        <v>0</v>
      </c>
      <c r="BM34" s="104">
        <v>26768</v>
      </c>
      <c r="BN34" s="104">
        <v>0</v>
      </c>
      <c r="BO34" s="103">
        <v>60228</v>
      </c>
      <c r="BP34" s="106">
        <v>60228</v>
      </c>
      <c r="BQ34" s="100">
        <v>0</v>
      </c>
      <c r="BR34" s="104">
        <v>0</v>
      </c>
      <c r="BS34" s="103">
        <v>0</v>
      </c>
      <c r="BT34" s="100">
        <v>0</v>
      </c>
      <c r="BU34" s="104">
        <v>19810</v>
      </c>
      <c r="BV34" s="104">
        <v>36372</v>
      </c>
      <c r="BW34" s="104">
        <v>2086</v>
      </c>
      <c r="BX34" s="104">
        <v>7105</v>
      </c>
      <c r="BY34" s="104">
        <v>0</v>
      </c>
      <c r="BZ34" s="103">
        <v>65373</v>
      </c>
      <c r="CA34" s="106">
        <v>65373</v>
      </c>
      <c r="CB34" s="100">
        <v>0</v>
      </c>
      <c r="CC34" s="104">
        <v>0</v>
      </c>
      <c r="CD34" s="103">
        <v>0</v>
      </c>
      <c r="CE34" s="100">
        <v>0</v>
      </c>
      <c r="CF34" s="104">
        <v>97261</v>
      </c>
      <c r="CG34" s="104">
        <v>16478</v>
      </c>
      <c r="CH34" s="104">
        <v>101024</v>
      </c>
      <c r="CI34" s="104">
        <v>20145</v>
      </c>
      <c r="CJ34" s="104">
        <v>0</v>
      </c>
      <c r="CK34" s="103">
        <v>234908</v>
      </c>
      <c r="CL34" s="106">
        <v>234908</v>
      </c>
      <c r="CM34" s="100">
        <v>0</v>
      </c>
      <c r="CN34" s="104">
        <v>0</v>
      </c>
      <c r="CO34" s="103">
        <v>0</v>
      </c>
      <c r="CP34" s="101">
        <v>0</v>
      </c>
      <c r="CQ34" s="104">
        <v>42000</v>
      </c>
      <c r="CR34" s="104">
        <v>16478</v>
      </c>
      <c r="CS34" s="104">
        <v>0</v>
      </c>
      <c r="CT34" s="104">
        <v>20145</v>
      </c>
      <c r="CU34" s="104">
        <v>0</v>
      </c>
      <c r="CV34" s="103">
        <v>78623</v>
      </c>
      <c r="CW34" s="106">
        <v>78623</v>
      </c>
      <c r="CX34" s="100">
        <v>0</v>
      </c>
      <c r="CY34" s="104">
        <v>0</v>
      </c>
      <c r="CZ34" s="103">
        <v>0</v>
      </c>
      <c r="DA34" s="100">
        <v>0</v>
      </c>
      <c r="DB34" s="104">
        <v>55261</v>
      </c>
      <c r="DC34" s="104">
        <v>0</v>
      </c>
      <c r="DD34" s="104">
        <v>101024</v>
      </c>
      <c r="DE34" s="104">
        <v>0</v>
      </c>
      <c r="DF34" s="104">
        <v>0</v>
      </c>
      <c r="DG34" s="103">
        <v>156285</v>
      </c>
      <c r="DH34" s="106">
        <v>156285</v>
      </c>
      <c r="DI34" s="100">
        <v>0</v>
      </c>
      <c r="DJ34" s="104">
        <v>0</v>
      </c>
      <c r="DK34" s="102">
        <v>0</v>
      </c>
      <c r="DL34" s="101">
        <v>0</v>
      </c>
      <c r="DM34" s="104">
        <v>14896</v>
      </c>
      <c r="DN34" s="104">
        <v>0</v>
      </c>
      <c r="DO34" s="104">
        <v>0</v>
      </c>
      <c r="DP34" s="104">
        <v>0</v>
      </c>
      <c r="DQ34" s="104">
        <v>0</v>
      </c>
      <c r="DR34" s="103">
        <v>14896</v>
      </c>
      <c r="DS34" s="106">
        <v>14896</v>
      </c>
      <c r="DT34" s="100">
        <v>0</v>
      </c>
      <c r="DU34" s="104">
        <v>0</v>
      </c>
      <c r="DV34" s="103">
        <v>0</v>
      </c>
      <c r="DW34" s="100">
        <v>0</v>
      </c>
      <c r="DX34" s="104">
        <v>0</v>
      </c>
      <c r="DY34" s="104">
        <v>0</v>
      </c>
      <c r="DZ34" s="104">
        <v>0</v>
      </c>
      <c r="EA34" s="104">
        <v>0</v>
      </c>
      <c r="EB34" s="104">
        <v>0</v>
      </c>
      <c r="EC34" s="103">
        <v>0</v>
      </c>
      <c r="ED34" s="106">
        <v>0</v>
      </c>
      <c r="EE34" s="100">
        <v>0</v>
      </c>
      <c r="EF34" s="102">
        <v>0</v>
      </c>
      <c r="EG34" s="103">
        <v>0</v>
      </c>
      <c r="EH34" s="100">
        <v>0</v>
      </c>
      <c r="EI34" s="104">
        <v>14896</v>
      </c>
      <c r="EJ34" s="104">
        <v>0</v>
      </c>
      <c r="EK34" s="104">
        <v>0</v>
      </c>
      <c r="EL34" s="104">
        <v>0</v>
      </c>
      <c r="EM34" s="104">
        <v>0</v>
      </c>
      <c r="EN34" s="102">
        <v>14896</v>
      </c>
      <c r="EO34" s="106">
        <v>14896</v>
      </c>
      <c r="EP34" s="100">
        <v>0</v>
      </c>
      <c r="EQ34" s="104">
        <v>0</v>
      </c>
      <c r="ER34" s="102">
        <v>0</v>
      </c>
      <c r="ES34" s="101">
        <v>0</v>
      </c>
      <c r="ET34" s="104">
        <v>0</v>
      </c>
      <c r="EU34" s="104">
        <v>0</v>
      </c>
      <c r="EV34" s="104">
        <v>0</v>
      </c>
      <c r="EW34" s="104">
        <v>0</v>
      </c>
      <c r="EX34" s="104">
        <v>0</v>
      </c>
      <c r="EY34" s="103">
        <v>0</v>
      </c>
      <c r="EZ34" s="106">
        <v>0</v>
      </c>
      <c r="FA34" s="100">
        <v>0</v>
      </c>
      <c r="FB34" s="104">
        <v>0</v>
      </c>
      <c r="FC34" s="102">
        <v>0</v>
      </c>
      <c r="FD34" s="324"/>
      <c r="FE34" s="104">
        <v>0</v>
      </c>
      <c r="FF34" s="104">
        <v>0</v>
      </c>
      <c r="FG34" s="104">
        <v>0</v>
      </c>
      <c r="FH34" s="104">
        <v>0</v>
      </c>
      <c r="FI34" s="104">
        <v>0</v>
      </c>
      <c r="FJ34" s="103">
        <v>0</v>
      </c>
      <c r="FK34" s="106">
        <v>0</v>
      </c>
      <c r="FL34" s="100">
        <v>0</v>
      </c>
      <c r="FM34" s="104">
        <v>12600</v>
      </c>
      <c r="FN34" s="103">
        <v>12600</v>
      </c>
      <c r="FO34" s="100">
        <v>0</v>
      </c>
      <c r="FP34" s="104">
        <v>105070</v>
      </c>
      <c r="FQ34" s="104">
        <v>8575</v>
      </c>
      <c r="FR34" s="104">
        <v>58065</v>
      </c>
      <c r="FS34" s="104">
        <v>36680</v>
      </c>
      <c r="FT34" s="104">
        <v>0</v>
      </c>
      <c r="FU34" s="103">
        <v>208390</v>
      </c>
      <c r="FV34" s="106">
        <v>220990</v>
      </c>
      <c r="FW34" s="105">
        <v>0</v>
      </c>
      <c r="FX34" s="104">
        <v>12600</v>
      </c>
      <c r="FY34" s="102">
        <v>12600</v>
      </c>
      <c r="FZ34" s="101">
        <v>0</v>
      </c>
      <c r="GA34" s="104">
        <v>4200</v>
      </c>
      <c r="GB34" s="104">
        <v>8575</v>
      </c>
      <c r="GC34" s="104">
        <v>58065</v>
      </c>
      <c r="GD34" s="104">
        <v>36680</v>
      </c>
      <c r="GE34" s="104">
        <v>0</v>
      </c>
      <c r="GF34" s="103">
        <v>107520</v>
      </c>
      <c r="GG34" s="296">
        <v>120120</v>
      </c>
      <c r="GH34" s="105">
        <v>0</v>
      </c>
      <c r="GI34" s="104">
        <v>0</v>
      </c>
      <c r="GJ34" s="102">
        <v>0</v>
      </c>
      <c r="GK34" s="101">
        <v>0</v>
      </c>
      <c r="GL34" s="104">
        <v>0</v>
      </c>
      <c r="GM34" s="104">
        <v>0</v>
      </c>
      <c r="GN34" s="104">
        <v>0</v>
      </c>
      <c r="GO34" s="104">
        <v>0</v>
      </c>
      <c r="GP34" s="104">
        <v>0</v>
      </c>
      <c r="GQ34" s="103">
        <v>0</v>
      </c>
      <c r="GR34" s="106">
        <v>0</v>
      </c>
      <c r="GS34" s="100">
        <v>0</v>
      </c>
      <c r="GT34" s="104">
        <v>0</v>
      </c>
      <c r="GU34" s="103">
        <v>0</v>
      </c>
      <c r="GV34" s="100">
        <v>0</v>
      </c>
      <c r="GW34" s="104">
        <v>100870</v>
      </c>
      <c r="GX34" s="104">
        <v>0</v>
      </c>
      <c r="GY34" s="104">
        <v>0</v>
      </c>
      <c r="GZ34" s="104">
        <v>0</v>
      </c>
      <c r="HA34" s="104">
        <v>0</v>
      </c>
      <c r="HB34" s="102">
        <v>100870</v>
      </c>
      <c r="HC34" s="106">
        <v>100870</v>
      </c>
      <c r="HD34" s="100">
        <v>0</v>
      </c>
      <c r="HE34" s="104">
        <v>0</v>
      </c>
      <c r="HF34" s="102">
        <v>0</v>
      </c>
      <c r="HG34" s="101">
        <v>0</v>
      </c>
      <c r="HH34" s="104">
        <v>43323</v>
      </c>
      <c r="HI34" s="104">
        <v>473014</v>
      </c>
      <c r="HJ34" s="104">
        <v>0</v>
      </c>
      <c r="HK34" s="104">
        <v>185917</v>
      </c>
      <c r="HL34" s="104">
        <v>0</v>
      </c>
      <c r="HM34" s="103">
        <v>702254</v>
      </c>
      <c r="HN34" s="99">
        <v>702254</v>
      </c>
      <c r="HO34" s="306"/>
      <c r="HP34" s="307"/>
      <c r="HQ34" s="308"/>
      <c r="HR34" s="309"/>
      <c r="HS34" s="307"/>
      <c r="HT34" s="307"/>
      <c r="HU34" s="307"/>
      <c r="HV34" s="307"/>
      <c r="HW34" s="307"/>
      <c r="HX34" s="310"/>
      <c r="HY34" s="311"/>
      <c r="HZ34" s="137">
        <v>0</v>
      </c>
      <c r="IA34" s="122">
        <v>0</v>
      </c>
      <c r="IB34" s="137">
        <v>0</v>
      </c>
      <c r="IC34" s="121">
        <v>0</v>
      </c>
      <c r="ID34" s="122">
        <v>448778</v>
      </c>
      <c r="IE34" s="123">
        <v>156359</v>
      </c>
      <c r="IF34" s="124">
        <v>0</v>
      </c>
      <c r="IG34" s="122">
        <v>242511</v>
      </c>
      <c r="IH34" s="124">
        <v>0</v>
      </c>
      <c r="II34" s="125">
        <v>847648</v>
      </c>
      <c r="IJ34" s="137">
        <v>847648</v>
      </c>
      <c r="IK34" s="219">
        <v>0</v>
      </c>
      <c r="IL34" s="223">
        <v>0</v>
      </c>
      <c r="IM34" s="224">
        <v>0</v>
      </c>
      <c r="IN34" s="127"/>
      <c r="IO34" s="109">
        <v>52941</v>
      </c>
      <c r="IP34" s="109">
        <v>0</v>
      </c>
      <c r="IQ34" s="109">
        <v>0</v>
      </c>
      <c r="IR34" s="109">
        <v>0</v>
      </c>
      <c r="IS34" s="109">
        <v>0</v>
      </c>
      <c r="IT34" s="128">
        <v>52941</v>
      </c>
      <c r="IU34" s="298">
        <v>52941</v>
      </c>
      <c r="IV34" s="129">
        <v>0</v>
      </c>
      <c r="IW34" s="109">
        <v>0</v>
      </c>
      <c r="IX34" s="110">
        <v>0</v>
      </c>
      <c r="IY34" s="131"/>
      <c r="IZ34" s="109">
        <v>0</v>
      </c>
      <c r="JA34" s="109">
        <v>0</v>
      </c>
      <c r="JB34" s="109">
        <v>0</v>
      </c>
      <c r="JC34" s="109">
        <v>0</v>
      </c>
      <c r="JD34" s="109">
        <v>0</v>
      </c>
      <c r="JE34" s="110">
        <v>0</v>
      </c>
      <c r="JF34" s="111">
        <v>0</v>
      </c>
      <c r="JG34" s="129">
        <v>0</v>
      </c>
      <c r="JH34" s="109">
        <v>0</v>
      </c>
      <c r="JI34" s="128">
        <v>0</v>
      </c>
      <c r="JJ34" s="108">
        <v>0</v>
      </c>
      <c r="JK34" s="109">
        <v>56022</v>
      </c>
      <c r="JL34" s="109">
        <v>0</v>
      </c>
      <c r="JM34" s="109">
        <v>0</v>
      </c>
      <c r="JN34" s="109">
        <v>15200</v>
      </c>
      <c r="JO34" s="109">
        <v>0</v>
      </c>
      <c r="JP34" s="110">
        <v>71222</v>
      </c>
      <c r="JQ34" s="298">
        <v>71222</v>
      </c>
      <c r="JR34" s="129">
        <v>0</v>
      </c>
      <c r="JS34" s="109">
        <v>0</v>
      </c>
      <c r="JT34" s="128">
        <v>0</v>
      </c>
      <c r="JU34" s="108">
        <v>0</v>
      </c>
      <c r="JV34" s="109">
        <v>0</v>
      </c>
      <c r="JW34" s="109">
        <v>0</v>
      </c>
      <c r="JX34" s="109">
        <v>0</v>
      </c>
      <c r="JY34" s="109">
        <v>0</v>
      </c>
      <c r="JZ34" s="109">
        <v>0</v>
      </c>
      <c r="KA34" s="110">
        <v>0</v>
      </c>
      <c r="KB34" s="298">
        <v>0</v>
      </c>
      <c r="KC34" s="221">
        <v>0</v>
      </c>
      <c r="KD34" s="217">
        <v>0</v>
      </c>
      <c r="KE34" s="110">
        <v>0</v>
      </c>
      <c r="KF34" s="108">
        <v>0</v>
      </c>
      <c r="KG34" s="109">
        <v>339815</v>
      </c>
      <c r="KH34" s="109">
        <v>156359</v>
      </c>
      <c r="KI34" s="109">
        <v>0</v>
      </c>
      <c r="KJ34" s="109">
        <v>0</v>
      </c>
      <c r="KK34" s="109">
        <v>0</v>
      </c>
      <c r="KL34" s="110">
        <v>496174</v>
      </c>
      <c r="KM34" s="130">
        <v>496174</v>
      </c>
      <c r="KN34" s="219">
        <v>0</v>
      </c>
      <c r="KO34" s="223">
        <v>0</v>
      </c>
      <c r="KP34" s="224">
        <v>0</v>
      </c>
      <c r="KQ34" s="127"/>
      <c r="KR34" s="109">
        <v>0</v>
      </c>
      <c r="KS34" s="109">
        <v>0</v>
      </c>
      <c r="KT34" s="109">
        <v>0</v>
      </c>
      <c r="KU34" s="109">
        <v>0</v>
      </c>
      <c r="KV34" s="109">
        <v>0</v>
      </c>
      <c r="KW34" s="110">
        <v>0</v>
      </c>
      <c r="KX34" s="298">
        <v>0</v>
      </c>
      <c r="KY34" s="129">
        <v>0</v>
      </c>
      <c r="KZ34" s="109">
        <v>0</v>
      </c>
      <c r="LA34" s="110">
        <v>0</v>
      </c>
      <c r="LB34" s="132"/>
      <c r="LC34" s="109">
        <v>0</v>
      </c>
      <c r="LD34" s="109">
        <v>0</v>
      </c>
      <c r="LE34" s="109">
        <v>0</v>
      </c>
      <c r="LF34" s="109">
        <v>0</v>
      </c>
      <c r="LG34" s="109">
        <v>0</v>
      </c>
      <c r="LH34" s="110">
        <v>0</v>
      </c>
      <c r="LI34" s="111">
        <v>0</v>
      </c>
      <c r="LJ34" s="129">
        <v>0</v>
      </c>
      <c r="LK34" s="109">
        <v>0</v>
      </c>
      <c r="LL34" s="110">
        <v>0</v>
      </c>
      <c r="LM34" s="132"/>
      <c r="LN34" s="109">
        <v>0</v>
      </c>
      <c r="LO34" s="109">
        <v>0</v>
      </c>
      <c r="LP34" s="109">
        <v>0</v>
      </c>
      <c r="LQ34" s="109">
        <v>227311</v>
      </c>
      <c r="LR34" s="109">
        <v>0</v>
      </c>
      <c r="LS34" s="110">
        <v>227311</v>
      </c>
      <c r="LT34" s="298">
        <v>227311</v>
      </c>
      <c r="LU34" s="129">
        <v>0</v>
      </c>
      <c r="LV34" s="109">
        <v>0</v>
      </c>
      <c r="LW34" s="110">
        <v>0</v>
      </c>
      <c r="LX34" s="132"/>
      <c r="LY34" s="109">
        <v>0</v>
      </c>
      <c r="LZ34" s="109">
        <v>0</v>
      </c>
      <c r="MA34" s="109">
        <v>0</v>
      </c>
      <c r="MB34" s="109">
        <v>0</v>
      </c>
      <c r="MC34" s="109">
        <v>0</v>
      </c>
      <c r="MD34" s="110">
        <v>0</v>
      </c>
      <c r="ME34" s="111">
        <v>0</v>
      </c>
      <c r="MF34" s="129">
        <v>0</v>
      </c>
      <c r="MG34" s="109">
        <v>0</v>
      </c>
      <c r="MH34" s="110">
        <v>0</v>
      </c>
      <c r="MI34" s="132"/>
      <c r="MJ34" s="109">
        <v>0</v>
      </c>
      <c r="MK34" s="109">
        <v>0</v>
      </c>
      <c r="ML34" s="109">
        <v>0</v>
      </c>
      <c r="MM34" s="109">
        <v>425147</v>
      </c>
      <c r="MN34" s="109">
        <v>620746</v>
      </c>
      <c r="MO34" s="110">
        <v>1045893</v>
      </c>
      <c r="MP34" s="130">
        <v>1045893</v>
      </c>
      <c r="MQ34" s="129">
        <v>0</v>
      </c>
      <c r="MR34" s="109">
        <v>0</v>
      </c>
      <c r="MS34" s="110">
        <v>0</v>
      </c>
      <c r="MT34" s="132"/>
      <c r="MU34" s="109">
        <v>0</v>
      </c>
      <c r="MV34" s="109">
        <v>0</v>
      </c>
      <c r="MW34" s="109">
        <v>0</v>
      </c>
      <c r="MX34" s="109">
        <v>241548</v>
      </c>
      <c r="MY34" s="109">
        <v>0</v>
      </c>
      <c r="MZ34" s="110">
        <v>241548</v>
      </c>
      <c r="NA34" s="130">
        <v>241548</v>
      </c>
      <c r="NB34" s="129">
        <v>0</v>
      </c>
      <c r="NC34" s="109">
        <v>0</v>
      </c>
      <c r="ND34" s="110">
        <v>0</v>
      </c>
      <c r="NE34" s="132"/>
      <c r="NF34" s="109">
        <v>0</v>
      </c>
      <c r="NG34" s="109">
        <v>0</v>
      </c>
      <c r="NH34" s="109">
        <v>0</v>
      </c>
      <c r="NI34" s="109">
        <v>183599</v>
      </c>
      <c r="NJ34" s="109">
        <v>620746</v>
      </c>
      <c r="NK34" s="110">
        <v>804345</v>
      </c>
      <c r="NL34" s="298">
        <v>804345</v>
      </c>
      <c r="NM34" s="129">
        <v>0</v>
      </c>
      <c r="NN34" s="109">
        <v>0</v>
      </c>
      <c r="NO34" s="110">
        <v>0</v>
      </c>
      <c r="NP34" s="132"/>
      <c r="NQ34" s="109">
        <v>0</v>
      </c>
      <c r="NR34" s="109">
        <v>0</v>
      </c>
      <c r="NS34" s="109">
        <v>0</v>
      </c>
      <c r="NT34" s="109">
        <v>0</v>
      </c>
      <c r="NU34" s="109">
        <v>0</v>
      </c>
      <c r="NV34" s="110">
        <v>0</v>
      </c>
      <c r="NW34" s="111">
        <v>0</v>
      </c>
      <c r="NX34" s="129">
        <v>0</v>
      </c>
      <c r="NY34" s="109">
        <v>0</v>
      </c>
      <c r="NZ34" s="110">
        <v>0</v>
      </c>
      <c r="OA34" s="132"/>
      <c r="OB34" s="109">
        <v>0</v>
      </c>
      <c r="OC34" s="109">
        <v>0</v>
      </c>
      <c r="OD34" s="109">
        <v>0</v>
      </c>
      <c r="OE34" s="109">
        <v>0</v>
      </c>
      <c r="OF34" s="109">
        <v>0</v>
      </c>
      <c r="OG34" s="110">
        <v>0</v>
      </c>
      <c r="OH34" s="111">
        <v>0</v>
      </c>
      <c r="OI34" s="129">
        <v>0</v>
      </c>
      <c r="OJ34" s="109">
        <v>67032</v>
      </c>
      <c r="OK34" s="128">
        <v>67032</v>
      </c>
      <c r="OL34" s="108">
        <v>0</v>
      </c>
      <c r="OM34" s="109">
        <v>867359</v>
      </c>
      <c r="ON34" s="109">
        <v>813561</v>
      </c>
      <c r="OO34" s="109">
        <v>244428</v>
      </c>
      <c r="OP34" s="109">
        <v>1190534</v>
      </c>
      <c r="OQ34" s="109">
        <v>620746</v>
      </c>
      <c r="OR34" s="110">
        <v>3736628</v>
      </c>
      <c r="OS34" s="130">
        <v>3803660</v>
      </c>
    </row>
    <row r="35" spans="2:409" ht="21" customHeight="1" x14ac:dyDescent="0.2">
      <c r="B35" s="472" t="s">
        <v>30</v>
      </c>
      <c r="C35" s="100">
        <v>12040</v>
      </c>
      <c r="D35" s="104">
        <v>0</v>
      </c>
      <c r="E35" s="161">
        <v>12040</v>
      </c>
      <c r="F35" s="162">
        <v>0</v>
      </c>
      <c r="G35" s="163">
        <v>454735</v>
      </c>
      <c r="H35" s="163">
        <v>639867</v>
      </c>
      <c r="I35" s="163">
        <v>442001</v>
      </c>
      <c r="J35" s="163">
        <v>174636</v>
      </c>
      <c r="K35" s="163">
        <v>0</v>
      </c>
      <c r="L35" s="164">
        <v>1711239</v>
      </c>
      <c r="M35" s="106">
        <v>1723279</v>
      </c>
      <c r="N35" s="100">
        <v>0</v>
      </c>
      <c r="O35" s="104">
        <v>0</v>
      </c>
      <c r="P35" s="103">
        <v>0</v>
      </c>
      <c r="Q35" s="100">
        <v>0</v>
      </c>
      <c r="R35" s="104">
        <v>171870</v>
      </c>
      <c r="S35" s="104">
        <v>175122</v>
      </c>
      <c r="T35" s="104">
        <v>87073</v>
      </c>
      <c r="U35" s="104">
        <v>72653</v>
      </c>
      <c r="V35" s="104">
        <v>0</v>
      </c>
      <c r="W35" s="103">
        <v>506718</v>
      </c>
      <c r="X35" s="106">
        <v>506718</v>
      </c>
      <c r="Y35" s="100">
        <v>0</v>
      </c>
      <c r="Z35" s="104">
        <v>0</v>
      </c>
      <c r="AA35" s="103">
        <v>0</v>
      </c>
      <c r="AB35" s="100">
        <v>0</v>
      </c>
      <c r="AC35" s="104">
        <v>73836</v>
      </c>
      <c r="AD35" s="104">
        <v>77310</v>
      </c>
      <c r="AE35" s="104">
        <v>0</v>
      </c>
      <c r="AF35" s="104">
        <v>72653</v>
      </c>
      <c r="AG35" s="104">
        <v>0</v>
      </c>
      <c r="AH35" s="103">
        <v>223799</v>
      </c>
      <c r="AI35" s="106">
        <v>223799</v>
      </c>
      <c r="AJ35" s="100">
        <v>0</v>
      </c>
      <c r="AK35" s="104">
        <v>0</v>
      </c>
      <c r="AL35" s="103">
        <v>0</v>
      </c>
      <c r="AM35" s="100">
        <v>0</v>
      </c>
      <c r="AN35" s="104">
        <v>39846</v>
      </c>
      <c r="AO35" s="104">
        <v>0</v>
      </c>
      <c r="AP35" s="104">
        <v>49749</v>
      </c>
      <c r="AQ35" s="104">
        <v>0</v>
      </c>
      <c r="AR35" s="104">
        <v>0</v>
      </c>
      <c r="AS35" s="103">
        <v>89595</v>
      </c>
      <c r="AT35" s="106">
        <v>89595</v>
      </c>
      <c r="AU35" s="100">
        <v>0</v>
      </c>
      <c r="AV35" s="104">
        <v>0</v>
      </c>
      <c r="AW35" s="103">
        <v>0</v>
      </c>
      <c r="AX35" s="100">
        <v>0</v>
      </c>
      <c r="AY35" s="104">
        <v>41073</v>
      </c>
      <c r="AZ35" s="104">
        <v>0</v>
      </c>
      <c r="BA35" s="104">
        <v>28924</v>
      </c>
      <c r="BB35" s="104">
        <v>0</v>
      </c>
      <c r="BC35" s="104">
        <v>0</v>
      </c>
      <c r="BD35" s="103">
        <v>69997</v>
      </c>
      <c r="BE35" s="106">
        <v>69997</v>
      </c>
      <c r="BF35" s="100">
        <v>0</v>
      </c>
      <c r="BG35" s="104">
        <v>0</v>
      </c>
      <c r="BH35" s="102">
        <v>0</v>
      </c>
      <c r="BI35" s="101">
        <v>0</v>
      </c>
      <c r="BJ35" s="104">
        <v>0</v>
      </c>
      <c r="BK35" s="104">
        <v>65164</v>
      </c>
      <c r="BL35" s="104">
        <v>0</v>
      </c>
      <c r="BM35" s="104">
        <v>0</v>
      </c>
      <c r="BN35" s="104">
        <v>0</v>
      </c>
      <c r="BO35" s="103">
        <v>65164</v>
      </c>
      <c r="BP35" s="106">
        <v>65164</v>
      </c>
      <c r="BQ35" s="100">
        <v>0</v>
      </c>
      <c r="BR35" s="104">
        <v>0</v>
      </c>
      <c r="BS35" s="103">
        <v>0</v>
      </c>
      <c r="BT35" s="100">
        <v>0</v>
      </c>
      <c r="BU35" s="104">
        <v>17115</v>
      </c>
      <c r="BV35" s="104">
        <v>32648</v>
      </c>
      <c r="BW35" s="104">
        <v>8400</v>
      </c>
      <c r="BX35" s="104">
        <v>0</v>
      </c>
      <c r="BY35" s="104">
        <v>0</v>
      </c>
      <c r="BZ35" s="103">
        <v>58163</v>
      </c>
      <c r="CA35" s="106">
        <v>58163</v>
      </c>
      <c r="CB35" s="100">
        <v>0</v>
      </c>
      <c r="CC35" s="104">
        <v>0</v>
      </c>
      <c r="CD35" s="103">
        <v>0</v>
      </c>
      <c r="CE35" s="100">
        <v>0</v>
      </c>
      <c r="CF35" s="104">
        <v>131273</v>
      </c>
      <c r="CG35" s="104">
        <v>126907</v>
      </c>
      <c r="CH35" s="104">
        <v>0</v>
      </c>
      <c r="CI35" s="104">
        <v>55734</v>
      </c>
      <c r="CJ35" s="104">
        <v>0</v>
      </c>
      <c r="CK35" s="103">
        <v>313914</v>
      </c>
      <c r="CL35" s="106">
        <v>313914</v>
      </c>
      <c r="CM35" s="100">
        <v>0</v>
      </c>
      <c r="CN35" s="104">
        <v>0</v>
      </c>
      <c r="CO35" s="103">
        <v>0</v>
      </c>
      <c r="CP35" s="101">
        <v>0</v>
      </c>
      <c r="CQ35" s="104">
        <v>91308</v>
      </c>
      <c r="CR35" s="104">
        <v>126907</v>
      </c>
      <c r="CS35" s="104">
        <v>0</v>
      </c>
      <c r="CT35" s="104">
        <v>0</v>
      </c>
      <c r="CU35" s="104">
        <v>0</v>
      </c>
      <c r="CV35" s="103">
        <v>218215</v>
      </c>
      <c r="CW35" s="106">
        <v>218215</v>
      </c>
      <c r="CX35" s="100">
        <v>0</v>
      </c>
      <c r="CY35" s="104">
        <v>0</v>
      </c>
      <c r="CZ35" s="103">
        <v>0</v>
      </c>
      <c r="DA35" s="100">
        <v>0</v>
      </c>
      <c r="DB35" s="104">
        <v>39965</v>
      </c>
      <c r="DC35" s="104">
        <v>0</v>
      </c>
      <c r="DD35" s="104">
        <v>0</v>
      </c>
      <c r="DE35" s="104">
        <v>55734</v>
      </c>
      <c r="DF35" s="104">
        <v>0</v>
      </c>
      <c r="DG35" s="103">
        <v>95699</v>
      </c>
      <c r="DH35" s="106">
        <v>95699</v>
      </c>
      <c r="DI35" s="100">
        <v>0</v>
      </c>
      <c r="DJ35" s="104">
        <v>0</v>
      </c>
      <c r="DK35" s="102">
        <v>0</v>
      </c>
      <c r="DL35" s="101">
        <v>0</v>
      </c>
      <c r="DM35" s="104">
        <v>0</v>
      </c>
      <c r="DN35" s="104">
        <v>128874</v>
      </c>
      <c r="DO35" s="104">
        <v>0</v>
      </c>
      <c r="DP35" s="104">
        <v>23919</v>
      </c>
      <c r="DQ35" s="104">
        <v>0</v>
      </c>
      <c r="DR35" s="103">
        <v>152793</v>
      </c>
      <c r="DS35" s="106">
        <v>152793</v>
      </c>
      <c r="DT35" s="100">
        <v>0</v>
      </c>
      <c r="DU35" s="104">
        <v>0</v>
      </c>
      <c r="DV35" s="103">
        <v>0</v>
      </c>
      <c r="DW35" s="100">
        <v>0</v>
      </c>
      <c r="DX35" s="104">
        <v>0</v>
      </c>
      <c r="DY35" s="104">
        <v>128874</v>
      </c>
      <c r="DZ35" s="104">
        <v>0</v>
      </c>
      <c r="EA35" s="104">
        <v>23919</v>
      </c>
      <c r="EB35" s="104">
        <v>0</v>
      </c>
      <c r="EC35" s="103">
        <v>152793</v>
      </c>
      <c r="ED35" s="106">
        <v>152793</v>
      </c>
      <c r="EE35" s="100">
        <v>0</v>
      </c>
      <c r="EF35" s="102">
        <v>0</v>
      </c>
      <c r="EG35" s="103">
        <v>0</v>
      </c>
      <c r="EH35" s="100">
        <v>0</v>
      </c>
      <c r="EI35" s="104">
        <v>0</v>
      </c>
      <c r="EJ35" s="104">
        <v>0</v>
      </c>
      <c r="EK35" s="104">
        <v>0</v>
      </c>
      <c r="EL35" s="104">
        <v>0</v>
      </c>
      <c r="EM35" s="104">
        <v>0</v>
      </c>
      <c r="EN35" s="102">
        <v>0</v>
      </c>
      <c r="EO35" s="106">
        <v>0</v>
      </c>
      <c r="EP35" s="100">
        <v>0</v>
      </c>
      <c r="EQ35" s="104">
        <v>0</v>
      </c>
      <c r="ER35" s="102">
        <v>0</v>
      </c>
      <c r="ES35" s="101">
        <v>0</v>
      </c>
      <c r="ET35" s="104">
        <v>0</v>
      </c>
      <c r="EU35" s="104">
        <v>0</v>
      </c>
      <c r="EV35" s="104">
        <v>0</v>
      </c>
      <c r="EW35" s="104">
        <v>0</v>
      </c>
      <c r="EX35" s="104">
        <v>0</v>
      </c>
      <c r="EY35" s="103">
        <v>0</v>
      </c>
      <c r="EZ35" s="106">
        <v>0</v>
      </c>
      <c r="FA35" s="100">
        <v>0</v>
      </c>
      <c r="FB35" s="104">
        <v>0</v>
      </c>
      <c r="FC35" s="102">
        <v>0</v>
      </c>
      <c r="FD35" s="324"/>
      <c r="FE35" s="104">
        <v>0</v>
      </c>
      <c r="FF35" s="104">
        <v>0</v>
      </c>
      <c r="FG35" s="104">
        <v>0</v>
      </c>
      <c r="FH35" s="104">
        <v>0</v>
      </c>
      <c r="FI35" s="104">
        <v>0</v>
      </c>
      <c r="FJ35" s="103">
        <v>0</v>
      </c>
      <c r="FK35" s="106">
        <v>0</v>
      </c>
      <c r="FL35" s="100">
        <v>12040</v>
      </c>
      <c r="FM35" s="104">
        <v>0</v>
      </c>
      <c r="FN35" s="103">
        <v>12040</v>
      </c>
      <c r="FO35" s="100">
        <v>0</v>
      </c>
      <c r="FP35" s="104">
        <v>12600</v>
      </c>
      <c r="FQ35" s="104">
        <v>58828</v>
      </c>
      <c r="FR35" s="104">
        <v>17150</v>
      </c>
      <c r="FS35" s="104">
        <v>22330</v>
      </c>
      <c r="FT35" s="104">
        <v>0</v>
      </c>
      <c r="FU35" s="103">
        <v>110908</v>
      </c>
      <c r="FV35" s="106">
        <v>122948</v>
      </c>
      <c r="FW35" s="105">
        <v>12040</v>
      </c>
      <c r="FX35" s="104">
        <v>0</v>
      </c>
      <c r="FY35" s="102">
        <v>12040</v>
      </c>
      <c r="FZ35" s="101">
        <v>0</v>
      </c>
      <c r="GA35" s="104">
        <v>12600</v>
      </c>
      <c r="GB35" s="104">
        <v>58828</v>
      </c>
      <c r="GC35" s="104">
        <v>17150</v>
      </c>
      <c r="GD35" s="104">
        <v>22330</v>
      </c>
      <c r="GE35" s="104">
        <v>0</v>
      </c>
      <c r="GF35" s="103">
        <v>110908</v>
      </c>
      <c r="GG35" s="296">
        <v>122948</v>
      </c>
      <c r="GH35" s="105">
        <v>0</v>
      </c>
      <c r="GI35" s="104">
        <v>0</v>
      </c>
      <c r="GJ35" s="102">
        <v>0</v>
      </c>
      <c r="GK35" s="101">
        <v>0</v>
      </c>
      <c r="GL35" s="104">
        <v>0</v>
      </c>
      <c r="GM35" s="104">
        <v>0</v>
      </c>
      <c r="GN35" s="104">
        <v>0</v>
      </c>
      <c r="GO35" s="104">
        <v>0</v>
      </c>
      <c r="GP35" s="104">
        <v>0</v>
      </c>
      <c r="GQ35" s="103">
        <v>0</v>
      </c>
      <c r="GR35" s="106">
        <v>0</v>
      </c>
      <c r="GS35" s="100">
        <v>0</v>
      </c>
      <c r="GT35" s="104">
        <v>0</v>
      </c>
      <c r="GU35" s="103">
        <v>0</v>
      </c>
      <c r="GV35" s="100">
        <v>0</v>
      </c>
      <c r="GW35" s="104">
        <v>0</v>
      </c>
      <c r="GX35" s="104">
        <v>0</v>
      </c>
      <c r="GY35" s="104">
        <v>0</v>
      </c>
      <c r="GZ35" s="104">
        <v>0</v>
      </c>
      <c r="HA35" s="104">
        <v>0</v>
      </c>
      <c r="HB35" s="102">
        <v>0</v>
      </c>
      <c r="HC35" s="106">
        <v>0</v>
      </c>
      <c r="HD35" s="100">
        <v>0</v>
      </c>
      <c r="HE35" s="104">
        <v>0</v>
      </c>
      <c r="HF35" s="102">
        <v>0</v>
      </c>
      <c r="HG35" s="101">
        <v>0</v>
      </c>
      <c r="HH35" s="104">
        <v>138992</v>
      </c>
      <c r="HI35" s="104">
        <v>150136</v>
      </c>
      <c r="HJ35" s="104">
        <v>337778</v>
      </c>
      <c r="HK35" s="104">
        <v>0</v>
      </c>
      <c r="HL35" s="104">
        <v>0</v>
      </c>
      <c r="HM35" s="103">
        <v>626906</v>
      </c>
      <c r="HN35" s="99">
        <v>626906</v>
      </c>
      <c r="HO35" s="306"/>
      <c r="HP35" s="307"/>
      <c r="HQ35" s="308"/>
      <c r="HR35" s="309"/>
      <c r="HS35" s="307"/>
      <c r="HT35" s="307"/>
      <c r="HU35" s="307"/>
      <c r="HV35" s="307"/>
      <c r="HW35" s="307"/>
      <c r="HX35" s="310"/>
      <c r="HY35" s="311"/>
      <c r="HZ35" s="118">
        <v>0</v>
      </c>
      <c r="IA35" s="119">
        <v>0</v>
      </c>
      <c r="IB35" s="120">
        <v>0</v>
      </c>
      <c r="IC35" s="133">
        <v>0</v>
      </c>
      <c r="ID35" s="119">
        <v>122759</v>
      </c>
      <c r="IE35" s="134">
        <v>37674</v>
      </c>
      <c r="IF35" s="120">
        <v>0</v>
      </c>
      <c r="IG35" s="119">
        <v>0</v>
      </c>
      <c r="IH35" s="120">
        <v>0</v>
      </c>
      <c r="II35" s="135">
        <v>160433</v>
      </c>
      <c r="IJ35" s="126">
        <v>160433</v>
      </c>
      <c r="IK35" s="219">
        <v>0</v>
      </c>
      <c r="IL35" s="223">
        <v>0</v>
      </c>
      <c r="IM35" s="224">
        <v>0</v>
      </c>
      <c r="IN35" s="127"/>
      <c r="IO35" s="109">
        <v>0</v>
      </c>
      <c r="IP35" s="109">
        <v>0</v>
      </c>
      <c r="IQ35" s="109">
        <v>0</v>
      </c>
      <c r="IR35" s="109">
        <v>0</v>
      </c>
      <c r="IS35" s="109">
        <v>0</v>
      </c>
      <c r="IT35" s="128">
        <v>0</v>
      </c>
      <c r="IU35" s="298">
        <v>0</v>
      </c>
      <c r="IV35" s="129">
        <v>0</v>
      </c>
      <c r="IW35" s="109">
        <v>0</v>
      </c>
      <c r="IX35" s="110">
        <v>0</v>
      </c>
      <c r="IY35" s="131"/>
      <c r="IZ35" s="109">
        <v>0</v>
      </c>
      <c r="JA35" s="109">
        <v>0</v>
      </c>
      <c r="JB35" s="109">
        <v>0</v>
      </c>
      <c r="JC35" s="109">
        <v>0</v>
      </c>
      <c r="JD35" s="109">
        <v>0</v>
      </c>
      <c r="JE35" s="110">
        <v>0</v>
      </c>
      <c r="JF35" s="111">
        <v>0</v>
      </c>
      <c r="JG35" s="129">
        <v>0</v>
      </c>
      <c r="JH35" s="109">
        <v>0</v>
      </c>
      <c r="JI35" s="128">
        <v>0</v>
      </c>
      <c r="JJ35" s="108">
        <v>0</v>
      </c>
      <c r="JK35" s="109">
        <v>122759</v>
      </c>
      <c r="JL35" s="109">
        <v>0</v>
      </c>
      <c r="JM35" s="109">
        <v>0</v>
      </c>
      <c r="JN35" s="109">
        <v>0</v>
      </c>
      <c r="JO35" s="109">
        <v>0</v>
      </c>
      <c r="JP35" s="110">
        <v>122759</v>
      </c>
      <c r="JQ35" s="298">
        <v>122759</v>
      </c>
      <c r="JR35" s="129">
        <v>0</v>
      </c>
      <c r="JS35" s="109">
        <v>0</v>
      </c>
      <c r="JT35" s="128">
        <v>0</v>
      </c>
      <c r="JU35" s="108">
        <v>0</v>
      </c>
      <c r="JV35" s="109">
        <v>0</v>
      </c>
      <c r="JW35" s="109">
        <v>37674</v>
      </c>
      <c r="JX35" s="109">
        <v>0</v>
      </c>
      <c r="JY35" s="109">
        <v>0</v>
      </c>
      <c r="JZ35" s="109">
        <v>0</v>
      </c>
      <c r="KA35" s="110">
        <v>37674</v>
      </c>
      <c r="KB35" s="298">
        <v>37674</v>
      </c>
      <c r="KC35" s="221">
        <v>0</v>
      </c>
      <c r="KD35" s="217">
        <v>0</v>
      </c>
      <c r="KE35" s="110">
        <v>0</v>
      </c>
      <c r="KF35" s="108">
        <v>0</v>
      </c>
      <c r="KG35" s="109">
        <v>0</v>
      </c>
      <c r="KH35" s="109">
        <v>0</v>
      </c>
      <c r="KI35" s="109">
        <v>0</v>
      </c>
      <c r="KJ35" s="109">
        <v>0</v>
      </c>
      <c r="KK35" s="109">
        <v>0</v>
      </c>
      <c r="KL35" s="110">
        <v>0</v>
      </c>
      <c r="KM35" s="130">
        <v>0</v>
      </c>
      <c r="KN35" s="219">
        <v>0</v>
      </c>
      <c r="KO35" s="223">
        <v>0</v>
      </c>
      <c r="KP35" s="224">
        <v>0</v>
      </c>
      <c r="KQ35" s="127"/>
      <c r="KR35" s="109">
        <v>0</v>
      </c>
      <c r="KS35" s="109">
        <v>0</v>
      </c>
      <c r="KT35" s="109">
        <v>0</v>
      </c>
      <c r="KU35" s="109">
        <v>0</v>
      </c>
      <c r="KV35" s="109">
        <v>0</v>
      </c>
      <c r="KW35" s="110">
        <v>0</v>
      </c>
      <c r="KX35" s="298">
        <v>0</v>
      </c>
      <c r="KY35" s="129">
        <v>0</v>
      </c>
      <c r="KZ35" s="109">
        <v>0</v>
      </c>
      <c r="LA35" s="110">
        <v>0</v>
      </c>
      <c r="LB35" s="132"/>
      <c r="LC35" s="109">
        <v>0</v>
      </c>
      <c r="LD35" s="109">
        <v>0</v>
      </c>
      <c r="LE35" s="109">
        <v>0</v>
      </c>
      <c r="LF35" s="109">
        <v>0</v>
      </c>
      <c r="LG35" s="109">
        <v>0</v>
      </c>
      <c r="LH35" s="110">
        <v>0</v>
      </c>
      <c r="LI35" s="111">
        <v>0</v>
      </c>
      <c r="LJ35" s="129">
        <v>0</v>
      </c>
      <c r="LK35" s="109">
        <v>0</v>
      </c>
      <c r="LL35" s="110">
        <v>0</v>
      </c>
      <c r="LM35" s="132"/>
      <c r="LN35" s="109">
        <v>0</v>
      </c>
      <c r="LO35" s="109">
        <v>0</v>
      </c>
      <c r="LP35" s="109">
        <v>0</v>
      </c>
      <c r="LQ35" s="109">
        <v>0</v>
      </c>
      <c r="LR35" s="109">
        <v>0</v>
      </c>
      <c r="LS35" s="110">
        <v>0</v>
      </c>
      <c r="LT35" s="298">
        <v>0</v>
      </c>
      <c r="LU35" s="129">
        <v>0</v>
      </c>
      <c r="LV35" s="109">
        <v>0</v>
      </c>
      <c r="LW35" s="110">
        <v>0</v>
      </c>
      <c r="LX35" s="132"/>
      <c r="LY35" s="109">
        <v>0</v>
      </c>
      <c r="LZ35" s="109">
        <v>0</v>
      </c>
      <c r="MA35" s="109">
        <v>0</v>
      </c>
      <c r="MB35" s="109">
        <v>0</v>
      </c>
      <c r="MC35" s="109">
        <v>0</v>
      </c>
      <c r="MD35" s="110">
        <v>0</v>
      </c>
      <c r="ME35" s="111">
        <v>0</v>
      </c>
      <c r="MF35" s="129">
        <v>0</v>
      </c>
      <c r="MG35" s="109">
        <v>0</v>
      </c>
      <c r="MH35" s="110">
        <v>0</v>
      </c>
      <c r="MI35" s="132"/>
      <c r="MJ35" s="109">
        <v>0</v>
      </c>
      <c r="MK35" s="109">
        <v>0</v>
      </c>
      <c r="ML35" s="109">
        <v>213563</v>
      </c>
      <c r="MM35" s="109">
        <v>432299</v>
      </c>
      <c r="MN35" s="109">
        <v>257443</v>
      </c>
      <c r="MO35" s="110">
        <v>903305</v>
      </c>
      <c r="MP35" s="130">
        <v>903305</v>
      </c>
      <c r="MQ35" s="129">
        <v>0</v>
      </c>
      <c r="MR35" s="109">
        <v>0</v>
      </c>
      <c r="MS35" s="110">
        <v>0</v>
      </c>
      <c r="MT35" s="132"/>
      <c r="MU35" s="109">
        <v>0</v>
      </c>
      <c r="MV35" s="109">
        <v>0</v>
      </c>
      <c r="MW35" s="109">
        <v>213563</v>
      </c>
      <c r="MX35" s="109">
        <v>432299</v>
      </c>
      <c r="MY35" s="109">
        <v>0</v>
      </c>
      <c r="MZ35" s="110">
        <v>645862</v>
      </c>
      <c r="NA35" s="130">
        <v>645862</v>
      </c>
      <c r="NB35" s="129">
        <v>0</v>
      </c>
      <c r="NC35" s="109">
        <v>0</v>
      </c>
      <c r="ND35" s="110">
        <v>0</v>
      </c>
      <c r="NE35" s="132"/>
      <c r="NF35" s="109">
        <v>0</v>
      </c>
      <c r="NG35" s="109">
        <v>0</v>
      </c>
      <c r="NH35" s="109">
        <v>0</v>
      </c>
      <c r="NI35" s="109">
        <v>0</v>
      </c>
      <c r="NJ35" s="109">
        <v>257443</v>
      </c>
      <c r="NK35" s="110">
        <v>257443</v>
      </c>
      <c r="NL35" s="298">
        <v>257443</v>
      </c>
      <c r="NM35" s="129">
        <v>0</v>
      </c>
      <c r="NN35" s="109">
        <v>0</v>
      </c>
      <c r="NO35" s="110">
        <v>0</v>
      </c>
      <c r="NP35" s="132"/>
      <c r="NQ35" s="109">
        <v>0</v>
      </c>
      <c r="NR35" s="109">
        <v>0</v>
      </c>
      <c r="NS35" s="109">
        <v>0</v>
      </c>
      <c r="NT35" s="109">
        <v>0</v>
      </c>
      <c r="NU35" s="109">
        <v>0</v>
      </c>
      <c r="NV35" s="110">
        <v>0</v>
      </c>
      <c r="NW35" s="111">
        <v>0</v>
      </c>
      <c r="NX35" s="129">
        <v>0</v>
      </c>
      <c r="NY35" s="109">
        <v>0</v>
      </c>
      <c r="NZ35" s="110">
        <v>0</v>
      </c>
      <c r="OA35" s="132"/>
      <c r="OB35" s="109">
        <v>0</v>
      </c>
      <c r="OC35" s="109">
        <v>0</v>
      </c>
      <c r="OD35" s="109">
        <v>0</v>
      </c>
      <c r="OE35" s="109">
        <v>0</v>
      </c>
      <c r="OF35" s="109">
        <v>0</v>
      </c>
      <c r="OG35" s="110">
        <v>0</v>
      </c>
      <c r="OH35" s="111">
        <v>0</v>
      </c>
      <c r="OI35" s="129">
        <v>12040</v>
      </c>
      <c r="OJ35" s="109">
        <v>0</v>
      </c>
      <c r="OK35" s="128">
        <v>12040</v>
      </c>
      <c r="OL35" s="108">
        <v>0</v>
      </c>
      <c r="OM35" s="109">
        <v>577494</v>
      </c>
      <c r="ON35" s="109">
        <v>677541</v>
      </c>
      <c r="OO35" s="109">
        <v>655564</v>
      </c>
      <c r="OP35" s="109">
        <v>606935</v>
      </c>
      <c r="OQ35" s="109">
        <v>257443</v>
      </c>
      <c r="OR35" s="110">
        <v>2774977</v>
      </c>
      <c r="OS35" s="130">
        <v>2787017</v>
      </c>
    </row>
    <row r="36" spans="2:409" ht="21" customHeight="1" x14ac:dyDescent="0.2">
      <c r="B36" s="472" t="s">
        <v>31</v>
      </c>
      <c r="C36" s="100">
        <v>2380</v>
      </c>
      <c r="D36" s="104">
        <v>2100</v>
      </c>
      <c r="E36" s="103">
        <v>4480</v>
      </c>
      <c r="F36" s="99">
        <v>0</v>
      </c>
      <c r="G36" s="104">
        <v>289997</v>
      </c>
      <c r="H36" s="104">
        <v>449629</v>
      </c>
      <c r="I36" s="104">
        <v>301629</v>
      </c>
      <c r="J36" s="104">
        <v>154504</v>
      </c>
      <c r="K36" s="104">
        <v>187607</v>
      </c>
      <c r="L36" s="160">
        <v>1383366</v>
      </c>
      <c r="M36" s="106">
        <v>1387846</v>
      </c>
      <c r="N36" s="100">
        <v>0</v>
      </c>
      <c r="O36" s="104">
        <v>0</v>
      </c>
      <c r="P36" s="103">
        <v>0</v>
      </c>
      <c r="Q36" s="100">
        <v>0</v>
      </c>
      <c r="R36" s="104">
        <v>166254</v>
      </c>
      <c r="S36" s="104">
        <v>96894</v>
      </c>
      <c r="T36" s="104">
        <v>86667</v>
      </c>
      <c r="U36" s="104">
        <v>147518</v>
      </c>
      <c r="V36" s="104">
        <v>144963</v>
      </c>
      <c r="W36" s="103">
        <v>642296</v>
      </c>
      <c r="X36" s="106">
        <v>642296</v>
      </c>
      <c r="Y36" s="100">
        <v>0</v>
      </c>
      <c r="Z36" s="104">
        <v>0</v>
      </c>
      <c r="AA36" s="103">
        <v>0</v>
      </c>
      <c r="AB36" s="100">
        <v>0</v>
      </c>
      <c r="AC36" s="104">
        <v>57288</v>
      </c>
      <c r="AD36" s="104">
        <v>0</v>
      </c>
      <c r="AE36" s="104">
        <v>0</v>
      </c>
      <c r="AF36" s="104">
        <v>114184</v>
      </c>
      <c r="AG36" s="104">
        <v>0</v>
      </c>
      <c r="AH36" s="103">
        <v>171472</v>
      </c>
      <c r="AI36" s="106">
        <v>171472</v>
      </c>
      <c r="AJ36" s="100">
        <v>0</v>
      </c>
      <c r="AK36" s="104">
        <v>0</v>
      </c>
      <c r="AL36" s="103">
        <v>0</v>
      </c>
      <c r="AM36" s="100">
        <v>0</v>
      </c>
      <c r="AN36" s="104">
        <v>0</v>
      </c>
      <c r="AO36" s="104">
        <v>0</v>
      </c>
      <c r="AP36" s="104">
        <v>0</v>
      </c>
      <c r="AQ36" s="104">
        <v>0</v>
      </c>
      <c r="AR36" s="104">
        <v>76489</v>
      </c>
      <c r="AS36" s="103">
        <v>76489</v>
      </c>
      <c r="AT36" s="106">
        <v>76489</v>
      </c>
      <c r="AU36" s="100">
        <v>0</v>
      </c>
      <c r="AV36" s="104">
        <v>0</v>
      </c>
      <c r="AW36" s="103">
        <v>0</v>
      </c>
      <c r="AX36" s="100">
        <v>0</v>
      </c>
      <c r="AY36" s="104">
        <v>108966</v>
      </c>
      <c r="AZ36" s="104">
        <v>88494</v>
      </c>
      <c r="BA36" s="104">
        <v>86667</v>
      </c>
      <c r="BB36" s="104">
        <v>17724</v>
      </c>
      <c r="BC36" s="104">
        <v>68474</v>
      </c>
      <c r="BD36" s="103">
        <v>370325</v>
      </c>
      <c r="BE36" s="106">
        <v>370325</v>
      </c>
      <c r="BF36" s="100">
        <v>0</v>
      </c>
      <c r="BG36" s="104">
        <v>0</v>
      </c>
      <c r="BH36" s="102">
        <v>0</v>
      </c>
      <c r="BI36" s="101">
        <v>0</v>
      </c>
      <c r="BJ36" s="104">
        <v>0</v>
      </c>
      <c r="BK36" s="104">
        <v>0</v>
      </c>
      <c r="BL36" s="104">
        <v>0</v>
      </c>
      <c r="BM36" s="104">
        <v>0</v>
      </c>
      <c r="BN36" s="104">
        <v>0</v>
      </c>
      <c r="BO36" s="103">
        <v>0</v>
      </c>
      <c r="BP36" s="106">
        <v>0</v>
      </c>
      <c r="BQ36" s="100">
        <v>0</v>
      </c>
      <c r="BR36" s="104">
        <v>0</v>
      </c>
      <c r="BS36" s="103">
        <v>0</v>
      </c>
      <c r="BT36" s="100">
        <v>0</v>
      </c>
      <c r="BU36" s="104">
        <v>0</v>
      </c>
      <c r="BV36" s="104">
        <v>8400</v>
      </c>
      <c r="BW36" s="104">
        <v>0</v>
      </c>
      <c r="BX36" s="104">
        <v>15610</v>
      </c>
      <c r="BY36" s="104">
        <v>0</v>
      </c>
      <c r="BZ36" s="103">
        <v>24010</v>
      </c>
      <c r="CA36" s="106">
        <v>24010</v>
      </c>
      <c r="CB36" s="100">
        <v>0</v>
      </c>
      <c r="CC36" s="104">
        <v>0</v>
      </c>
      <c r="CD36" s="103">
        <v>0</v>
      </c>
      <c r="CE36" s="100">
        <v>0</v>
      </c>
      <c r="CF36" s="104">
        <v>89992</v>
      </c>
      <c r="CG36" s="104">
        <v>278269</v>
      </c>
      <c r="CH36" s="104">
        <v>131487</v>
      </c>
      <c r="CI36" s="104">
        <v>0</v>
      </c>
      <c r="CJ36" s="104">
        <v>0</v>
      </c>
      <c r="CK36" s="103">
        <v>499748</v>
      </c>
      <c r="CL36" s="106">
        <v>499748</v>
      </c>
      <c r="CM36" s="100">
        <v>0</v>
      </c>
      <c r="CN36" s="104">
        <v>0</v>
      </c>
      <c r="CO36" s="103">
        <v>0</v>
      </c>
      <c r="CP36" s="101">
        <v>0</v>
      </c>
      <c r="CQ36" s="104">
        <v>67669</v>
      </c>
      <c r="CR36" s="104">
        <v>185315</v>
      </c>
      <c r="CS36" s="104">
        <v>131487</v>
      </c>
      <c r="CT36" s="104">
        <v>0</v>
      </c>
      <c r="CU36" s="104">
        <v>0</v>
      </c>
      <c r="CV36" s="103">
        <v>384471</v>
      </c>
      <c r="CW36" s="106">
        <v>384471</v>
      </c>
      <c r="CX36" s="100">
        <v>0</v>
      </c>
      <c r="CY36" s="104">
        <v>0</v>
      </c>
      <c r="CZ36" s="103">
        <v>0</v>
      </c>
      <c r="DA36" s="100">
        <v>0</v>
      </c>
      <c r="DB36" s="104">
        <v>22323</v>
      </c>
      <c r="DC36" s="104">
        <v>92954</v>
      </c>
      <c r="DD36" s="104">
        <v>0</v>
      </c>
      <c r="DE36" s="104">
        <v>0</v>
      </c>
      <c r="DF36" s="104">
        <v>0</v>
      </c>
      <c r="DG36" s="103">
        <v>115277</v>
      </c>
      <c r="DH36" s="106">
        <v>115277</v>
      </c>
      <c r="DI36" s="100">
        <v>0</v>
      </c>
      <c r="DJ36" s="104">
        <v>0</v>
      </c>
      <c r="DK36" s="102">
        <v>0</v>
      </c>
      <c r="DL36" s="101">
        <v>0</v>
      </c>
      <c r="DM36" s="104">
        <v>23321</v>
      </c>
      <c r="DN36" s="104">
        <v>0</v>
      </c>
      <c r="DO36" s="104">
        <v>0</v>
      </c>
      <c r="DP36" s="104">
        <v>0</v>
      </c>
      <c r="DQ36" s="104">
        <v>11494</v>
      </c>
      <c r="DR36" s="103">
        <v>34815</v>
      </c>
      <c r="DS36" s="106">
        <v>34815</v>
      </c>
      <c r="DT36" s="100">
        <v>0</v>
      </c>
      <c r="DU36" s="104">
        <v>0</v>
      </c>
      <c r="DV36" s="103">
        <v>0</v>
      </c>
      <c r="DW36" s="100">
        <v>0</v>
      </c>
      <c r="DX36" s="104">
        <v>23321</v>
      </c>
      <c r="DY36" s="104">
        <v>0</v>
      </c>
      <c r="DZ36" s="104">
        <v>0</v>
      </c>
      <c r="EA36" s="104">
        <v>0</v>
      </c>
      <c r="EB36" s="104">
        <v>0</v>
      </c>
      <c r="EC36" s="103">
        <v>23321</v>
      </c>
      <c r="ED36" s="106">
        <v>23321</v>
      </c>
      <c r="EE36" s="100">
        <v>0</v>
      </c>
      <c r="EF36" s="102">
        <v>0</v>
      </c>
      <c r="EG36" s="103">
        <v>0</v>
      </c>
      <c r="EH36" s="100">
        <v>0</v>
      </c>
      <c r="EI36" s="104">
        <v>0</v>
      </c>
      <c r="EJ36" s="104">
        <v>0</v>
      </c>
      <c r="EK36" s="104">
        <v>0</v>
      </c>
      <c r="EL36" s="104">
        <v>0</v>
      </c>
      <c r="EM36" s="104">
        <v>11494</v>
      </c>
      <c r="EN36" s="102">
        <v>11494</v>
      </c>
      <c r="EO36" s="106">
        <v>11494</v>
      </c>
      <c r="EP36" s="100">
        <v>0</v>
      </c>
      <c r="EQ36" s="104">
        <v>0</v>
      </c>
      <c r="ER36" s="102">
        <v>0</v>
      </c>
      <c r="ES36" s="101">
        <v>0</v>
      </c>
      <c r="ET36" s="104">
        <v>0</v>
      </c>
      <c r="EU36" s="104">
        <v>0</v>
      </c>
      <c r="EV36" s="104">
        <v>0</v>
      </c>
      <c r="EW36" s="104">
        <v>0</v>
      </c>
      <c r="EX36" s="104">
        <v>0</v>
      </c>
      <c r="EY36" s="103">
        <v>0</v>
      </c>
      <c r="EZ36" s="106">
        <v>0</v>
      </c>
      <c r="FA36" s="100">
        <v>0</v>
      </c>
      <c r="FB36" s="104">
        <v>0</v>
      </c>
      <c r="FC36" s="102">
        <v>0</v>
      </c>
      <c r="FD36" s="324"/>
      <c r="FE36" s="104">
        <v>0</v>
      </c>
      <c r="FF36" s="104">
        <v>0</v>
      </c>
      <c r="FG36" s="104">
        <v>0</v>
      </c>
      <c r="FH36" s="104">
        <v>0</v>
      </c>
      <c r="FI36" s="104">
        <v>0</v>
      </c>
      <c r="FJ36" s="103">
        <v>0</v>
      </c>
      <c r="FK36" s="106">
        <v>0</v>
      </c>
      <c r="FL36" s="100">
        <v>2380</v>
      </c>
      <c r="FM36" s="104">
        <v>2100</v>
      </c>
      <c r="FN36" s="103">
        <v>4480</v>
      </c>
      <c r="FO36" s="100">
        <v>0</v>
      </c>
      <c r="FP36" s="104">
        <v>10430</v>
      </c>
      <c r="FQ36" s="104">
        <v>74466</v>
      </c>
      <c r="FR36" s="104">
        <v>83475</v>
      </c>
      <c r="FS36" s="104">
        <v>6986</v>
      </c>
      <c r="FT36" s="104">
        <v>31150</v>
      </c>
      <c r="FU36" s="103">
        <v>206507</v>
      </c>
      <c r="FV36" s="106">
        <v>210987</v>
      </c>
      <c r="FW36" s="105">
        <v>2380</v>
      </c>
      <c r="FX36" s="104">
        <v>2100</v>
      </c>
      <c r="FY36" s="102">
        <v>4480</v>
      </c>
      <c r="FZ36" s="101">
        <v>0</v>
      </c>
      <c r="GA36" s="104">
        <v>10430</v>
      </c>
      <c r="GB36" s="104">
        <v>28616</v>
      </c>
      <c r="GC36" s="104">
        <v>36505</v>
      </c>
      <c r="GD36" s="104">
        <v>6986</v>
      </c>
      <c r="GE36" s="104">
        <v>31150</v>
      </c>
      <c r="GF36" s="103">
        <v>113687</v>
      </c>
      <c r="GG36" s="296">
        <v>118167</v>
      </c>
      <c r="GH36" s="105">
        <v>0</v>
      </c>
      <c r="GI36" s="104">
        <v>0</v>
      </c>
      <c r="GJ36" s="102">
        <v>0</v>
      </c>
      <c r="GK36" s="101">
        <v>0</v>
      </c>
      <c r="GL36" s="104">
        <v>0</v>
      </c>
      <c r="GM36" s="104">
        <v>45850</v>
      </c>
      <c r="GN36" s="104">
        <v>0</v>
      </c>
      <c r="GO36" s="104">
        <v>0</v>
      </c>
      <c r="GP36" s="104">
        <v>0</v>
      </c>
      <c r="GQ36" s="103">
        <v>45850</v>
      </c>
      <c r="GR36" s="106">
        <v>45850</v>
      </c>
      <c r="GS36" s="100">
        <v>0</v>
      </c>
      <c r="GT36" s="104">
        <v>0</v>
      </c>
      <c r="GU36" s="103">
        <v>0</v>
      </c>
      <c r="GV36" s="100">
        <v>0</v>
      </c>
      <c r="GW36" s="104">
        <v>0</v>
      </c>
      <c r="GX36" s="104">
        <v>0</v>
      </c>
      <c r="GY36" s="104">
        <v>46970</v>
      </c>
      <c r="GZ36" s="104">
        <v>0</v>
      </c>
      <c r="HA36" s="104">
        <v>0</v>
      </c>
      <c r="HB36" s="102">
        <v>46970</v>
      </c>
      <c r="HC36" s="106">
        <v>46970</v>
      </c>
      <c r="HD36" s="100">
        <v>0</v>
      </c>
      <c r="HE36" s="104">
        <v>0</v>
      </c>
      <c r="HF36" s="102">
        <v>0</v>
      </c>
      <c r="HG36" s="101">
        <v>0</v>
      </c>
      <c r="HH36" s="104">
        <v>0</v>
      </c>
      <c r="HI36" s="104">
        <v>0</v>
      </c>
      <c r="HJ36" s="104">
        <v>0</v>
      </c>
      <c r="HK36" s="104">
        <v>0</v>
      </c>
      <c r="HL36" s="104">
        <v>0</v>
      </c>
      <c r="HM36" s="103">
        <v>0</v>
      </c>
      <c r="HN36" s="99">
        <v>0</v>
      </c>
      <c r="HO36" s="306"/>
      <c r="HP36" s="307"/>
      <c r="HQ36" s="308"/>
      <c r="HR36" s="309"/>
      <c r="HS36" s="307"/>
      <c r="HT36" s="307"/>
      <c r="HU36" s="307"/>
      <c r="HV36" s="307"/>
      <c r="HW36" s="307"/>
      <c r="HX36" s="310"/>
      <c r="HY36" s="311"/>
      <c r="HZ36" s="137">
        <v>0</v>
      </c>
      <c r="IA36" s="122">
        <v>0</v>
      </c>
      <c r="IB36" s="137">
        <v>0</v>
      </c>
      <c r="IC36" s="121">
        <v>0</v>
      </c>
      <c r="ID36" s="122">
        <v>49556</v>
      </c>
      <c r="IE36" s="123">
        <v>252979</v>
      </c>
      <c r="IF36" s="124">
        <v>78869</v>
      </c>
      <c r="IG36" s="122">
        <v>0</v>
      </c>
      <c r="IH36" s="124">
        <v>0</v>
      </c>
      <c r="II36" s="125">
        <v>381404</v>
      </c>
      <c r="IJ36" s="137">
        <v>381404</v>
      </c>
      <c r="IK36" s="219">
        <v>0</v>
      </c>
      <c r="IL36" s="223">
        <v>0</v>
      </c>
      <c r="IM36" s="224">
        <v>0</v>
      </c>
      <c r="IN36" s="127"/>
      <c r="IO36" s="109">
        <v>0</v>
      </c>
      <c r="IP36" s="109">
        <v>88424</v>
      </c>
      <c r="IQ36" s="109">
        <v>0</v>
      </c>
      <c r="IR36" s="109">
        <v>0</v>
      </c>
      <c r="IS36" s="109">
        <v>0</v>
      </c>
      <c r="IT36" s="128">
        <v>88424</v>
      </c>
      <c r="IU36" s="298">
        <v>88424</v>
      </c>
      <c r="IV36" s="129">
        <v>0</v>
      </c>
      <c r="IW36" s="109">
        <v>0</v>
      </c>
      <c r="IX36" s="110">
        <v>0</v>
      </c>
      <c r="IY36" s="131"/>
      <c r="IZ36" s="109">
        <v>0</v>
      </c>
      <c r="JA36" s="109">
        <v>0</v>
      </c>
      <c r="JB36" s="109">
        <v>0</v>
      </c>
      <c r="JC36" s="109">
        <v>0</v>
      </c>
      <c r="JD36" s="109">
        <v>0</v>
      </c>
      <c r="JE36" s="110">
        <v>0</v>
      </c>
      <c r="JF36" s="111">
        <v>0</v>
      </c>
      <c r="JG36" s="129">
        <v>0</v>
      </c>
      <c r="JH36" s="109">
        <v>0</v>
      </c>
      <c r="JI36" s="128">
        <v>0</v>
      </c>
      <c r="JJ36" s="108">
        <v>0</v>
      </c>
      <c r="JK36" s="109">
        <v>49556</v>
      </c>
      <c r="JL36" s="109">
        <v>11995</v>
      </c>
      <c r="JM36" s="109">
        <v>78869</v>
      </c>
      <c r="JN36" s="109">
        <v>0</v>
      </c>
      <c r="JO36" s="109">
        <v>0</v>
      </c>
      <c r="JP36" s="110">
        <v>140420</v>
      </c>
      <c r="JQ36" s="298">
        <v>140420</v>
      </c>
      <c r="JR36" s="129">
        <v>0</v>
      </c>
      <c r="JS36" s="109">
        <v>0</v>
      </c>
      <c r="JT36" s="128">
        <v>0</v>
      </c>
      <c r="JU36" s="108">
        <v>0</v>
      </c>
      <c r="JV36" s="109">
        <v>0</v>
      </c>
      <c r="JW36" s="109">
        <v>0</v>
      </c>
      <c r="JX36" s="109">
        <v>0</v>
      </c>
      <c r="JY36" s="109">
        <v>0</v>
      </c>
      <c r="JZ36" s="109">
        <v>0</v>
      </c>
      <c r="KA36" s="110">
        <v>0</v>
      </c>
      <c r="KB36" s="298">
        <v>0</v>
      </c>
      <c r="KC36" s="221">
        <v>0</v>
      </c>
      <c r="KD36" s="217">
        <v>0</v>
      </c>
      <c r="KE36" s="110">
        <v>0</v>
      </c>
      <c r="KF36" s="108">
        <v>0</v>
      </c>
      <c r="KG36" s="109">
        <v>0</v>
      </c>
      <c r="KH36" s="109">
        <v>152560</v>
      </c>
      <c r="KI36" s="109">
        <v>0</v>
      </c>
      <c r="KJ36" s="109">
        <v>0</v>
      </c>
      <c r="KK36" s="109">
        <v>0</v>
      </c>
      <c r="KL36" s="110">
        <v>152560</v>
      </c>
      <c r="KM36" s="130">
        <v>152560</v>
      </c>
      <c r="KN36" s="219">
        <v>0</v>
      </c>
      <c r="KO36" s="223">
        <v>0</v>
      </c>
      <c r="KP36" s="224">
        <v>0</v>
      </c>
      <c r="KQ36" s="127"/>
      <c r="KR36" s="109">
        <v>0</v>
      </c>
      <c r="KS36" s="109">
        <v>0</v>
      </c>
      <c r="KT36" s="109">
        <v>0</v>
      </c>
      <c r="KU36" s="109">
        <v>0</v>
      </c>
      <c r="KV36" s="109">
        <v>0</v>
      </c>
      <c r="KW36" s="110">
        <v>0</v>
      </c>
      <c r="KX36" s="298">
        <v>0</v>
      </c>
      <c r="KY36" s="129">
        <v>0</v>
      </c>
      <c r="KZ36" s="109">
        <v>0</v>
      </c>
      <c r="LA36" s="110">
        <v>0</v>
      </c>
      <c r="LB36" s="132"/>
      <c r="LC36" s="109">
        <v>0</v>
      </c>
      <c r="LD36" s="109">
        <v>0</v>
      </c>
      <c r="LE36" s="109">
        <v>0</v>
      </c>
      <c r="LF36" s="109">
        <v>0</v>
      </c>
      <c r="LG36" s="109">
        <v>0</v>
      </c>
      <c r="LH36" s="110">
        <v>0</v>
      </c>
      <c r="LI36" s="111">
        <v>0</v>
      </c>
      <c r="LJ36" s="129">
        <v>0</v>
      </c>
      <c r="LK36" s="109">
        <v>0</v>
      </c>
      <c r="LL36" s="110">
        <v>0</v>
      </c>
      <c r="LM36" s="132"/>
      <c r="LN36" s="109">
        <v>0</v>
      </c>
      <c r="LO36" s="109">
        <v>0</v>
      </c>
      <c r="LP36" s="109">
        <v>0</v>
      </c>
      <c r="LQ36" s="109">
        <v>0</v>
      </c>
      <c r="LR36" s="109">
        <v>0</v>
      </c>
      <c r="LS36" s="110">
        <v>0</v>
      </c>
      <c r="LT36" s="298">
        <v>0</v>
      </c>
      <c r="LU36" s="129">
        <v>0</v>
      </c>
      <c r="LV36" s="109">
        <v>0</v>
      </c>
      <c r="LW36" s="110">
        <v>0</v>
      </c>
      <c r="LX36" s="132"/>
      <c r="LY36" s="109">
        <v>0</v>
      </c>
      <c r="LZ36" s="109">
        <v>0</v>
      </c>
      <c r="MA36" s="109">
        <v>0</v>
      </c>
      <c r="MB36" s="109">
        <v>0</v>
      </c>
      <c r="MC36" s="109">
        <v>0</v>
      </c>
      <c r="MD36" s="110">
        <v>0</v>
      </c>
      <c r="ME36" s="111">
        <v>0</v>
      </c>
      <c r="MF36" s="129">
        <v>0</v>
      </c>
      <c r="MG36" s="109">
        <v>0</v>
      </c>
      <c r="MH36" s="110">
        <v>0</v>
      </c>
      <c r="MI36" s="132"/>
      <c r="MJ36" s="109">
        <v>0</v>
      </c>
      <c r="MK36" s="109">
        <v>206983</v>
      </c>
      <c r="ML36" s="109">
        <v>339430</v>
      </c>
      <c r="MM36" s="109">
        <v>0</v>
      </c>
      <c r="MN36" s="109">
        <v>204400</v>
      </c>
      <c r="MO36" s="110">
        <v>750813</v>
      </c>
      <c r="MP36" s="130">
        <v>750813</v>
      </c>
      <c r="MQ36" s="129">
        <v>0</v>
      </c>
      <c r="MR36" s="109">
        <v>0</v>
      </c>
      <c r="MS36" s="110">
        <v>0</v>
      </c>
      <c r="MT36" s="132"/>
      <c r="MU36" s="109">
        <v>0</v>
      </c>
      <c r="MV36" s="109">
        <v>0</v>
      </c>
      <c r="MW36" s="109">
        <v>120661</v>
      </c>
      <c r="MX36" s="109">
        <v>0</v>
      </c>
      <c r="MY36" s="109">
        <v>204400</v>
      </c>
      <c r="MZ36" s="110">
        <v>325061</v>
      </c>
      <c r="NA36" s="130">
        <v>325061</v>
      </c>
      <c r="NB36" s="129">
        <v>0</v>
      </c>
      <c r="NC36" s="109">
        <v>0</v>
      </c>
      <c r="ND36" s="110">
        <v>0</v>
      </c>
      <c r="NE36" s="132"/>
      <c r="NF36" s="109">
        <v>0</v>
      </c>
      <c r="NG36" s="109">
        <v>206983</v>
      </c>
      <c r="NH36" s="109">
        <v>218769</v>
      </c>
      <c r="NI36" s="109">
        <v>0</v>
      </c>
      <c r="NJ36" s="109">
        <v>0</v>
      </c>
      <c r="NK36" s="110">
        <v>425752</v>
      </c>
      <c r="NL36" s="298">
        <v>425752</v>
      </c>
      <c r="NM36" s="129">
        <v>0</v>
      </c>
      <c r="NN36" s="109">
        <v>0</v>
      </c>
      <c r="NO36" s="110">
        <v>0</v>
      </c>
      <c r="NP36" s="132"/>
      <c r="NQ36" s="109">
        <v>0</v>
      </c>
      <c r="NR36" s="109">
        <v>0</v>
      </c>
      <c r="NS36" s="109">
        <v>0</v>
      </c>
      <c r="NT36" s="109">
        <v>0</v>
      </c>
      <c r="NU36" s="109">
        <v>0</v>
      </c>
      <c r="NV36" s="110">
        <v>0</v>
      </c>
      <c r="NW36" s="111">
        <v>0</v>
      </c>
      <c r="NX36" s="129">
        <v>0</v>
      </c>
      <c r="NY36" s="109">
        <v>0</v>
      </c>
      <c r="NZ36" s="110">
        <v>0</v>
      </c>
      <c r="OA36" s="132"/>
      <c r="OB36" s="109">
        <v>0</v>
      </c>
      <c r="OC36" s="109">
        <v>0</v>
      </c>
      <c r="OD36" s="109">
        <v>0</v>
      </c>
      <c r="OE36" s="109">
        <v>0</v>
      </c>
      <c r="OF36" s="109">
        <v>0</v>
      </c>
      <c r="OG36" s="110">
        <v>0</v>
      </c>
      <c r="OH36" s="111">
        <v>0</v>
      </c>
      <c r="OI36" s="129">
        <v>2380</v>
      </c>
      <c r="OJ36" s="109">
        <v>2100</v>
      </c>
      <c r="OK36" s="128">
        <v>4480</v>
      </c>
      <c r="OL36" s="108">
        <v>0</v>
      </c>
      <c r="OM36" s="109">
        <v>339553</v>
      </c>
      <c r="ON36" s="109">
        <v>909591</v>
      </c>
      <c r="OO36" s="109">
        <v>719928</v>
      </c>
      <c r="OP36" s="109">
        <v>154504</v>
      </c>
      <c r="OQ36" s="109">
        <v>392007</v>
      </c>
      <c r="OR36" s="110">
        <v>2515583</v>
      </c>
      <c r="OS36" s="130">
        <v>2520063</v>
      </c>
    </row>
    <row r="37" spans="2:409" ht="21" customHeight="1" x14ac:dyDescent="0.2">
      <c r="B37" s="472" t="s">
        <v>32</v>
      </c>
      <c r="C37" s="100">
        <v>10920</v>
      </c>
      <c r="D37" s="104">
        <v>0</v>
      </c>
      <c r="E37" s="161">
        <v>10920</v>
      </c>
      <c r="F37" s="162">
        <v>0</v>
      </c>
      <c r="G37" s="163">
        <v>456205</v>
      </c>
      <c r="H37" s="163">
        <v>611289</v>
      </c>
      <c r="I37" s="163">
        <v>317701</v>
      </c>
      <c r="J37" s="163">
        <v>572576</v>
      </c>
      <c r="K37" s="163">
        <v>237944</v>
      </c>
      <c r="L37" s="164">
        <v>2195715</v>
      </c>
      <c r="M37" s="106">
        <v>2206635</v>
      </c>
      <c r="N37" s="100">
        <v>0</v>
      </c>
      <c r="O37" s="104">
        <v>0</v>
      </c>
      <c r="P37" s="103">
        <v>0</v>
      </c>
      <c r="Q37" s="100">
        <v>0</v>
      </c>
      <c r="R37" s="104">
        <v>88277</v>
      </c>
      <c r="S37" s="104">
        <v>132685</v>
      </c>
      <c r="T37" s="104">
        <v>196664</v>
      </c>
      <c r="U37" s="104">
        <v>37254</v>
      </c>
      <c r="V37" s="104">
        <v>70896</v>
      </c>
      <c r="W37" s="103">
        <v>525776</v>
      </c>
      <c r="X37" s="106">
        <v>525776</v>
      </c>
      <c r="Y37" s="100">
        <v>0</v>
      </c>
      <c r="Z37" s="104">
        <v>0</v>
      </c>
      <c r="AA37" s="103">
        <v>0</v>
      </c>
      <c r="AB37" s="100">
        <v>0</v>
      </c>
      <c r="AC37" s="104">
        <v>35091</v>
      </c>
      <c r="AD37" s="104">
        <v>39445</v>
      </c>
      <c r="AE37" s="104">
        <v>64196</v>
      </c>
      <c r="AF37" s="104">
        <v>0</v>
      </c>
      <c r="AG37" s="104">
        <v>0</v>
      </c>
      <c r="AH37" s="103">
        <v>138732</v>
      </c>
      <c r="AI37" s="106">
        <v>138732</v>
      </c>
      <c r="AJ37" s="100">
        <v>0</v>
      </c>
      <c r="AK37" s="104">
        <v>0</v>
      </c>
      <c r="AL37" s="103">
        <v>0</v>
      </c>
      <c r="AM37" s="100">
        <v>0</v>
      </c>
      <c r="AN37" s="104">
        <v>0</v>
      </c>
      <c r="AO37" s="104">
        <v>0</v>
      </c>
      <c r="AP37" s="104">
        <v>39767</v>
      </c>
      <c r="AQ37" s="104">
        <v>0</v>
      </c>
      <c r="AR37" s="104">
        <v>0</v>
      </c>
      <c r="AS37" s="103">
        <v>39767</v>
      </c>
      <c r="AT37" s="106">
        <v>39767</v>
      </c>
      <c r="AU37" s="100">
        <v>0</v>
      </c>
      <c r="AV37" s="104">
        <v>0</v>
      </c>
      <c r="AW37" s="103">
        <v>0</v>
      </c>
      <c r="AX37" s="100">
        <v>0</v>
      </c>
      <c r="AY37" s="104">
        <v>53186</v>
      </c>
      <c r="AZ37" s="104">
        <v>54453</v>
      </c>
      <c r="BA37" s="104">
        <v>88529</v>
      </c>
      <c r="BB37" s="104">
        <v>0</v>
      </c>
      <c r="BC37" s="104">
        <v>58366</v>
      </c>
      <c r="BD37" s="103">
        <v>254534</v>
      </c>
      <c r="BE37" s="106">
        <v>254534</v>
      </c>
      <c r="BF37" s="100">
        <v>0</v>
      </c>
      <c r="BG37" s="104">
        <v>0</v>
      </c>
      <c r="BH37" s="102">
        <v>0</v>
      </c>
      <c r="BI37" s="101">
        <v>0</v>
      </c>
      <c r="BJ37" s="104">
        <v>0</v>
      </c>
      <c r="BK37" s="104">
        <v>26768</v>
      </c>
      <c r="BL37" s="104">
        <v>0</v>
      </c>
      <c r="BM37" s="104">
        <v>26768</v>
      </c>
      <c r="BN37" s="104">
        <v>0</v>
      </c>
      <c r="BO37" s="103">
        <v>53536</v>
      </c>
      <c r="BP37" s="106">
        <v>53536</v>
      </c>
      <c r="BQ37" s="100">
        <v>0</v>
      </c>
      <c r="BR37" s="104">
        <v>0</v>
      </c>
      <c r="BS37" s="103">
        <v>0</v>
      </c>
      <c r="BT37" s="100">
        <v>0</v>
      </c>
      <c r="BU37" s="104">
        <v>0</v>
      </c>
      <c r="BV37" s="104">
        <v>12019</v>
      </c>
      <c r="BW37" s="104">
        <v>4172</v>
      </c>
      <c r="BX37" s="104">
        <v>10486</v>
      </c>
      <c r="BY37" s="104">
        <v>12530</v>
      </c>
      <c r="BZ37" s="103">
        <v>39207</v>
      </c>
      <c r="CA37" s="106">
        <v>39207</v>
      </c>
      <c r="CB37" s="100">
        <v>0</v>
      </c>
      <c r="CC37" s="104">
        <v>0</v>
      </c>
      <c r="CD37" s="103">
        <v>0</v>
      </c>
      <c r="CE37" s="100">
        <v>0</v>
      </c>
      <c r="CF37" s="104">
        <v>223175</v>
      </c>
      <c r="CG37" s="104">
        <v>248570</v>
      </c>
      <c r="CH37" s="104">
        <v>51702</v>
      </c>
      <c r="CI37" s="104">
        <v>241183</v>
      </c>
      <c r="CJ37" s="104">
        <v>92491</v>
      </c>
      <c r="CK37" s="103">
        <v>857121</v>
      </c>
      <c r="CL37" s="106">
        <v>857121</v>
      </c>
      <c r="CM37" s="100">
        <v>0</v>
      </c>
      <c r="CN37" s="104">
        <v>0</v>
      </c>
      <c r="CO37" s="103">
        <v>0</v>
      </c>
      <c r="CP37" s="101">
        <v>0</v>
      </c>
      <c r="CQ37" s="104">
        <v>223175</v>
      </c>
      <c r="CR37" s="104">
        <v>162764</v>
      </c>
      <c r="CS37" s="104">
        <v>0</v>
      </c>
      <c r="CT37" s="104">
        <v>131339</v>
      </c>
      <c r="CU37" s="104">
        <v>46872</v>
      </c>
      <c r="CV37" s="103">
        <v>564150</v>
      </c>
      <c r="CW37" s="106">
        <v>564150</v>
      </c>
      <c r="CX37" s="100">
        <v>0</v>
      </c>
      <c r="CY37" s="104">
        <v>0</v>
      </c>
      <c r="CZ37" s="103">
        <v>0</v>
      </c>
      <c r="DA37" s="100">
        <v>0</v>
      </c>
      <c r="DB37" s="104">
        <v>0</v>
      </c>
      <c r="DC37" s="104">
        <v>85806</v>
      </c>
      <c r="DD37" s="104">
        <v>51702</v>
      </c>
      <c r="DE37" s="104">
        <v>109844</v>
      </c>
      <c r="DF37" s="104">
        <v>45619</v>
      </c>
      <c r="DG37" s="103">
        <v>292971</v>
      </c>
      <c r="DH37" s="106">
        <v>292971</v>
      </c>
      <c r="DI37" s="100">
        <v>0</v>
      </c>
      <c r="DJ37" s="104">
        <v>0</v>
      </c>
      <c r="DK37" s="102">
        <v>0</v>
      </c>
      <c r="DL37" s="101">
        <v>0</v>
      </c>
      <c r="DM37" s="104">
        <v>0</v>
      </c>
      <c r="DN37" s="104">
        <v>17332</v>
      </c>
      <c r="DO37" s="104">
        <v>0</v>
      </c>
      <c r="DP37" s="104">
        <v>54781</v>
      </c>
      <c r="DQ37" s="104">
        <v>57197</v>
      </c>
      <c r="DR37" s="103">
        <v>129310</v>
      </c>
      <c r="DS37" s="106">
        <v>129310</v>
      </c>
      <c r="DT37" s="100">
        <v>0</v>
      </c>
      <c r="DU37" s="104">
        <v>0</v>
      </c>
      <c r="DV37" s="103">
        <v>0</v>
      </c>
      <c r="DW37" s="100">
        <v>0</v>
      </c>
      <c r="DX37" s="104">
        <v>0</v>
      </c>
      <c r="DY37" s="104">
        <v>17332</v>
      </c>
      <c r="DZ37" s="104">
        <v>0</v>
      </c>
      <c r="EA37" s="104">
        <v>54781</v>
      </c>
      <c r="EB37" s="104">
        <v>18263</v>
      </c>
      <c r="EC37" s="103">
        <v>90376</v>
      </c>
      <c r="ED37" s="106">
        <v>90376</v>
      </c>
      <c r="EE37" s="100">
        <v>0</v>
      </c>
      <c r="EF37" s="102">
        <v>0</v>
      </c>
      <c r="EG37" s="103">
        <v>0</v>
      </c>
      <c r="EH37" s="100">
        <v>0</v>
      </c>
      <c r="EI37" s="104">
        <v>0</v>
      </c>
      <c r="EJ37" s="104">
        <v>0</v>
      </c>
      <c r="EK37" s="104">
        <v>0</v>
      </c>
      <c r="EL37" s="104">
        <v>0</v>
      </c>
      <c r="EM37" s="104">
        <v>38934</v>
      </c>
      <c r="EN37" s="102">
        <v>38934</v>
      </c>
      <c r="EO37" s="106">
        <v>38934</v>
      </c>
      <c r="EP37" s="100">
        <v>0</v>
      </c>
      <c r="EQ37" s="104">
        <v>0</v>
      </c>
      <c r="ER37" s="102">
        <v>0</v>
      </c>
      <c r="ES37" s="101">
        <v>0</v>
      </c>
      <c r="ET37" s="104">
        <v>0</v>
      </c>
      <c r="EU37" s="104">
        <v>0</v>
      </c>
      <c r="EV37" s="104">
        <v>0</v>
      </c>
      <c r="EW37" s="104">
        <v>0</v>
      </c>
      <c r="EX37" s="104">
        <v>0</v>
      </c>
      <c r="EY37" s="103">
        <v>0</v>
      </c>
      <c r="EZ37" s="106">
        <v>0</v>
      </c>
      <c r="FA37" s="100">
        <v>0</v>
      </c>
      <c r="FB37" s="104">
        <v>0</v>
      </c>
      <c r="FC37" s="102">
        <v>0</v>
      </c>
      <c r="FD37" s="324"/>
      <c r="FE37" s="104">
        <v>0</v>
      </c>
      <c r="FF37" s="104">
        <v>0</v>
      </c>
      <c r="FG37" s="104">
        <v>0</v>
      </c>
      <c r="FH37" s="104">
        <v>0</v>
      </c>
      <c r="FI37" s="104">
        <v>0</v>
      </c>
      <c r="FJ37" s="103">
        <v>0</v>
      </c>
      <c r="FK37" s="106">
        <v>0</v>
      </c>
      <c r="FL37" s="100">
        <v>10920</v>
      </c>
      <c r="FM37" s="104">
        <v>0</v>
      </c>
      <c r="FN37" s="103">
        <v>10920</v>
      </c>
      <c r="FO37" s="100">
        <v>0</v>
      </c>
      <c r="FP37" s="104">
        <v>10500</v>
      </c>
      <c r="FQ37" s="104">
        <v>62335</v>
      </c>
      <c r="FR37" s="104">
        <v>69335</v>
      </c>
      <c r="FS37" s="104">
        <v>57288</v>
      </c>
      <c r="FT37" s="104">
        <v>17360</v>
      </c>
      <c r="FU37" s="103">
        <v>216818</v>
      </c>
      <c r="FV37" s="106">
        <v>227738</v>
      </c>
      <c r="FW37" s="105">
        <v>10920</v>
      </c>
      <c r="FX37" s="104">
        <v>0</v>
      </c>
      <c r="FY37" s="102">
        <v>10920</v>
      </c>
      <c r="FZ37" s="101">
        <v>0</v>
      </c>
      <c r="GA37" s="104">
        <v>10500</v>
      </c>
      <c r="GB37" s="104">
        <v>62335</v>
      </c>
      <c r="GC37" s="104">
        <v>69335</v>
      </c>
      <c r="GD37" s="104">
        <v>57288</v>
      </c>
      <c r="GE37" s="104">
        <v>17360</v>
      </c>
      <c r="GF37" s="103">
        <v>216818</v>
      </c>
      <c r="GG37" s="296">
        <v>227738</v>
      </c>
      <c r="GH37" s="105">
        <v>0</v>
      </c>
      <c r="GI37" s="104">
        <v>0</v>
      </c>
      <c r="GJ37" s="102">
        <v>0</v>
      </c>
      <c r="GK37" s="101">
        <v>0</v>
      </c>
      <c r="GL37" s="104">
        <v>0</v>
      </c>
      <c r="GM37" s="104">
        <v>0</v>
      </c>
      <c r="GN37" s="104">
        <v>0</v>
      </c>
      <c r="GO37" s="104">
        <v>0</v>
      </c>
      <c r="GP37" s="104">
        <v>0</v>
      </c>
      <c r="GQ37" s="103">
        <v>0</v>
      </c>
      <c r="GR37" s="106">
        <v>0</v>
      </c>
      <c r="GS37" s="100">
        <v>0</v>
      </c>
      <c r="GT37" s="104">
        <v>0</v>
      </c>
      <c r="GU37" s="103">
        <v>0</v>
      </c>
      <c r="GV37" s="100">
        <v>0</v>
      </c>
      <c r="GW37" s="104">
        <v>0</v>
      </c>
      <c r="GX37" s="104">
        <v>0</v>
      </c>
      <c r="GY37" s="104">
        <v>0</v>
      </c>
      <c r="GZ37" s="104">
        <v>0</v>
      </c>
      <c r="HA37" s="104">
        <v>0</v>
      </c>
      <c r="HB37" s="102">
        <v>0</v>
      </c>
      <c r="HC37" s="106">
        <v>0</v>
      </c>
      <c r="HD37" s="100">
        <v>0</v>
      </c>
      <c r="HE37" s="104">
        <v>0</v>
      </c>
      <c r="HF37" s="102">
        <v>0</v>
      </c>
      <c r="HG37" s="101">
        <v>0</v>
      </c>
      <c r="HH37" s="104">
        <v>134253</v>
      </c>
      <c r="HI37" s="104">
        <v>150367</v>
      </c>
      <c r="HJ37" s="104">
        <v>0</v>
      </c>
      <c r="HK37" s="104">
        <v>182070</v>
      </c>
      <c r="HL37" s="104">
        <v>0</v>
      </c>
      <c r="HM37" s="103">
        <v>466690</v>
      </c>
      <c r="HN37" s="99">
        <v>466690</v>
      </c>
      <c r="HO37" s="306"/>
      <c r="HP37" s="307"/>
      <c r="HQ37" s="308"/>
      <c r="HR37" s="309"/>
      <c r="HS37" s="307"/>
      <c r="HT37" s="307"/>
      <c r="HU37" s="307"/>
      <c r="HV37" s="307"/>
      <c r="HW37" s="307"/>
      <c r="HX37" s="310"/>
      <c r="HY37" s="311"/>
      <c r="HZ37" s="118">
        <v>0</v>
      </c>
      <c r="IA37" s="119">
        <v>0</v>
      </c>
      <c r="IB37" s="120">
        <v>0</v>
      </c>
      <c r="IC37" s="133">
        <v>0</v>
      </c>
      <c r="ID37" s="119">
        <v>156464</v>
      </c>
      <c r="IE37" s="134">
        <v>84616</v>
      </c>
      <c r="IF37" s="120">
        <v>226056</v>
      </c>
      <c r="IG37" s="119">
        <v>0</v>
      </c>
      <c r="IH37" s="120">
        <v>439635</v>
      </c>
      <c r="II37" s="135">
        <v>906771</v>
      </c>
      <c r="IJ37" s="126">
        <v>906771</v>
      </c>
      <c r="IK37" s="219">
        <v>0</v>
      </c>
      <c r="IL37" s="223">
        <v>0</v>
      </c>
      <c r="IM37" s="224">
        <v>0</v>
      </c>
      <c r="IN37" s="127"/>
      <c r="IO37" s="109">
        <v>0</v>
      </c>
      <c r="IP37" s="109">
        <v>84616</v>
      </c>
      <c r="IQ37" s="109">
        <v>0</v>
      </c>
      <c r="IR37" s="109">
        <v>0</v>
      </c>
      <c r="IS37" s="109">
        <v>0</v>
      </c>
      <c r="IT37" s="128">
        <v>84616</v>
      </c>
      <c r="IU37" s="298">
        <v>84616</v>
      </c>
      <c r="IV37" s="129">
        <v>0</v>
      </c>
      <c r="IW37" s="109">
        <v>0</v>
      </c>
      <c r="IX37" s="110">
        <v>0</v>
      </c>
      <c r="IY37" s="131"/>
      <c r="IZ37" s="109">
        <v>0</v>
      </c>
      <c r="JA37" s="109">
        <v>0</v>
      </c>
      <c r="JB37" s="109">
        <v>0</v>
      </c>
      <c r="JC37" s="109">
        <v>0</v>
      </c>
      <c r="JD37" s="109">
        <v>0</v>
      </c>
      <c r="JE37" s="110">
        <v>0</v>
      </c>
      <c r="JF37" s="111">
        <v>0</v>
      </c>
      <c r="JG37" s="129">
        <v>0</v>
      </c>
      <c r="JH37" s="109">
        <v>0</v>
      </c>
      <c r="JI37" s="128">
        <v>0</v>
      </c>
      <c r="JJ37" s="108">
        <v>0</v>
      </c>
      <c r="JK37" s="109">
        <v>31626</v>
      </c>
      <c r="JL37" s="109">
        <v>0</v>
      </c>
      <c r="JM37" s="109">
        <v>33626</v>
      </c>
      <c r="JN37" s="109">
        <v>0</v>
      </c>
      <c r="JO37" s="109">
        <v>0</v>
      </c>
      <c r="JP37" s="110">
        <v>65252</v>
      </c>
      <c r="JQ37" s="298">
        <v>65252</v>
      </c>
      <c r="JR37" s="129">
        <v>0</v>
      </c>
      <c r="JS37" s="109">
        <v>0</v>
      </c>
      <c r="JT37" s="128">
        <v>0</v>
      </c>
      <c r="JU37" s="108">
        <v>0</v>
      </c>
      <c r="JV37" s="109">
        <v>124838</v>
      </c>
      <c r="JW37" s="109">
        <v>0</v>
      </c>
      <c r="JX37" s="109">
        <v>0</v>
      </c>
      <c r="JY37" s="109">
        <v>0</v>
      </c>
      <c r="JZ37" s="109">
        <v>0</v>
      </c>
      <c r="KA37" s="110">
        <v>124838</v>
      </c>
      <c r="KB37" s="298">
        <v>124838</v>
      </c>
      <c r="KC37" s="221">
        <v>0</v>
      </c>
      <c r="KD37" s="217">
        <v>0</v>
      </c>
      <c r="KE37" s="110">
        <v>0</v>
      </c>
      <c r="KF37" s="108">
        <v>0</v>
      </c>
      <c r="KG37" s="109">
        <v>0</v>
      </c>
      <c r="KH37" s="109">
        <v>0</v>
      </c>
      <c r="KI37" s="109">
        <v>192430</v>
      </c>
      <c r="KJ37" s="109">
        <v>0</v>
      </c>
      <c r="KK37" s="109">
        <v>0</v>
      </c>
      <c r="KL37" s="110">
        <v>192430</v>
      </c>
      <c r="KM37" s="130">
        <v>192430</v>
      </c>
      <c r="KN37" s="219">
        <v>0</v>
      </c>
      <c r="KO37" s="223">
        <v>0</v>
      </c>
      <c r="KP37" s="224">
        <v>0</v>
      </c>
      <c r="KQ37" s="127"/>
      <c r="KR37" s="109">
        <v>0</v>
      </c>
      <c r="KS37" s="109">
        <v>0</v>
      </c>
      <c r="KT37" s="109">
        <v>0</v>
      </c>
      <c r="KU37" s="109">
        <v>0</v>
      </c>
      <c r="KV37" s="109">
        <v>228788</v>
      </c>
      <c r="KW37" s="110">
        <v>228788</v>
      </c>
      <c r="KX37" s="298">
        <v>228788</v>
      </c>
      <c r="KY37" s="129">
        <v>0</v>
      </c>
      <c r="KZ37" s="109">
        <v>0</v>
      </c>
      <c r="LA37" s="110">
        <v>0</v>
      </c>
      <c r="LB37" s="132"/>
      <c r="LC37" s="109">
        <v>0</v>
      </c>
      <c r="LD37" s="109">
        <v>0</v>
      </c>
      <c r="LE37" s="109">
        <v>0</v>
      </c>
      <c r="LF37" s="109">
        <v>0</v>
      </c>
      <c r="LG37" s="109">
        <v>0</v>
      </c>
      <c r="LH37" s="110">
        <v>0</v>
      </c>
      <c r="LI37" s="111">
        <v>0</v>
      </c>
      <c r="LJ37" s="129">
        <v>0</v>
      </c>
      <c r="LK37" s="109">
        <v>0</v>
      </c>
      <c r="LL37" s="110">
        <v>0</v>
      </c>
      <c r="LM37" s="132"/>
      <c r="LN37" s="109">
        <v>0</v>
      </c>
      <c r="LO37" s="109">
        <v>0</v>
      </c>
      <c r="LP37" s="109">
        <v>0</v>
      </c>
      <c r="LQ37" s="109">
        <v>0</v>
      </c>
      <c r="LR37" s="109">
        <v>210847</v>
      </c>
      <c r="LS37" s="110">
        <v>210847</v>
      </c>
      <c r="LT37" s="298">
        <v>210847</v>
      </c>
      <c r="LU37" s="129">
        <v>0</v>
      </c>
      <c r="LV37" s="109">
        <v>0</v>
      </c>
      <c r="LW37" s="110">
        <v>0</v>
      </c>
      <c r="LX37" s="132"/>
      <c r="LY37" s="109">
        <v>0</v>
      </c>
      <c r="LZ37" s="109">
        <v>0</v>
      </c>
      <c r="MA37" s="109">
        <v>0</v>
      </c>
      <c r="MB37" s="109">
        <v>0</v>
      </c>
      <c r="MC37" s="109">
        <v>0</v>
      </c>
      <c r="MD37" s="110">
        <v>0</v>
      </c>
      <c r="ME37" s="111">
        <v>0</v>
      </c>
      <c r="MF37" s="129">
        <v>0</v>
      </c>
      <c r="MG37" s="109">
        <v>0</v>
      </c>
      <c r="MH37" s="110">
        <v>0</v>
      </c>
      <c r="MI37" s="132"/>
      <c r="MJ37" s="109">
        <v>0</v>
      </c>
      <c r="MK37" s="109">
        <v>0</v>
      </c>
      <c r="ML37" s="109">
        <v>201625</v>
      </c>
      <c r="MM37" s="109">
        <v>292872</v>
      </c>
      <c r="MN37" s="109">
        <v>261635</v>
      </c>
      <c r="MO37" s="110">
        <v>756132</v>
      </c>
      <c r="MP37" s="130">
        <v>756132</v>
      </c>
      <c r="MQ37" s="129">
        <v>0</v>
      </c>
      <c r="MR37" s="109">
        <v>0</v>
      </c>
      <c r="MS37" s="110">
        <v>0</v>
      </c>
      <c r="MT37" s="132"/>
      <c r="MU37" s="109">
        <v>0</v>
      </c>
      <c r="MV37" s="109">
        <v>0</v>
      </c>
      <c r="MW37" s="109">
        <v>201625</v>
      </c>
      <c r="MX37" s="109">
        <v>0</v>
      </c>
      <c r="MY37" s="109">
        <v>261635</v>
      </c>
      <c r="MZ37" s="110">
        <v>463260</v>
      </c>
      <c r="NA37" s="130">
        <v>463260</v>
      </c>
      <c r="NB37" s="129">
        <v>0</v>
      </c>
      <c r="NC37" s="109">
        <v>0</v>
      </c>
      <c r="ND37" s="110">
        <v>0</v>
      </c>
      <c r="NE37" s="132"/>
      <c r="NF37" s="109">
        <v>0</v>
      </c>
      <c r="NG37" s="109">
        <v>0</v>
      </c>
      <c r="NH37" s="109">
        <v>0</v>
      </c>
      <c r="NI37" s="109">
        <v>292872</v>
      </c>
      <c r="NJ37" s="109">
        <v>0</v>
      </c>
      <c r="NK37" s="110">
        <v>292872</v>
      </c>
      <c r="NL37" s="298">
        <v>292872</v>
      </c>
      <c r="NM37" s="129">
        <v>0</v>
      </c>
      <c r="NN37" s="109">
        <v>0</v>
      </c>
      <c r="NO37" s="110">
        <v>0</v>
      </c>
      <c r="NP37" s="132"/>
      <c r="NQ37" s="109">
        <v>0</v>
      </c>
      <c r="NR37" s="109">
        <v>0</v>
      </c>
      <c r="NS37" s="109">
        <v>0</v>
      </c>
      <c r="NT37" s="109">
        <v>0</v>
      </c>
      <c r="NU37" s="109">
        <v>0</v>
      </c>
      <c r="NV37" s="110">
        <v>0</v>
      </c>
      <c r="NW37" s="111">
        <v>0</v>
      </c>
      <c r="NX37" s="129">
        <v>0</v>
      </c>
      <c r="NY37" s="109">
        <v>0</v>
      </c>
      <c r="NZ37" s="110">
        <v>0</v>
      </c>
      <c r="OA37" s="132"/>
      <c r="OB37" s="109">
        <v>0</v>
      </c>
      <c r="OC37" s="109">
        <v>0</v>
      </c>
      <c r="OD37" s="109">
        <v>0</v>
      </c>
      <c r="OE37" s="109">
        <v>0</v>
      </c>
      <c r="OF37" s="109">
        <v>0</v>
      </c>
      <c r="OG37" s="110">
        <v>0</v>
      </c>
      <c r="OH37" s="111">
        <v>0</v>
      </c>
      <c r="OI37" s="129">
        <v>10920</v>
      </c>
      <c r="OJ37" s="109">
        <v>0</v>
      </c>
      <c r="OK37" s="128">
        <v>10920</v>
      </c>
      <c r="OL37" s="108">
        <v>0</v>
      </c>
      <c r="OM37" s="109">
        <v>612669</v>
      </c>
      <c r="ON37" s="109">
        <v>695905</v>
      </c>
      <c r="OO37" s="109">
        <v>745382</v>
      </c>
      <c r="OP37" s="109">
        <v>865448</v>
      </c>
      <c r="OQ37" s="109">
        <v>939214</v>
      </c>
      <c r="OR37" s="110">
        <v>3858618</v>
      </c>
      <c r="OS37" s="130">
        <v>3869538</v>
      </c>
    </row>
    <row r="38" spans="2:409" ht="21" customHeight="1" x14ac:dyDescent="0.2">
      <c r="B38" s="472" t="s">
        <v>33</v>
      </c>
      <c r="C38" s="100">
        <v>22367</v>
      </c>
      <c r="D38" s="104">
        <v>187899</v>
      </c>
      <c r="E38" s="103">
        <v>210266</v>
      </c>
      <c r="F38" s="99">
        <v>0</v>
      </c>
      <c r="G38" s="104">
        <v>428903</v>
      </c>
      <c r="H38" s="104">
        <v>85097</v>
      </c>
      <c r="I38" s="104">
        <v>871561</v>
      </c>
      <c r="J38" s="104">
        <v>489509</v>
      </c>
      <c r="K38" s="104">
        <v>550555</v>
      </c>
      <c r="L38" s="160">
        <v>2425625</v>
      </c>
      <c r="M38" s="106">
        <v>2635891</v>
      </c>
      <c r="N38" s="100">
        <v>0</v>
      </c>
      <c r="O38" s="104">
        <v>16254</v>
      </c>
      <c r="P38" s="103">
        <v>16254</v>
      </c>
      <c r="Q38" s="100">
        <v>0</v>
      </c>
      <c r="R38" s="104">
        <v>97476</v>
      </c>
      <c r="S38" s="104">
        <v>73547</v>
      </c>
      <c r="T38" s="104">
        <v>71104</v>
      </c>
      <c r="U38" s="104">
        <v>61373</v>
      </c>
      <c r="V38" s="104">
        <v>207365</v>
      </c>
      <c r="W38" s="103">
        <v>510865</v>
      </c>
      <c r="X38" s="106">
        <v>527119</v>
      </c>
      <c r="Y38" s="100">
        <v>0</v>
      </c>
      <c r="Z38" s="104">
        <v>0</v>
      </c>
      <c r="AA38" s="103">
        <v>0</v>
      </c>
      <c r="AB38" s="100">
        <v>0</v>
      </c>
      <c r="AC38" s="104">
        <v>47059</v>
      </c>
      <c r="AD38" s="104">
        <v>0</v>
      </c>
      <c r="AE38" s="104">
        <v>0</v>
      </c>
      <c r="AF38" s="104">
        <v>0</v>
      </c>
      <c r="AG38" s="104">
        <v>173056</v>
      </c>
      <c r="AH38" s="103">
        <v>220115</v>
      </c>
      <c r="AI38" s="106">
        <v>220115</v>
      </c>
      <c r="AJ38" s="100">
        <v>0</v>
      </c>
      <c r="AK38" s="104">
        <v>0</v>
      </c>
      <c r="AL38" s="103">
        <v>0</v>
      </c>
      <c r="AM38" s="100">
        <v>0</v>
      </c>
      <c r="AN38" s="104">
        <v>0</v>
      </c>
      <c r="AO38" s="104">
        <v>0</v>
      </c>
      <c r="AP38" s="104">
        <v>0</v>
      </c>
      <c r="AQ38" s="104">
        <v>0</v>
      </c>
      <c r="AR38" s="104">
        <v>0</v>
      </c>
      <c r="AS38" s="103">
        <v>0</v>
      </c>
      <c r="AT38" s="106">
        <v>0</v>
      </c>
      <c r="AU38" s="100">
        <v>0</v>
      </c>
      <c r="AV38" s="104">
        <v>0</v>
      </c>
      <c r="AW38" s="103">
        <v>0</v>
      </c>
      <c r="AX38" s="100">
        <v>0</v>
      </c>
      <c r="AY38" s="104">
        <v>0</v>
      </c>
      <c r="AZ38" s="104">
        <v>33440</v>
      </c>
      <c r="BA38" s="104">
        <v>0</v>
      </c>
      <c r="BB38" s="104">
        <v>0</v>
      </c>
      <c r="BC38" s="104">
        <v>11384</v>
      </c>
      <c r="BD38" s="103">
        <v>44824</v>
      </c>
      <c r="BE38" s="106">
        <v>44824</v>
      </c>
      <c r="BF38" s="100">
        <v>0</v>
      </c>
      <c r="BG38" s="104">
        <v>0</v>
      </c>
      <c r="BH38" s="102">
        <v>0</v>
      </c>
      <c r="BI38" s="101">
        <v>0</v>
      </c>
      <c r="BJ38" s="104">
        <v>46791</v>
      </c>
      <c r="BK38" s="104">
        <v>40107</v>
      </c>
      <c r="BL38" s="104">
        <v>26738</v>
      </c>
      <c r="BM38" s="104">
        <v>46792</v>
      </c>
      <c r="BN38" s="104">
        <v>0</v>
      </c>
      <c r="BO38" s="103">
        <v>160428</v>
      </c>
      <c r="BP38" s="106">
        <v>160428</v>
      </c>
      <c r="BQ38" s="100">
        <v>0</v>
      </c>
      <c r="BR38" s="104">
        <v>16254</v>
      </c>
      <c r="BS38" s="103">
        <v>16254</v>
      </c>
      <c r="BT38" s="100">
        <v>0</v>
      </c>
      <c r="BU38" s="104">
        <v>3626</v>
      </c>
      <c r="BV38" s="104">
        <v>0</v>
      </c>
      <c r="BW38" s="104">
        <v>44366</v>
      </c>
      <c r="BX38" s="104">
        <v>14581</v>
      </c>
      <c r="BY38" s="104">
        <v>22925</v>
      </c>
      <c r="BZ38" s="103">
        <v>85498</v>
      </c>
      <c r="CA38" s="106">
        <v>101752</v>
      </c>
      <c r="CB38" s="100">
        <v>18167</v>
      </c>
      <c r="CC38" s="104">
        <v>0</v>
      </c>
      <c r="CD38" s="103">
        <v>18167</v>
      </c>
      <c r="CE38" s="100">
        <v>0</v>
      </c>
      <c r="CF38" s="104">
        <v>98604</v>
      </c>
      <c r="CG38" s="104">
        <v>0</v>
      </c>
      <c r="CH38" s="104">
        <v>35730</v>
      </c>
      <c r="CI38" s="104">
        <v>0</v>
      </c>
      <c r="CJ38" s="104">
        <v>72776</v>
      </c>
      <c r="CK38" s="103">
        <v>207110</v>
      </c>
      <c r="CL38" s="106">
        <v>225277</v>
      </c>
      <c r="CM38" s="100">
        <v>0</v>
      </c>
      <c r="CN38" s="104">
        <v>0</v>
      </c>
      <c r="CO38" s="103">
        <v>0</v>
      </c>
      <c r="CP38" s="101">
        <v>0</v>
      </c>
      <c r="CQ38" s="104">
        <v>57451</v>
      </c>
      <c r="CR38" s="104">
        <v>0</v>
      </c>
      <c r="CS38" s="104">
        <v>0</v>
      </c>
      <c r="CT38" s="104">
        <v>0</v>
      </c>
      <c r="CU38" s="104">
        <v>72776</v>
      </c>
      <c r="CV38" s="103">
        <v>130227</v>
      </c>
      <c r="CW38" s="106">
        <v>130227</v>
      </c>
      <c r="CX38" s="100">
        <v>18167</v>
      </c>
      <c r="CY38" s="104">
        <v>0</v>
      </c>
      <c r="CZ38" s="103">
        <v>18167</v>
      </c>
      <c r="DA38" s="100">
        <v>0</v>
      </c>
      <c r="DB38" s="104">
        <v>41153</v>
      </c>
      <c r="DC38" s="104">
        <v>0</v>
      </c>
      <c r="DD38" s="104">
        <v>35730</v>
      </c>
      <c r="DE38" s="104">
        <v>0</v>
      </c>
      <c r="DF38" s="104">
        <v>0</v>
      </c>
      <c r="DG38" s="103">
        <v>76883</v>
      </c>
      <c r="DH38" s="106">
        <v>95050</v>
      </c>
      <c r="DI38" s="100">
        <v>0</v>
      </c>
      <c r="DJ38" s="104">
        <v>0</v>
      </c>
      <c r="DK38" s="102">
        <v>0</v>
      </c>
      <c r="DL38" s="101">
        <v>0</v>
      </c>
      <c r="DM38" s="104">
        <v>81491</v>
      </c>
      <c r="DN38" s="104">
        <v>0</v>
      </c>
      <c r="DO38" s="104">
        <v>21420</v>
      </c>
      <c r="DP38" s="104">
        <v>14892</v>
      </c>
      <c r="DQ38" s="104">
        <v>0</v>
      </c>
      <c r="DR38" s="103">
        <v>117803</v>
      </c>
      <c r="DS38" s="106">
        <v>117803</v>
      </c>
      <c r="DT38" s="100">
        <v>0</v>
      </c>
      <c r="DU38" s="104">
        <v>0</v>
      </c>
      <c r="DV38" s="103">
        <v>0</v>
      </c>
      <c r="DW38" s="100">
        <v>0</v>
      </c>
      <c r="DX38" s="104">
        <v>0</v>
      </c>
      <c r="DY38" s="104">
        <v>0</v>
      </c>
      <c r="DZ38" s="104">
        <v>21420</v>
      </c>
      <c r="EA38" s="104">
        <v>14892</v>
      </c>
      <c r="EB38" s="104">
        <v>0</v>
      </c>
      <c r="EC38" s="103">
        <v>36312</v>
      </c>
      <c r="ED38" s="106">
        <v>36312</v>
      </c>
      <c r="EE38" s="100">
        <v>0</v>
      </c>
      <c r="EF38" s="102">
        <v>0</v>
      </c>
      <c r="EG38" s="103">
        <v>0</v>
      </c>
      <c r="EH38" s="100">
        <v>0</v>
      </c>
      <c r="EI38" s="104">
        <v>81491</v>
      </c>
      <c r="EJ38" s="104">
        <v>0</v>
      </c>
      <c r="EK38" s="104">
        <v>0</v>
      </c>
      <c r="EL38" s="104">
        <v>0</v>
      </c>
      <c r="EM38" s="104">
        <v>0</v>
      </c>
      <c r="EN38" s="102">
        <v>81491</v>
      </c>
      <c r="EO38" s="106">
        <v>81491</v>
      </c>
      <c r="EP38" s="100">
        <v>0</v>
      </c>
      <c r="EQ38" s="104">
        <v>0</v>
      </c>
      <c r="ER38" s="102">
        <v>0</v>
      </c>
      <c r="ES38" s="101">
        <v>0</v>
      </c>
      <c r="ET38" s="104">
        <v>0</v>
      </c>
      <c r="EU38" s="104">
        <v>0</v>
      </c>
      <c r="EV38" s="104">
        <v>0</v>
      </c>
      <c r="EW38" s="104">
        <v>0</v>
      </c>
      <c r="EX38" s="104">
        <v>0</v>
      </c>
      <c r="EY38" s="103">
        <v>0</v>
      </c>
      <c r="EZ38" s="106">
        <v>0</v>
      </c>
      <c r="FA38" s="100">
        <v>0</v>
      </c>
      <c r="FB38" s="104">
        <v>0</v>
      </c>
      <c r="FC38" s="102">
        <v>0</v>
      </c>
      <c r="FD38" s="324"/>
      <c r="FE38" s="104">
        <v>0</v>
      </c>
      <c r="FF38" s="104">
        <v>0</v>
      </c>
      <c r="FG38" s="104">
        <v>0</v>
      </c>
      <c r="FH38" s="104">
        <v>0</v>
      </c>
      <c r="FI38" s="104">
        <v>0</v>
      </c>
      <c r="FJ38" s="103">
        <v>0</v>
      </c>
      <c r="FK38" s="106">
        <v>0</v>
      </c>
      <c r="FL38" s="100">
        <v>4200</v>
      </c>
      <c r="FM38" s="104">
        <v>4900</v>
      </c>
      <c r="FN38" s="103">
        <v>9100</v>
      </c>
      <c r="FO38" s="100">
        <v>0</v>
      </c>
      <c r="FP38" s="104">
        <v>14490</v>
      </c>
      <c r="FQ38" s="104">
        <v>11550</v>
      </c>
      <c r="FR38" s="104">
        <v>21728</v>
      </c>
      <c r="FS38" s="104">
        <v>16100</v>
      </c>
      <c r="FT38" s="104">
        <v>62874</v>
      </c>
      <c r="FU38" s="103">
        <v>126742</v>
      </c>
      <c r="FV38" s="106">
        <v>135842</v>
      </c>
      <c r="FW38" s="105">
        <v>4200</v>
      </c>
      <c r="FX38" s="104">
        <v>4900</v>
      </c>
      <c r="FY38" s="102">
        <v>9100</v>
      </c>
      <c r="FZ38" s="101">
        <v>0</v>
      </c>
      <c r="GA38" s="104">
        <v>14490</v>
      </c>
      <c r="GB38" s="104">
        <v>11550</v>
      </c>
      <c r="GC38" s="104">
        <v>21728</v>
      </c>
      <c r="GD38" s="104">
        <v>16100</v>
      </c>
      <c r="GE38" s="104">
        <v>62874</v>
      </c>
      <c r="GF38" s="103">
        <v>126742</v>
      </c>
      <c r="GG38" s="296">
        <v>135842</v>
      </c>
      <c r="GH38" s="105">
        <v>0</v>
      </c>
      <c r="GI38" s="104">
        <v>0</v>
      </c>
      <c r="GJ38" s="102">
        <v>0</v>
      </c>
      <c r="GK38" s="101">
        <v>0</v>
      </c>
      <c r="GL38" s="104">
        <v>0</v>
      </c>
      <c r="GM38" s="104">
        <v>0</v>
      </c>
      <c r="GN38" s="104">
        <v>0</v>
      </c>
      <c r="GO38" s="104">
        <v>0</v>
      </c>
      <c r="GP38" s="104">
        <v>0</v>
      </c>
      <c r="GQ38" s="103">
        <v>0</v>
      </c>
      <c r="GR38" s="106">
        <v>0</v>
      </c>
      <c r="GS38" s="100">
        <v>0</v>
      </c>
      <c r="GT38" s="104">
        <v>0</v>
      </c>
      <c r="GU38" s="103">
        <v>0</v>
      </c>
      <c r="GV38" s="100">
        <v>0</v>
      </c>
      <c r="GW38" s="104">
        <v>0</v>
      </c>
      <c r="GX38" s="104">
        <v>0</v>
      </c>
      <c r="GY38" s="104">
        <v>0</v>
      </c>
      <c r="GZ38" s="104">
        <v>0</v>
      </c>
      <c r="HA38" s="104">
        <v>0</v>
      </c>
      <c r="HB38" s="102">
        <v>0</v>
      </c>
      <c r="HC38" s="106">
        <v>0</v>
      </c>
      <c r="HD38" s="100">
        <v>0</v>
      </c>
      <c r="HE38" s="104">
        <v>166745</v>
      </c>
      <c r="HF38" s="102">
        <v>166745</v>
      </c>
      <c r="HG38" s="101">
        <v>0</v>
      </c>
      <c r="HH38" s="104">
        <v>136842</v>
      </c>
      <c r="HI38" s="104">
        <v>0</v>
      </c>
      <c r="HJ38" s="104">
        <v>721579</v>
      </c>
      <c r="HK38" s="104">
        <v>397144</v>
      </c>
      <c r="HL38" s="104">
        <v>207540</v>
      </c>
      <c r="HM38" s="103">
        <v>1463105</v>
      </c>
      <c r="HN38" s="99">
        <v>1629850</v>
      </c>
      <c r="HO38" s="306"/>
      <c r="HP38" s="307"/>
      <c r="HQ38" s="308"/>
      <c r="HR38" s="309"/>
      <c r="HS38" s="307"/>
      <c r="HT38" s="307"/>
      <c r="HU38" s="307"/>
      <c r="HV38" s="307"/>
      <c r="HW38" s="307"/>
      <c r="HX38" s="310"/>
      <c r="HY38" s="311"/>
      <c r="HZ38" s="137">
        <v>0</v>
      </c>
      <c r="IA38" s="122">
        <v>0</v>
      </c>
      <c r="IB38" s="137">
        <v>0</v>
      </c>
      <c r="IC38" s="133">
        <v>0</v>
      </c>
      <c r="ID38" s="119">
        <v>41515</v>
      </c>
      <c r="IE38" s="134">
        <v>0</v>
      </c>
      <c r="IF38" s="120">
        <v>278693</v>
      </c>
      <c r="IG38" s="119">
        <v>70361</v>
      </c>
      <c r="IH38" s="120">
        <v>239532</v>
      </c>
      <c r="II38" s="135">
        <v>630101</v>
      </c>
      <c r="IJ38" s="137">
        <v>630101</v>
      </c>
      <c r="IK38" s="219">
        <v>0</v>
      </c>
      <c r="IL38" s="223">
        <v>0</v>
      </c>
      <c r="IM38" s="224">
        <v>0</v>
      </c>
      <c r="IN38" s="127"/>
      <c r="IO38" s="109">
        <v>0</v>
      </c>
      <c r="IP38" s="109">
        <v>0</v>
      </c>
      <c r="IQ38" s="109">
        <v>0</v>
      </c>
      <c r="IR38" s="109">
        <v>0</v>
      </c>
      <c r="IS38" s="109">
        <v>0</v>
      </c>
      <c r="IT38" s="128">
        <v>0</v>
      </c>
      <c r="IU38" s="298">
        <v>0</v>
      </c>
      <c r="IV38" s="129">
        <v>0</v>
      </c>
      <c r="IW38" s="109">
        <v>0</v>
      </c>
      <c r="IX38" s="110">
        <v>0</v>
      </c>
      <c r="IY38" s="131"/>
      <c r="IZ38" s="109">
        <v>0</v>
      </c>
      <c r="JA38" s="109">
        <v>0</v>
      </c>
      <c r="JB38" s="109">
        <v>0</v>
      </c>
      <c r="JC38" s="109">
        <v>0</v>
      </c>
      <c r="JD38" s="109">
        <v>0</v>
      </c>
      <c r="JE38" s="110">
        <v>0</v>
      </c>
      <c r="JF38" s="111">
        <v>0</v>
      </c>
      <c r="JG38" s="129">
        <v>0</v>
      </c>
      <c r="JH38" s="109">
        <v>0</v>
      </c>
      <c r="JI38" s="128">
        <v>0</v>
      </c>
      <c r="JJ38" s="108">
        <v>0</v>
      </c>
      <c r="JK38" s="109">
        <v>41515</v>
      </c>
      <c r="JL38" s="109">
        <v>0</v>
      </c>
      <c r="JM38" s="109">
        <v>58600</v>
      </c>
      <c r="JN38" s="109">
        <v>70361</v>
      </c>
      <c r="JO38" s="109">
        <v>0</v>
      </c>
      <c r="JP38" s="110">
        <v>170476</v>
      </c>
      <c r="JQ38" s="298">
        <v>170476</v>
      </c>
      <c r="JR38" s="129">
        <v>0</v>
      </c>
      <c r="JS38" s="109">
        <v>0</v>
      </c>
      <c r="JT38" s="128">
        <v>0</v>
      </c>
      <c r="JU38" s="108">
        <v>0</v>
      </c>
      <c r="JV38" s="109">
        <v>0</v>
      </c>
      <c r="JW38" s="109">
        <v>0</v>
      </c>
      <c r="JX38" s="109">
        <v>0</v>
      </c>
      <c r="JY38" s="109">
        <v>0</v>
      </c>
      <c r="JZ38" s="109">
        <v>0</v>
      </c>
      <c r="KA38" s="110">
        <v>0</v>
      </c>
      <c r="KB38" s="298">
        <v>0</v>
      </c>
      <c r="KC38" s="221">
        <v>0</v>
      </c>
      <c r="KD38" s="217">
        <v>0</v>
      </c>
      <c r="KE38" s="110">
        <v>0</v>
      </c>
      <c r="KF38" s="108">
        <v>0</v>
      </c>
      <c r="KG38" s="109">
        <v>0</v>
      </c>
      <c r="KH38" s="109">
        <v>0</v>
      </c>
      <c r="KI38" s="109">
        <v>0</v>
      </c>
      <c r="KJ38" s="109">
        <v>0</v>
      </c>
      <c r="KK38" s="109">
        <v>0</v>
      </c>
      <c r="KL38" s="110">
        <v>0</v>
      </c>
      <c r="KM38" s="130">
        <v>0</v>
      </c>
      <c r="KN38" s="219">
        <v>0</v>
      </c>
      <c r="KO38" s="223">
        <v>0</v>
      </c>
      <c r="KP38" s="224">
        <v>0</v>
      </c>
      <c r="KQ38" s="127"/>
      <c r="KR38" s="109">
        <v>0</v>
      </c>
      <c r="KS38" s="109">
        <v>0</v>
      </c>
      <c r="KT38" s="109">
        <v>220093</v>
      </c>
      <c r="KU38" s="109">
        <v>0</v>
      </c>
      <c r="KV38" s="109">
        <v>0</v>
      </c>
      <c r="KW38" s="110">
        <v>220093</v>
      </c>
      <c r="KX38" s="298">
        <v>220093</v>
      </c>
      <c r="KY38" s="129">
        <v>0</v>
      </c>
      <c r="KZ38" s="109">
        <v>0</v>
      </c>
      <c r="LA38" s="110">
        <v>0</v>
      </c>
      <c r="LB38" s="132"/>
      <c r="LC38" s="109">
        <v>0</v>
      </c>
      <c r="LD38" s="109">
        <v>0</v>
      </c>
      <c r="LE38" s="109">
        <v>0</v>
      </c>
      <c r="LF38" s="109">
        <v>0</v>
      </c>
      <c r="LG38" s="109">
        <v>0</v>
      </c>
      <c r="LH38" s="110">
        <v>0</v>
      </c>
      <c r="LI38" s="111">
        <v>0</v>
      </c>
      <c r="LJ38" s="129">
        <v>0</v>
      </c>
      <c r="LK38" s="109">
        <v>0</v>
      </c>
      <c r="LL38" s="110">
        <v>0</v>
      </c>
      <c r="LM38" s="132"/>
      <c r="LN38" s="109">
        <v>0</v>
      </c>
      <c r="LO38" s="109">
        <v>0</v>
      </c>
      <c r="LP38" s="109">
        <v>0</v>
      </c>
      <c r="LQ38" s="109">
        <v>0</v>
      </c>
      <c r="LR38" s="109">
        <v>0</v>
      </c>
      <c r="LS38" s="110">
        <v>0</v>
      </c>
      <c r="LT38" s="298">
        <v>0</v>
      </c>
      <c r="LU38" s="129">
        <v>0</v>
      </c>
      <c r="LV38" s="109">
        <v>0</v>
      </c>
      <c r="LW38" s="110">
        <v>0</v>
      </c>
      <c r="LX38" s="132"/>
      <c r="LY38" s="109">
        <v>0</v>
      </c>
      <c r="LZ38" s="109">
        <v>0</v>
      </c>
      <c r="MA38" s="109">
        <v>0</v>
      </c>
      <c r="MB38" s="109">
        <v>0</v>
      </c>
      <c r="MC38" s="109">
        <v>239532</v>
      </c>
      <c r="MD38" s="110">
        <v>239532</v>
      </c>
      <c r="ME38" s="111">
        <v>239532</v>
      </c>
      <c r="MF38" s="129">
        <v>0</v>
      </c>
      <c r="MG38" s="109">
        <v>0</v>
      </c>
      <c r="MH38" s="110">
        <v>0</v>
      </c>
      <c r="MI38" s="132"/>
      <c r="MJ38" s="109">
        <v>0</v>
      </c>
      <c r="MK38" s="109">
        <v>0</v>
      </c>
      <c r="ML38" s="109">
        <v>228381</v>
      </c>
      <c r="MM38" s="109">
        <v>297843</v>
      </c>
      <c r="MN38" s="109">
        <v>917557</v>
      </c>
      <c r="MO38" s="110">
        <v>1443781</v>
      </c>
      <c r="MP38" s="130">
        <v>1443781</v>
      </c>
      <c r="MQ38" s="129">
        <v>0</v>
      </c>
      <c r="MR38" s="109">
        <v>0</v>
      </c>
      <c r="MS38" s="110">
        <v>0</v>
      </c>
      <c r="MT38" s="132"/>
      <c r="MU38" s="109">
        <v>0</v>
      </c>
      <c r="MV38" s="109">
        <v>0</v>
      </c>
      <c r="MW38" s="109">
        <v>0</v>
      </c>
      <c r="MX38" s="109">
        <v>0</v>
      </c>
      <c r="MY38" s="109">
        <v>0</v>
      </c>
      <c r="MZ38" s="110">
        <v>0</v>
      </c>
      <c r="NA38" s="130">
        <v>0</v>
      </c>
      <c r="NB38" s="129">
        <v>0</v>
      </c>
      <c r="NC38" s="109">
        <v>0</v>
      </c>
      <c r="ND38" s="110">
        <v>0</v>
      </c>
      <c r="NE38" s="132"/>
      <c r="NF38" s="109">
        <v>0</v>
      </c>
      <c r="NG38" s="109">
        <v>0</v>
      </c>
      <c r="NH38" s="109">
        <v>228381</v>
      </c>
      <c r="NI38" s="109">
        <v>0</v>
      </c>
      <c r="NJ38" s="109">
        <v>0</v>
      </c>
      <c r="NK38" s="110">
        <v>228381</v>
      </c>
      <c r="NL38" s="298">
        <v>228381</v>
      </c>
      <c r="NM38" s="129">
        <v>0</v>
      </c>
      <c r="NN38" s="109">
        <v>0</v>
      </c>
      <c r="NO38" s="110">
        <v>0</v>
      </c>
      <c r="NP38" s="132"/>
      <c r="NQ38" s="109">
        <v>0</v>
      </c>
      <c r="NR38" s="109">
        <v>0</v>
      </c>
      <c r="NS38" s="109">
        <v>0</v>
      </c>
      <c r="NT38" s="109">
        <v>0</v>
      </c>
      <c r="NU38" s="109">
        <v>0</v>
      </c>
      <c r="NV38" s="110">
        <v>0</v>
      </c>
      <c r="NW38" s="111">
        <v>0</v>
      </c>
      <c r="NX38" s="129">
        <v>0</v>
      </c>
      <c r="NY38" s="109">
        <v>0</v>
      </c>
      <c r="NZ38" s="110">
        <v>0</v>
      </c>
      <c r="OA38" s="132"/>
      <c r="OB38" s="109">
        <v>0</v>
      </c>
      <c r="OC38" s="109">
        <v>0</v>
      </c>
      <c r="OD38" s="109">
        <v>0</v>
      </c>
      <c r="OE38" s="109">
        <v>297843</v>
      </c>
      <c r="OF38" s="109">
        <v>917557</v>
      </c>
      <c r="OG38" s="110">
        <v>1215400</v>
      </c>
      <c r="OH38" s="111">
        <v>1215400</v>
      </c>
      <c r="OI38" s="129">
        <v>22367</v>
      </c>
      <c r="OJ38" s="109">
        <v>187899</v>
      </c>
      <c r="OK38" s="128">
        <v>210266</v>
      </c>
      <c r="OL38" s="108">
        <v>0</v>
      </c>
      <c r="OM38" s="109">
        <v>470418</v>
      </c>
      <c r="ON38" s="109">
        <v>85097</v>
      </c>
      <c r="OO38" s="109">
        <v>1378635</v>
      </c>
      <c r="OP38" s="109">
        <v>857713</v>
      </c>
      <c r="OQ38" s="109">
        <v>1707644</v>
      </c>
      <c r="OR38" s="110">
        <v>4499507</v>
      </c>
      <c r="OS38" s="130">
        <v>4709773</v>
      </c>
    </row>
    <row r="39" spans="2:409" ht="21" customHeight="1" x14ac:dyDescent="0.2">
      <c r="B39" s="472" t="s">
        <v>34</v>
      </c>
      <c r="C39" s="100">
        <v>0</v>
      </c>
      <c r="D39" s="104">
        <v>35994</v>
      </c>
      <c r="E39" s="161">
        <v>35994</v>
      </c>
      <c r="F39" s="162">
        <v>0</v>
      </c>
      <c r="G39" s="163">
        <v>44555</v>
      </c>
      <c r="H39" s="163">
        <v>225799</v>
      </c>
      <c r="I39" s="163">
        <v>402486</v>
      </c>
      <c r="J39" s="163">
        <v>18578</v>
      </c>
      <c r="K39" s="163">
        <v>0</v>
      </c>
      <c r="L39" s="164">
        <v>691418</v>
      </c>
      <c r="M39" s="106">
        <v>727412</v>
      </c>
      <c r="N39" s="100">
        <v>0</v>
      </c>
      <c r="O39" s="104">
        <v>30394</v>
      </c>
      <c r="P39" s="103">
        <v>30394</v>
      </c>
      <c r="Q39" s="100">
        <v>0</v>
      </c>
      <c r="R39" s="104">
        <v>41055</v>
      </c>
      <c r="S39" s="104">
        <v>35056</v>
      </c>
      <c r="T39" s="104">
        <v>19243</v>
      </c>
      <c r="U39" s="104">
        <v>0</v>
      </c>
      <c r="V39" s="104">
        <v>0</v>
      </c>
      <c r="W39" s="103">
        <v>95354</v>
      </c>
      <c r="X39" s="106">
        <v>125748</v>
      </c>
      <c r="Y39" s="100">
        <v>0</v>
      </c>
      <c r="Z39" s="104">
        <v>0</v>
      </c>
      <c r="AA39" s="103">
        <v>0</v>
      </c>
      <c r="AB39" s="100">
        <v>0</v>
      </c>
      <c r="AC39" s="104">
        <v>31199</v>
      </c>
      <c r="AD39" s="104">
        <v>0</v>
      </c>
      <c r="AE39" s="104">
        <v>0</v>
      </c>
      <c r="AF39" s="104">
        <v>0</v>
      </c>
      <c r="AG39" s="104">
        <v>0</v>
      </c>
      <c r="AH39" s="103">
        <v>31199</v>
      </c>
      <c r="AI39" s="106">
        <v>31199</v>
      </c>
      <c r="AJ39" s="100">
        <v>0</v>
      </c>
      <c r="AK39" s="104">
        <v>0</v>
      </c>
      <c r="AL39" s="103">
        <v>0</v>
      </c>
      <c r="AM39" s="100">
        <v>0</v>
      </c>
      <c r="AN39" s="104">
        <v>0</v>
      </c>
      <c r="AO39" s="104">
        <v>0</v>
      </c>
      <c r="AP39" s="104">
        <v>0</v>
      </c>
      <c r="AQ39" s="104">
        <v>0</v>
      </c>
      <c r="AR39" s="104">
        <v>0</v>
      </c>
      <c r="AS39" s="103">
        <v>0</v>
      </c>
      <c r="AT39" s="106">
        <v>0</v>
      </c>
      <c r="AU39" s="100">
        <v>0</v>
      </c>
      <c r="AV39" s="104">
        <v>30394</v>
      </c>
      <c r="AW39" s="103">
        <v>30394</v>
      </c>
      <c r="AX39" s="100">
        <v>0</v>
      </c>
      <c r="AY39" s="104">
        <v>0</v>
      </c>
      <c r="AZ39" s="104">
        <v>0</v>
      </c>
      <c r="BA39" s="104">
        <v>0</v>
      </c>
      <c r="BB39" s="104">
        <v>0</v>
      </c>
      <c r="BC39" s="104">
        <v>0</v>
      </c>
      <c r="BD39" s="103">
        <v>0</v>
      </c>
      <c r="BE39" s="106">
        <v>30394</v>
      </c>
      <c r="BF39" s="100">
        <v>0</v>
      </c>
      <c r="BG39" s="104">
        <v>0</v>
      </c>
      <c r="BH39" s="102">
        <v>0</v>
      </c>
      <c r="BI39" s="101">
        <v>0</v>
      </c>
      <c r="BJ39" s="104">
        <v>0</v>
      </c>
      <c r="BK39" s="104">
        <v>35056</v>
      </c>
      <c r="BL39" s="104">
        <v>0</v>
      </c>
      <c r="BM39" s="104">
        <v>0</v>
      </c>
      <c r="BN39" s="104">
        <v>0</v>
      </c>
      <c r="BO39" s="103">
        <v>35056</v>
      </c>
      <c r="BP39" s="106">
        <v>35056</v>
      </c>
      <c r="BQ39" s="100">
        <v>0</v>
      </c>
      <c r="BR39" s="104">
        <v>0</v>
      </c>
      <c r="BS39" s="103">
        <v>0</v>
      </c>
      <c r="BT39" s="100">
        <v>0</v>
      </c>
      <c r="BU39" s="104">
        <v>9856</v>
      </c>
      <c r="BV39" s="104">
        <v>0</v>
      </c>
      <c r="BW39" s="104">
        <v>19243</v>
      </c>
      <c r="BX39" s="104">
        <v>0</v>
      </c>
      <c r="BY39" s="104">
        <v>0</v>
      </c>
      <c r="BZ39" s="103">
        <v>29099</v>
      </c>
      <c r="CA39" s="106">
        <v>29099</v>
      </c>
      <c r="CB39" s="100">
        <v>0</v>
      </c>
      <c r="CC39" s="104">
        <v>0</v>
      </c>
      <c r="CD39" s="103">
        <v>0</v>
      </c>
      <c r="CE39" s="100">
        <v>0</v>
      </c>
      <c r="CF39" s="104">
        <v>0</v>
      </c>
      <c r="CG39" s="104">
        <v>181293</v>
      </c>
      <c r="CH39" s="104">
        <v>197106</v>
      </c>
      <c r="CI39" s="104">
        <v>18578</v>
      </c>
      <c r="CJ39" s="104">
        <v>0</v>
      </c>
      <c r="CK39" s="103">
        <v>396977</v>
      </c>
      <c r="CL39" s="106">
        <v>396977</v>
      </c>
      <c r="CM39" s="100">
        <v>0</v>
      </c>
      <c r="CN39" s="104">
        <v>0</v>
      </c>
      <c r="CO39" s="103">
        <v>0</v>
      </c>
      <c r="CP39" s="101">
        <v>0</v>
      </c>
      <c r="CQ39" s="104">
        <v>0</v>
      </c>
      <c r="CR39" s="104">
        <v>181293</v>
      </c>
      <c r="CS39" s="104">
        <v>197106</v>
      </c>
      <c r="CT39" s="104">
        <v>18578</v>
      </c>
      <c r="CU39" s="104">
        <v>0</v>
      </c>
      <c r="CV39" s="103">
        <v>396977</v>
      </c>
      <c r="CW39" s="106">
        <v>396977</v>
      </c>
      <c r="CX39" s="100">
        <v>0</v>
      </c>
      <c r="CY39" s="104">
        <v>0</v>
      </c>
      <c r="CZ39" s="103">
        <v>0</v>
      </c>
      <c r="DA39" s="100">
        <v>0</v>
      </c>
      <c r="DB39" s="104">
        <v>0</v>
      </c>
      <c r="DC39" s="104">
        <v>0</v>
      </c>
      <c r="DD39" s="104">
        <v>0</v>
      </c>
      <c r="DE39" s="104">
        <v>0</v>
      </c>
      <c r="DF39" s="104">
        <v>0</v>
      </c>
      <c r="DG39" s="103">
        <v>0</v>
      </c>
      <c r="DH39" s="106">
        <v>0</v>
      </c>
      <c r="DI39" s="100">
        <v>0</v>
      </c>
      <c r="DJ39" s="104">
        <v>0</v>
      </c>
      <c r="DK39" s="102">
        <v>0</v>
      </c>
      <c r="DL39" s="101">
        <v>0</v>
      </c>
      <c r="DM39" s="104">
        <v>0</v>
      </c>
      <c r="DN39" s="104">
        <v>0</v>
      </c>
      <c r="DO39" s="104">
        <v>0</v>
      </c>
      <c r="DP39" s="104">
        <v>0</v>
      </c>
      <c r="DQ39" s="104">
        <v>0</v>
      </c>
      <c r="DR39" s="103">
        <v>0</v>
      </c>
      <c r="DS39" s="106">
        <v>0</v>
      </c>
      <c r="DT39" s="100">
        <v>0</v>
      </c>
      <c r="DU39" s="104">
        <v>0</v>
      </c>
      <c r="DV39" s="103">
        <v>0</v>
      </c>
      <c r="DW39" s="100">
        <v>0</v>
      </c>
      <c r="DX39" s="104">
        <v>0</v>
      </c>
      <c r="DY39" s="104">
        <v>0</v>
      </c>
      <c r="DZ39" s="104">
        <v>0</v>
      </c>
      <c r="EA39" s="104">
        <v>0</v>
      </c>
      <c r="EB39" s="104">
        <v>0</v>
      </c>
      <c r="EC39" s="103">
        <v>0</v>
      </c>
      <c r="ED39" s="106">
        <v>0</v>
      </c>
      <c r="EE39" s="100">
        <v>0</v>
      </c>
      <c r="EF39" s="102">
        <v>0</v>
      </c>
      <c r="EG39" s="103">
        <v>0</v>
      </c>
      <c r="EH39" s="100">
        <v>0</v>
      </c>
      <c r="EI39" s="104">
        <v>0</v>
      </c>
      <c r="EJ39" s="104">
        <v>0</v>
      </c>
      <c r="EK39" s="104">
        <v>0</v>
      </c>
      <c r="EL39" s="104">
        <v>0</v>
      </c>
      <c r="EM39" s="104">
        <v>0</v>
      </c>
      <c r="EN39" s="102">
        <v>0</v>
      </c>
      <c r="EO39" s="106">
        <v>0</v>
      </c>
      <c r="EP39" s="100">
        <v>0</v>
      </c>
      <c r="EQ39" s="104">
        <v>0</v>
      </c>
      <c r="ER39" s="102">
        <v>0</v>
      </c>
      <c r="ES39" s="101">
        <v>0</v>
      </c>
      <c r="ET39" s="104">
        <v>0</v>
      </c>
      <c r="EU39" s="104">
        <v>0</v>
      </c>
      <c r="EV39" s="104">
        <v>0</v>
      </c>
      <c r="EW39" s="104">
        <v>0</v>
      </c>
      <c r="EX39" s="104">
        <v>0</v>
      </c>
      <c r="EY39" s="103">
        <v>0</v>
      </c>
      <c r="EZ39" s="106">
        <v>0</v>
      </c>
      <c r="FA39" s="100">
        <v>0</v>
      </c>
      <c r="FB39" s="104">
        <v>0</v>
      </c>
      <c r="FC39" s="102">
        <v>0</v>
      </c>
      <c r="FD39" s="324"/>
      <c r="FE39" s="104">
        <v>0</v>
      </c>
      <c r="FF39" s="104">
        <v>0</v>
      </c>
      <c r="FG39" s="104">
        <v>0</v>
      </c>
      <c r="FH39" s="104">
        <v>0</v>
      </c>
      <c r="FI39" s="104">
        <v>0</v>
      </c>
      <c r="FJ39" s="103">
        <v>0</v>
      </c>
      <c r="FK39" s="106">
        <v>0</v>
      </c>
      <c r="FL39" s="100">
        <v>0</v>
      </c>
      <c r="FM39" s="104">
        <v>5600</v>
      </c>
      <c r="FN39" s="103">
        <v>5600</v>
      </c>
      <c r="FO39" s="100">
        <v>0</v>
      </c>
      <c r="FP39" s="104">
        <v>3500</v>
      </c>
      <c r="FQ39" s="104">
        <v>9450</v>
      </c>
      <c r="FR39" s="104">
        <v>20370</v>
      </c>
      <c r="FS39" s="104">
        <v>0</v>
      </c>
      <c r="FT39" s="104">
        <v>0</v>
      </c>
      <c r="FU39" s="103">
        <v>33320</v>
      </c>
      <c r="FV39" s="106">
        <v>38920</v>
      </c>
      <c r="FW39" s="105">
        <v>0</v>
      </c>
      <c r="FX39" s="104">
        <v>5600</v>
      </c>
      <c r="FY39" s="102">
        <v>5600</v>
      </c>
      <c r="FZ39" s="101">
        <v>0</v>
      </c>
      <c r="GA39" s="104">
        <v>3500</v>
      </c>
      <c r="GB39" s="104">
        <v>9450</v>
      </c>
      <c r="GC39" s="104">
        <v>20370</v>
      </c>
      <c r="GD39" s="104">
        <v>0</v>
      </c>
      <c r="GE39" s="104">
        <v>0</v>
      </c>
      <c r="GF39" s="103">
        <v>33320</v>
      </c>
      <c r="GG39" s="296">
        <v>38920</v>
      </c>
      <c r="GH39" s="105">
        <v>0</v>
      </c>
      <c r="GI39" s="104">
        <v>0</v>
      </c>
      <c r="GJ39" s="102">
        <v>0</v>
      </c>
      <c r="GK39" s="101">
        <v>0</v>
      </c>
      <c r="GL39" s="104">
        <v>0</v>
      </c>
      <c r="GM39" s="104">
        <v>0</v>
      </c>
      <c r="GN39" s="104">
        <v>0</v>
      </c>
      <c r="GO39" s="104">
        <v>0</v>
      </c>
      <c r="GP39" s="104">
        <v>0</v>
      </c>
      <c r="GQ39" s="103">
        <v>0</v>
      </c>
      <c r="GR39" s="106">
        <v>0</v>
      </c>
      <c r="GS39" s="100">
        <v>0</v>
      </c>
      <c r="GT39" s="104">
        <v>0</v>
      </c>
      <c r="GU39" s="103">
        <v>0</v>
      </c>
      <c r="GV39" s="100">
        <v>0</v>
      </c>
      <c r="GW39" s="104">
        <v>0</v>
      </c>
      <c r="GX39" s="104">
        <v>0</v>
      </c>
      <c r="GY39" s="104">
        <v>0</v>
      </c>
      <c r="GZ39" s="104">
        <v>0</v>
      </c>
      <c r="HA39" s="104">
        <v>0</v>
      </c>
      <c r="HB39" s="102">
        <v>0</v>
      </c>
      <c r="HC39" s="106">
        <v>0</v>
      </c>
      <c r="HD39" s="100">
        <v>0</v>
      </c>
      <c r="HE39" s="104">
        <v>0</v>
      </c>
      <c r="HF39" s="102">
        <v>0</v>
      </c>
      <c r="HG39" s="101">
        <v>0</v>
      </c>
      <c r="HH39" s="104">
        <v>0</v>
      </c>
      <c r="HI39" s="104">
        <v>0</v>
      </c>
      <c r="HJ39" s="104">
        <v>165767</v>
      </c>
      <c r="HK39" s="104">
        <v>0</v>
      </c>
      <c r="HL39" s="104">
        <v>0</v>
      </c>
      <c r="HM39" s="103">
        <v>165767</v>
      </c>
      <c r="HN39" s="99">
        <v>165767</v>
      </c>
      <c r="HO39" s="306"/>
      <c r="HP39" s="307"/>
      <c r="HQ39" s="308"/>
      <c r="HR39" s="309"/>
      <c r="HS39" s="307"/>
      <c r="HT39" s="307"/>
      <c r="HU39" s="307"/>
      <c r="HV39" s="307"/>
      <c r="HW39" s="307"/>
      <c r="HX39" s="310"/>
      <c r="HY39" s="311"/>
      <c r="HZ39" s="118">
        <v>0</v>
      </c>
      <c r="IA39" s="119">
        <v>0</v>
      </c>
      <c r="IB39" s="120">
        <v>0</v>
      </c>
      <c r="IC39" s="133">
        <v>0</v>
      </c>
      <c r="ID39" s="119">
        <v>98350</v>
      </c>
      <c r="IE39" s="134">
        <v>0</v>
      </c>
      <c r="IF39" s="120">
        <v>124810</v>
      </c>
      <c r="IG39" s="119">
        <v>0</v>
      </c>
      <c r="IH39" s="120">
        <v>0</v>
      </c>
      <c r="II39" s="135">
        <v>223160</v>
      </c>
      <c r="IJ39" s="126">
        <v>223160</v>
      </c>
      <c r="IK39" s="219">
        <v>0</v>
      </c>
      <c r="IL39" s="223">
        <v>0</v>
      </c>
      <c r="IM39" s="224">
        <v>0</v>
      </c>
      <c r="IN39" s="127"/>
      <c r="IO39" s="109">
        <v>0</v>
      </c>
      <c r="IP39" s="109">
        <v>0</v>
      </c>
      <c r="IQ39" s="109">
        <v>0</v>
      </c>
      <c r="IR39" s="109">
        <v>0</v>
      </c>
      <c r="IS39" s="109">
        <v>0</v>
      </c>
      <c r="IT39" s="128">
        <v>0</v>
      </c>
      <c r="IU39" s="298">
        <v>0</v>
      </c>
      <c r="IV39" s="129">
        <v>0</v>
      </c>
      <c r="IW39" s="109">
        <v>0</v>
      </c>
      <c r="IX39" s="110">
        <v>0</v>
      </c>
      <c r="IY39" s="131"/>
      <c r="IZ39" s="109">
        <v>0</v>
      </c>
      <c r="JA39" s="109">
        <v>0</v>
      </c>
      <c r="JB39" s="109">
        <v>0</v>
      </c>
      <c r="JC39" s="109">
        <v>0</v>
      </c>
      <c r="JD39" s="109">
        <v>0</v>
      </c>
      <c r="JE39" s="110">
        <v>0</v>
      </c>
      <c r="JF39" s="111">
        <v>0</v>
      </c>
      <c r="JG39" s="129">
        <v>0</v>
      </c>
      <c r="JH39" s="109">
        <v>0</v>
      </c>
      <c r="JI39" s="128">
        <v>0</v>
      </c>
      <c r="JJ39" s="108">
        <v>0</v>
      </c>
      <c r="JK39" s="109">
        <v>0</v>
      </c>
      <c r="JL39" s="109">
        <v>0</v>
      </c>
      <c r="JM39" s="109">
        <v>0</v>
      </c>
      <c r="JN39" s="109">
        <v>0</v>
      </c>
      <c r="JO39" s="109">
        <v>0</v>
      </c>
      <c r="JP39" s="110">
        <v>0</v>
      </c>
      <c r="JQ39" s="298">
        <v>0</v>
      </c>
      <c r="JR39" s="129">
        <v>0</v>
      </c>
      <c r="JS39" s="109">
        <v>0</v>
      </c>
      <c r="JT39" s="128">
        <v>0</v>
      </c>
      <c r="JU39" s="108">
        <v>0</v>
      </c>
      <c r="JV39" s="109">
        <v>0</v>
      </c>
      <c r="JW39" s="109">
        <v>0</v>
      </c>
      <c r="JX39" s="109">
        <v>0</v>
      </c>
      <c r="JY39" s="109">
        <v>0</v>
      </c>
      <c r="JZ39" s="109">
        <v>0</v>
      </c>
      <c r="KA39" s="110">
        <v>0</v>
      </c>
      <c r="KB39" s="298">
        <v>0</v>
      </c>
      <c r="KC39" s="221">
        <v>0</v>
      </c>
      <c r="KD39" s="217">
        <v>0</v>
      </c>
      <c r="KE39" s="110">
        <v>0</v>
      </c>
      <c r="KF39" s="108">
        <v>0</v>
      </c>
      <c r="KG39" s="109">
        <v>98350</v>
      </c>
      <c r="KH39" s="109">
        <v>0</v>
      </c>
      <c r="KI39" s="109">
        <v>0</v>
      </c>
      <c r="KJ39" s="109">
        <v>0</v>
      </c>
      <c r="KK39" s="109">
        <v>0</v>
      </c>
      <c r="KL39" s="110">
        <v>98350</v>
      </c>
      <c r="KM39" s="130">
        <v>98350</v>
      </c>
      <c r="KN39" s="219">
        <v>0</v>
      </c>
      <c r="KO39" s="223">
        <v>0</v>
      </c>
      <c r="KP39" s="224">
        <v>0</v>
      </c>
      <c r="KQ39" s="127"/>
      <c r="KR39" s="109">
        <v>0</v>
      </c>
      <c r="KS39" s="109">
        <v>0</v>
      </c>
      <c r="KT39" s="109">
        <v>0</v>
      </c>
      <c r="KU39" s="109">
        <v>0</v>
      </c>
      <c r="KV39" s="109">
        <v>0</v>
      </c>
      <c r="KW39" s="110">
        <v>0</v>
      </c>
      <c r="KX39" s="298">
        <v>0</v>
      </c>
      <c r="KY39" s="129">
        <v>0</v>
      </c>
      <c r="KZ39" s="109">
        <v>0</v>
      </c>
      <c r="LA39" s="110">
        <v>0</v>
      </c>
      <c r="LB39" s="132"/>
      <c r="LC39" s="109">
        <v>0</v>
      </c>
      <c r="LD39" s="109">
        <v>0</v>
      </c>
      <c r="LE39" s="109">
        <v>0</v>
      </c>
      <c r="LF39" s="109">
        <v>0</v>
      </c>
      <c r="LG39" s="109">
        <v>0</v>
      </c>
      <c r="LH39" s="110">
        <v>0</v>
      </c>
      <c r="LI39" s="111">
        <v>0</v>
      </c>
      <c r="LJ39" s="129">
        <v>0</v>
      </c>
      <c r="LK39" s="109">
        <v>0</v>
      </c>
      <c r="LL39" s="110">
        <v>0</v>
      </c>
      <c r="LM39" s="132"/>
      <c r="LN39" s="109">
        <v>0</v>
      </c>
      <c r="LO39" s="109">
        <v>0</v>
      </c>
      <c r="LP39" s="109">
        <v>0</v>
      </c>
      <c r="LQ39" s="109">
        <v>0</v>
      </c>
      <c r="LR39" s="109">
        <v>0</v>
      </c>
      <c r="LS39" s="110">
        <v>0</v>
      </c>
      <c r="LT39" s="298">
        <v>0</v>
      </c>
      <c r="LU39" s="129">
        <v>0</v>
      </c>
      <c r="LV39" s="109">
        <v>0</v>
      </c>
      <c r="LW39" s="110">
        <v>0</v>
      </c>
      <c r="LX39" s="132"/>
      <c r="LY39" s="109">
        <v>0</v>
      </c>
      <c r="LZ39" s="109">
        <v>0</v>
      </c>
      <c r="MA39" s="109">
        <v>124810</v>
      </c>
      <c r="MB39" s="109">
        <v>0</v>
      </c>
      <c r="MC39" s="109">
        <v>0</v>
      </c>
      <c r="MD39" s="110">
        <v>124810</v>
      </c>
      <c r="ME39" s="111">
        <v>124810</v>
      </c>
      <c r="MF39" s="129">
        <v>0</v>
      </c>
      <c r="MG39" s="109">
        <v>0</v>
      </c>
      <c r="MH39" s="110">
        <v>0</v>
      </c>
      <c r="MI39" s="132"/>
      <c r="MJ39" s="109">
        <v>0</v>
      </c>
      <c r="MK39" s="109">
        <v>-246736</v>
      </c>
      <c r="ML39" s="109">
        <v>0</v>
      </c>
      <c r="MM39" s="109">
        <v>0</v>
      </c>
      <c r="MN39" s="109">
        <v>0</v>
      </c>
      <c r="MO39" s="110">
        <v>-246736</v>
      </c>
      <c r="MP39" s="130">
        <v>-246736</v>
      </c>
      <c r="MQ39" s="129">
        <v>0</v>
      </c>
      <c r="MR39" s="109">
        <v>0</v>
      </c>
      <c r="MS39" s="110">
        <v>0</v>
      </c>
      <c r="MT39" s="132"/>
      <c r="MU39" s="109">
        <v>0</v>
      </c>
      <c r="MV39" s="109">
        <v>0</v>
      </c>
      <c r="MW39" s="109">
        <v>0</v>
      </c>
      <c r="MX39" s="109">
        <v>0</v>
      </c>
      <c r="MY39" s="109">
        <v>0</v>
      </c>
      <c r="MZ39" s="110">
        <v>0</v>
      </c>
      <c r="NA39" s="130">
        <v>0</v>
      </c>
      <c r="NB39" s="129">
        <v>0</v>
      </c>
      <c r="NC39" s="109">
        <v>0</v>
      </c>
      <c r="ND39" s="110">
        <v>0</v>
      </c>
      <c r="NE39" s="132"/>
      <c r="NF39" s="109">
        <v>0</v>
      </c>
      <c r="NG39" s="109">
        <v>-246736</v>
      </c>
      <c r="NH39" s="109">
        <v>0</v>
      </c>
      <c r="NI39" s="109">
        <v>0</v>
      </c>
      <c r="NJ39" s="109">
        <v>0</v>
      </c>
      <c r="NK39" s="110">
        <v>-246736</v>
      </c>
      <c r="NL39" s="298">
        <v>-246736</v>
      </c>
      <c r="NM39" s="129">
        <v>0</v>
      </c>
      <c r="NN39" s="109">
        <v>0</v>
      </c>
      <c r="NO39" s="110">
        <v>0</v>
      </c>
      <c r="NP39" s="132"/>
      <c r="NQ39" s="109">
        <v>0</v>
      </c>
      <c r="NR39" s="109">
        <v>0</v>
      </c>
      <c r="NS39" s="109">
        <v>0</v>
      </c>
      <c r="NT39" s="109">
        <v>0</v>
      </c>
      <c r="NU39" s="109">
        <v>0</v>
      </c>
      <c r="NV39" s="110">
        <v>0</v>
      </c>
      <c r="NW39" s="111">
        <v>0</v>
      </c>
      <c r="NX39" s="129">
        <v>0</v>
      </c>
      <c r="NY39" s="109">
        <v>0</v>
      </c>
      <c r="NZ39" s="110">
        <v>0</v>
      </c>
      <c r="OA39" s="132"/>
      <c r="OB39" s="109">
        <v>0</v>
      </c>
      <c r="OC39" s="109">
        <v>0</v>
      </c>
      <c r="OD39" s="109">
        <v>0</v>
      </c>
      <c r="OE39" s="109">
        <v>0</v>
      </c>
      <c r="OF39" s="109">
        <v>0</v>
      </c>
      <c r="OG39" s="110">
        <v>0</v>
      </c>
      <c r="OH39" s="111">
        <v>0</v>
      </c>
      <c r="OI39" s="129">
        <v>0</v>
      </c>
      <c r="OJ39" s="109">
        <v>35994</v>
      </c>
      <c r="OK39" s="128">
        <v>35994</v>
      </c>
      <c r="OL39" s="108">
        <v>0</v>
      </c>
      <c r="OM39" s="109">
        <v>142905</v>
      </c>
      <c r="ON39" s="109">
        <v>-20937</v>
      </c>
      <c r="OO39" s="109">
        <v>527296</v>
      </c>
      <c r="OP39" s="109">
        <v>18578</v>
      </c>
      <c r="OQ39" s="109">
        <v>0</v>
      </c>
      <c r="OR39" s="110">
        <v>667842</v>
      </c>
      <c r="OS39" s="130">
        <v>703836</v>
      </c>
    </row>
    <row r="40" spans="2:409" ht="21" customHeight="1" x14ac:dyDescent="0.2">
      <c r="B40" s="472" t="s">
        <v>35</v>
      </c>
      <c r="C40" s="100">
        <v>254450</v>
      </c>
      <c r="D40" s="104">
        <v>290827</v>
      </c>
      <c r="E40" s="103">
        <v>545277</v>
      </c>
      <c r="F40" s="99">
        <v>0</v>
      </c>
      <c r="G40" s="104">
        <v>652710</v>
      </c>
      <c r="H40" s="104">
        <v>460572</v>
      </c>
      <c r="I40" s="104">
        <v>596458</v>
      </c>
      <c r="J40" s="104">
        <v>1106331</v>
      </c>
      <c r="K40" s="104">
        <v>460552</v>
      </c>
      <c r="L40" s="160">
        <v>3276623</v>
      </c>
      <c r="M40" s="106">
        <v>3821900</v>
      </c>
      <c r="N40" s="100">
        <v>61768</v>
      </c>
      <c r="O40" s="104">
        <v>137394</v>
      </c>
      <c r="P40" s="103">
        <v>199162</v>
      </c>
      <c r="Q40" s="100">
        <v>0</v>
      </c>
      <c r="R40" s="104">
        <v>341532</v>
      </c>
      <c r="S40" s="104">
        <v>193858</v>
      </c>
      <c r="T40" s="104">
        <v>154721</v>
      </c>
      <c r="U40" s="104">
        <v>212485</v>
      </c>
      <c r="V40" s="104">
        <v>24710</v>
      </c>
      <c r="W40" s="103">
        <v>927306</v>
      </c>
      <c r="X40" s="106">
        <v>1126468</v>
      </c>
      <c r="Y40" s="100">
        <v>0</v>
      </c>
      <c r="Z40" s="104">
        <v>0</v>
      </c>
      <c r="AA40" s="103">
        <v>0</v>
      </c>
      <c r="AB40" s="100">
        <v>0</v>
      </c>
      <c r="AC40" s="104">
        <v>167671</v>
      </c>
      <c r="AD40" s="104">
        <v>73213</v>
      </c>
      <c r="AE40" s="104">
        <v>66717</v>
      </c>
      <c r="AF40" s="104">
        <v>0</v>
      </c>
      <c r="AG40" s="104">
        <v>0</v>
      </c>
      <c r="AH40" s="103">
        <v>307601</v>
      </c>
      <c r="AI40" s="106">
        <v>307601</v>
      </c>
      <c r="AJ40" s="100">
        <v>0</v>
      </c>
      <c r="AK40" s="104">
        <v>0</v>
      </c>
      <c r="AL40" s="103">
        <v>0</v>
      </c>
      <c r="AM40" s="100">
        <v>0</v>
      </c>
      <c r="AN40" s="104">
        <v>0</v>
      </c>
      <c r="AO40" s="104">
        <v>0</v>
      </c>
      <c r="AP40" s="104">
        <v>0</v>
      </c>
      <c r="AQ40" s="104">
        <v>0</v>
      </c>
      <c r="AR40" s="104">
        <v>0</v>
      </c>
      <c r="AS40" s="103">
        <v>0</v>
      </c>
      <c r="AT40" s="106">
        <v>0</v>
      </c>
      <c r="AU40" s="100">
        <v>0</v>
      </c>
      <c r="AV40" s="104">
        <v>65238</v>
      </c>
      <c r="AW40" s="103">
        <v>65238</v>
      </c>
      <c r="AX40" s="100">
        <v>0</v>
      </c>
      <c r="AY40" s="104">
        <v>69239</v>
      </c>
      <c r="AZ40" s="104">
        <v>118559</v>
      </c>
      <c r="BA40" s="104">
        <v>54621</v>
      </c>
      <c r="BB40" s="104">
        <v>105098</v>
      </c>
      <c r="BC40" s="104">
        <v>10598</v>
      </c>
      <c r="BD40" s="103">
        <v>358115</v>
      </c>
      <c r="BE40" s="106">
        <v>423353</v>
      </c>
      <c r="BF40" s="100">
        <v>26292</v>
      </c>
      <c r="BG40" s="104">
        <v>26292</v>
      </c>
      <c r="BH40" s="102">
        <v>52584</v>
      </c>
      <c r="BI40" s="101">
        <v>0</v>
      </c>
      <c r="BJ40" s="104">
        <v>68250</v>
      </c>
      <c r="BK40" s="104">
        <v>0</v>
      </c>
      <c r="BL40" s="104">
        <v>0</v>
      </c>
      <c r="BM40" s="104">
        <v>50862</v>
      </c>
      <c r="BN40" s="104">
        <v>0</v>
      </c>
      <c r="BO40" s="103">
        <v>119112</v>
      </c>
      <c r="BP40" s="106">
        <v>171696</v>
      </c>
      <c r="BQ40" s="100">
        <v>35476</v>
      </c>
      <c r="BR40" s="104">
        <v>45864</v>
      </c>
      <c r="BS40" s="103">
        <v>81340</v>
      </c>
      <c r="BT40" s="100">
        <v>0</v>
      </c>
      <c r="BU40" s="104">
        <v>36372</v>
      </c>
      <c r="BV40" s="104">
        <v>2086</v>
      </c>
      <c r="BW40" s="104">
        <v>33383</v>
      </c>
      <c r="BX40" s="104">
        <v>56525</v>
      </c>
      <c r="BY40" s="104">
        <v>14112</v>
      </c>
      <c r="BZ40" s="103">
        <v>142478</v>
      </c>
      <c r="CA40" s="106">
        <v>223818</v>
      </c>
      <c r="CB40" s="100">
        <v>0</v>
      </c>
      <c r="CC40" s="104">
        <v>64988</v>
      </c>
      <c r="CD40" s="103">
        <v>64988</v>
      </c>
      <c r="CE40" s="100">
        <v>0</v>
      </c>
      <c r="CF40" s="104">
        <v>153132</v>
      </c>
      <c r="CG40" s="104">
        <v>175238</v>
      </c>
      <c r="CH40" s="104">
        <v>16485</v>
      </c>
      <c r="CI40" s="104">
        <v>131218</v>
      </c>
      <c r="CJ40" s="104">
        <v>60200</v>
      </c>
      <c r="CK40" s="103">
        <v>536273</v>
      </c>
      <c r="CL40" s="106">
        <v>601261</v>
      </c>
      <c r="CM40" s="100">
        <v>0</v>
      </c>
      <c r="CN40" s="104">
        <v>0</v>
      </c>
      <c r="CO40" s="103">
        <v>0</v>
      </c>
      <c r="CP40" s="101">
        <v>0</v>
      </c>
      <c r="CQ40" s="104">
        <v>57190</v>
      </c>
      <c r="CR40" s="104">
        <v>90230</v>
      </c>
      <c r="CS40" s="104">
        <v>16485</v>
      </c>
      <c r="CT40" s="104">
        <v>33152</v>
      </c>
      <c r="CU40" s="104">
        <v>60200</v>
      </c>
      <c r="CV40" s="103">
        <v>257257</v>
      </c>
      <c r="CW40" s="106">
        <v>257257</v>
      </c>
      <c r="CX40" s="100">
        <v>0</v>
      </c>
      <c r="CY40" s="104">
        <v>64988</v>
      </c>
      <c r="CZ40" s="103">
        <v>64988</v>
      </c>
      <c r="DA40" s="100">
        <v>0</v>
      </c>
      <c r="DB40" s="104">
        <v>95942</v>
      </c>
      <c r="DC40" s="104">
        <v>85008</v>
      </c>
      <c r="DD40" s="104">
        <v>0</v>
      </c>
      <c r="DE40" s="104">
        <v>98066</v>
      </c>
      <c r="DF40" s="104">
        <v>0</v>
      </c>
      <c r="DG40" s="103">
        <v>279016</v>
      </c>
      <c r="DH40" s="106">
        <v>344004</v>
      </c>
      <c r="DI40" s="100">
        <v>0</v>
      </c>
      <c r="DJ40" s="104">
        <v>0</v>
      </c>
      <c r="DK40" s="102">
        <v>0</v>
      </c>
      <c r="DL40" s="101">
        <v>0</v>
      </c>
      <c r="DM40" s="104">
        <v>0</v>
      </c>
      <c r="DN40" s="104">
        <v>0</v>
      </c>
      <c r="DO40" s="104">
        <v>0</v>
      </c>
      <c r="DP40" s="104">
        <v>0</v>
      </c>
      <c r="DQ40" s="104">
        <v>76860</v>
      </c>
      <c r="DR40" s="103">
        <v>76860</v>
      </c>
      <c r="DS40" s="106">
        <v>76860</v>
      </c>
      <c r="DT40" s="100">
        <v>0</v>
      </c>
      <c r="DU40" s="104">
        <v>0</v>
      </c>
      <c r="DV40" s="103">
        <v>0</v>
      </c>
      <c r="DW40" s="100">
        <v>0</v>
      </c>
      <c r="DX40" s="104">
        <v>0</v>
      </c>
      <c r="DY40" s="104">
        <v>0</v>
      </c>
      <c r="DZ40" s="104">
        <v>0</v>
      </c>
      <c r="EA40" s="104">
        <v>0</v>
      </c>
      <c r="EB40" s="104">
        <v>76860</v>
      </c>
      <c r="EC40" s="103">
        <v>76860</v>
      </c>
      <c r="ED40" s="106">
        <v>76860</v>
      </c>
      <c r="EE40" s="100">
        <v>0</v>
      </c>
      <c r="EF40" s="102">
        <v>0</v>
      </c>
      <c r="EG40" s="103">
        <v>0</v>
      </c>
      <c r="EH40" s="100">
        <v>0</v>
      </c>
      <c r="EI40" s="104">
        <v>0</v>
      </c>
      <c r="EJ40" s="104">
        <v>0</v>
      </c>
      <c r="EK40" s="104">
        <v>0</v>
      </c>
      <c r="EL40" s="104">
        <v>0</v>
      </c>
      <c r="EM40" s="104">
        <v>0</v>
      </c>
      <c r="EN40" s="102">
        <v>0</v>
      </c>
      <c r="EO40" s="106">
        <v>0</v>
      </c>
      <c r="EP40" s="100">
        <v>0</v>
      </c>
      <c r="EQ40" s="104">
        <v>0</v>
      </c>
      <c r="ER40" s="102">
        <v>0</v>
      </c>
      <c r="ES40" s="101">
        <v>0</v>
      </c>
      <c r="ET40" s="104">
        <v>0</v>
      </c>
      <c r="EU40" s="104">
        <v>0</v>
      </c>
      <c r="EV40" s="104">
        <v>0</v>
      </c>
      <c r="EW40" s="104">
        <v>0</v>
      </c>
      <c r="EX40" s="104">
        <v>0</v>
      </c>
      <c r="EY40" s="103">
        <v>0</v>
      </c>
      <c r="EZ40" s="106">
        <v>0</v>
      </c>
      <c r="FA40" s="100">
        <v>0</v>
      </c>
      <c r="FB40" s="104">
        <v>0</v>
      </c>
      <c r="FC40" s="102">
        <v>0</v>
      </c>
      <c r="FD40" s="324"/>
      <c r="FE40" s="104">
        <v>0</v>
      </c>
      <c r="FF40" s="104">
        <v>0</v>
      </c>
      <c r="FG40" s="104">
        <v>0</v>
      </c>
      <c r="FH40" s="104">
        <v>0</v>
      </c>
      <c r="FI40" s="104">
        <v>0</v>
      </c>
      <c r="FJ40" s="103">
        <v>0</v>
      </c>
      <c r="FK40" s="106">
        <v>0</v>
      </c>
      <c r="FL40" s="100">
        <v>4550</v>
      </c>
      <c r="FM40" s="104">
        <v>11900</v>
      </c>
      <c r="FN40" s="103">
        <v>16450</v>
      </c>
      <c r="FO40" s="100">
        <v>0</v>
      </c>
      <c r="FP40" s="104">
        <v>24850</v>
      </c>
      <c r="FQ40" s="104">
        <v>91476</v>
      </c>
      <c r="FR40" s="104">
        <v>83580</v>
      </c>
      <c r="FS40" s="104">
        <v>65800</v>
      </c>
      <c r="FT40" s="104">
        <v>22120</v>
      </c>
      <c r="FU40" s="103">
        <v>287826</v>
      </c>
      <c r="FV40" s="106">
        <v>304276</v>
      </c>
      <c r="FW40" s="105">
        <v>4550</v>
      </c>
      <c r="FX40" s="104">
        <v>11900</v>
      </c>
      <c r="FY40" s="102">
        <v>16450</v>
      </c>
      <c r="FZ40" s="101">
        <v>0</v>
      </c>
      <c r="GA40" s="104">
        <v>24850</v>
      </c>
      <c r="GB40" s="104">
        <v>91476</v>
      </c>
      <c r="GC40" s="104">
        <v>83580</v>
      </c>
      <c r="GD40" s="104">
        <v>65800</v>
      </c>
      <c r="GE40" s="104">
        <v>22120</v>
      </c>
      <c r="GF40" s="103">
        <v>287826</v>
      </c>
      <c r="GG40" s="296">
        <v>304276</v>
      </c>
      <c r="GH40" s="105">
        <v>0</v>
      </c>
      <c r="GI40" s="104">
        <v>0</v>
      </c>
      <c r="GJ40" s="102">
        <v>0</v>
      </c>
      <c r="GK40" s="101">
        <v>0</v>
      </c>
      <c r="GL40" s="104">
        <v>0</v>
      </c>
      <c r="GM40" s="104">
        <v>0</v>
      </c>
      <c r="GN40" s="104">
        <v>0</v>
      </c>
      <c r="GO40" s="104">
        <v>0</v>
      </c>
      <c r="GP40" s="104">
        <v>0</v>
      </c>
      <c r="GQ40" s="103">
        <v>0</v>
      </c>
      <c r="GR40" s="106">
        <v>0</v>
      </c>
      <c r="GS40" s="100">
        <v>0</v>
      </c>
      <c r="GT40" s="104">
        <v>0</v>
      </c>
      <c r="GU40" s="103">
        <v>0</v>
      </c>
      <c r="GV40" s="100">
        <v>0</v>
      </c>
      <c r="GW40" s="104">
        <v>0</v>
      </c>
      <c r="GX40" s="104">
        <v>0</v>
      </c>
      <c r="GY40" s="104">
        <v>0</v>
      </c>
      <c r="GZ40" s="104">
        <v>0</v>
      </c>
      <c r="HA40" s="104">
        <v>0</v>
      </c>
      <c r="HB40" s="102">
        <v>0</v>
      </c>
      <c r="HC40" s="106">
        <v>0</v>
      </c>
      <c r="HD40" s="100">
        <v>188132</v>
      </c>
      <c r="HE40" s="104">
        <v>76545</v>
      </c>
      <c r="HF40" s="102">
        <v>264677</v>
      </c>
      <c r="HG40" s="101">
        <v>0</v>
      </c>
      <c r="HH40" s="104">
        <v>133196</v>
      </c>
      <c r="HI40" s="104">
        <v>0</v>
      </c>
      <c r="HJ40" s="104">
        <v>341672</v>
      </c>
      <c r="HK40" s="104">
        <v>696828</v>
      </c>
      <c r="HL40" s="104">
        <v>276662</v>
      </c>
      <c r="HM40" s="103">
        <v>1448358</v>
      </c>
      <c r="HN40" s="99">
        <v>1713035</v>
      </c>
      <c r="HO40" s="306"/>
      <c r="HP40" s="307"/>
      <c r="HQ40" s="308"/>
      <c r="HR40" s="309"/>
      <c r="HS40" s="307"/>
      <c r="HT40" s="307"/>
      <c r="HU40" s="307"/>
      <c r="HV40" s="307"/>
      <c r="HW40" s="307"/>
      <c r="HX40" s="310"/>
      <c r="HY40" s="311"/>
      <c r="HZ40" s="137">
        <v>0</v>
      </c>
      <c r="IA40" s="122">
        <v>0</v>
      </c>
      <c r="IB40" s="137">
        <v>0</v>
      </c>
      <c r="IC40" s="133">
        <v>0</v>
      </c>
      <c r="ID40" s="119">
        <v>200347</v>
      </c>
      <c r="IE40" s="134">
        <v>0</v>
      </c>
      <c r="IF40" s="120">
        <v>0</v>
      </c>
      <c r="IG40" s="119">
        <v>0</v>
      </c>
      <c r="IH40" s="120">
        <v>86457</v>
      </c>
      <c r="II40" s="135">
        <v>286804</v>
      </c>
      <c r="IJ40" s="137">
        <v>286804</v>
      </c>
      <c r="IK40" s="219">
        <v>0</v>
      </c>
      <c r="IL40" s="223">
        <v>0</v>
      </c>
      <c r="IM40" s="224">
        <v>0</v>
      </c>
      <c r="IN40" s="127"/>
      <c r="IO40" s="109">
        <v>0</v>
      </c>
      <c r="IP40" s="109">
        <v>0</v>
      </c>
      <c r="IQ40" s="109">
        <v>0</v>
      </c>
      <c r="IR40" s="109">
        <v>0</v>
      </c>
      <c r="IS40" s="109">
        <v>0</v>
      </c>
      <c r="IT40" s="128">
        <v>0</v>
      </c>
      <c r="IU40" s="298">
        <v>0</v>
      </c>
      <c r="IV40" s="129">
        <v>0</v>
      </c>
      <c r="IW40" s="109">
        <v>0</v>
      </c>
      <c r="IX40" s="110">
        <v>0</v>
      </c>
      <c r="IY40" s="131"/>
      <c r="IZ40" s="109">
        <v>0</v>
      </c>
      <c r="JA40" s="109">
        <v>0</v>
      </c>
      <c r="JB40" s="109">
        <v>0</v>
      </c>
      <c r="JC40" s="109">
        <v>0</v>
      </c>
      <c r="JD40" s="109">
        <v>0</v>
      </c>
      <c r="JE40" s="110">
        <v>0</v>
      </c>
      <c r="JF40" s="111">
        <v>0</v>
      </c>
      <c r="JG40" s="129">
        <v>0</v>
      </c>
      <c r="JH40" s="109">
        <v>0</v>
      </c>
      <c r="JI40" s="128">
        <v>0</v>
      </c>
      <c r="JJ40" s="108">
        <v>0</v>
      </c>
      <c r="JK40" s="109">
        <v>0</v>
      </c>
      <c r="JL40" s="109">
        <v>0</v>
      </c>
      <c r="JM40" s="109">
        <v>0</v>
      </c>
      <c r="JN40" s="109">
        <v>0</v>
      </c>
      <c r="JO40" s="109">
        <v>0</v>
      </c>
      <c r="JP40" s="110">
        <v>0</v>
      </c>
      <c r="JQ40" s="298">
        <v>0</v>
      </c>
      <c r="JR40" s="129">
        <v>0</v>
      </c>
      <c r="JS40" s="109">
        <v>0</v>
      </c>
      <c r="JT40" s="128">
        <v>0</v>
      </c>
      <c r="JU40" s="108">
        <v>0</v>
      </c>
      <c r="JV40" s="109">
        <v>0</v>
      </c>
      <c r="JW40" s="109">
        <v>0</v>
      </c>
      <c r="JX40" s="109">
        <v>0</v>
      </c>
      <c r="JY40" s="109">
        <v>0</v>
      </c>
      <c r="JZ40" s="109">
        <v>0</v>
      </c>
      <c r="KA40" s="110">
        <v>0</v>
      </c>
      <c r="KB40" s="298">
        <v>0</v>
      </c>
      <c r="KC40" s="221">
        <v>0</v>
      </c>
      <c r="KD40" s="217">
        <v>0</v>
      </c>
      <c r="KE40" s="110">
        <v>0</v>
      </c>
      <c r="KF40" s="108">
        <v>0</v>
      </c>
      <c r="KG40" s="109">
        <v>0</v>
      </c>
      <c r="KH40" s="109">
        <v>0</v>
      </c>
      <c r="KI40" s="109">
        <v>0</v>
      </c>
      <c r="KJ40" s="109">
        <v>0</v>
      </c>
      <c r="KK40" s="109">
        <v>86457</v>
      </c>
      <c r="KL40" s="110">
        <v>86457</v>
      </c>
      <c r="KM40" s="130">
        <v>86457</v>
      </c>
      <c r="KN40" s="219">
        <v>0</v>
      </c>
      <c r="KO40" s="223">
        <v>0</v>
      </c>
      <c r="KP40" s="224">
        <v>0</v>
      </c>
      <c r="KQ40" s="127"/>
      <c r="KR40" s="109">
        <v>200347</v>
      </c>
      <c r="KS40" s="109">
        <v>0</v>
      </c>
      <c r="KT40" s="109">
        <v>0</v>
      </c>
      <c r="KU40" s="109">
        <v>0</v>
      </c>
      <c r="KV40" s="109">
        <v>0</v>
      </c>
      <c r="KW40" s="110">
        <v>200347</v>
      </c>
      <c r="KX40" s="298">
        <v>200347</v>
      </c>
      <c r="KY40" s="129">
        <v>0</v>
      </c>
      <c r="KZ40" s="109">
        <v>0</v>
      </c>
      <c r="LA40" s="110">
        <v>0</v>
      </c>
      <c r="LB40" s="132"/>
      <c r="LC40" s="109">
        <v>0</v>
      </c>
      <c r="LD40" s="109">
        <v>0</v>
      </c>
      <c r="LE40" s="109">
        <v>0</v>
      </c>
      <c r="LF40" s="109">
        <v>0</v>
      </c>
      <c r="LG40" s="109">
        <v>0</v>
      </c>
      <c r="LH40" s="110">
        <v>0</v>
      </c>
      <c r="LI40" s="111">
        <v>0</v>
      </c>
      <c r="LJ40" s="129">
        <v>0</v>
      </c>
      <c r="LK40" s="109">
        <v>0</v>
      </c>
      <c r="LL40" s="110">
        <v>0</v>
      </c>
      <c r="LM40" s="132"/>
      <c r="LN40" s="109">
        <v>0</v>
      </c>
      <c r="LO40" s="109">
        <v>0</v>
      </c>
      <c r="LP40" s="109">
        <v>0</v>
      </c>
      <c r="LQ40" s="109">
        <v>0</v>
      </c>
      <c r="LR40" s="109">
        <v>0</v>
      </c>
      <c r="LS40" s="110">
        <v>0</v>
      </c>
      <c r="LT40" s="298">
        <v>0</v>
      </c>
      <c r="LU40" s="129">
        <v>0</v>
      </c>
      <c r="LV40" s="109">
        <v>0</v>
      </c>
      <c r="LW40" s="110">
        <v>0</v>
      </c>
      <c r="LX40" s="132"/>
      <c r="LY40" s="109">
        <v>0</v>
      </c>
      <c r="LZ40" s="109">
        <v>0</v>
      </c>
      <c r="MA40" s="109">
        <v>0</v>
      </c>
      <c r="MB40" s="109">
        <v>0</v>
      </c>
      <c r="MC40" s="109">
        <v>0</v>
      </c>
      <c r="MD40" s="110">
        <v>0</v>
      </c>
      <c r="ME40" s="111">
        <v>0</v>
      </c>
      <c r="MF40" s="129">
        <v>0</v>
      </c>
      <c r="MG40" s="109">
        <v>0</v>
      </c>
      <c r="MH40" s="110">
        <v>0</v>
      </c>
      <c r="MI40" s="132"/>
      <c r="MJ40" s="109">
        <v>0</v>
      </c>
      <c r="MK40" s="109">
        <v>0</v>
      </c>
      <c r="ML40" s="109">
        <v>0</v>
      </c>
      <c r="MM40" s="109">
        <v>231945</v>
      </c>
      <c r="MN40" s="109">
        <v>0</v>
      </c>
      <c r="MO40" s="110">
        <v>231945</v>
      </c>
      <c r="MP40" s="130">
        <v>231945</v>
      </c>
      <c r="MQ40" s="129">
        <v>0</v>
      </c>
      <c r="MR40" s="109">
        <v>0</v>
      </c>
      <c r="MS40" s="110">
        <v>0</v>
      </c>
      <c r="MT40" s="132"/>
      <c r="MU40" s="109">
        <v>0</v>
      </c>
      <c r="MV40" s="109">
        <v>0</v>
      </c>
      <c r="MW40" s="109">
        <v>0</v>
      </c>
      <c r="MX40" s="109">
        <v>231945</v>
      </c>
      <c r="MY40" s="109">
        <v>0</v>
      </c>
      <c r="MZ40" s="110">
        <v>231945</v>
      </c>
      <c r="NA40" s="130">
        <v>231945</v>
      </c>
      <c r="NB40" s="129">
        <v>0</v>
      </c>
      <c r="NC40" s="109">
        <v>0</v>
      </c>
      <c r="ND40" s="110">
        <v>0</v>
      </c>
      <c r="NE40" s="132"/>
      <c r="NF40" s="109">
        <v>0</v>
      </c>
      <c r="NG40" s="109">
        <v>0</v>
      </c>
      <c r="NH40" s="109">
        <v>0</v>
      </c>
      <c r="NI40" s="109">
        <v>0</v>
      </c>
      <c r="NJ40" s="109">
        <v>0</v>
      </c>
      <c r="NK40" s="110">
        <v>0</v>
      </c>
      <c r="NL40" s="298">
        <v>0</v>
      </c>
      <c r="NM40" s="129">
        <v>0</v>
      </c>
      <c r="NN40" s="109">
        <v>0</v>
      </c>
      <c r="NO40" s="110">
        <v>0</v>
      </c>
      <c r="NP40" s="132"/>
      <c r="NQ40" s="109">
        <v>0</v>
      </c>
      <c r="NR40" s="109">
        <v>0</v>
      </c>
      <c r="NS40" s="109">
        <v>0</v>
      </c>
      <c r="NT40" s="109">
        <v>0</v>
      </c>
      <c r="NU40" s="109">
        <v>0</v>
      </c>
      <c r="NV40" s="110">
        <v>0</v>
      </c>
      <c r="NW40" s="111">
        <v>0</v>
      </c>
      <c r="NX40" s="129">
        <v>0</v>
      </c>
      <c r="NY40" s="109">
        <v>0</v>
      </c>
      <c r="NZ40" s="110">
        <v>0</v>
      </c>
      <c r="OA40" s="132"/>
      <c r="OB40" s="109">
        <v>0</v>
      </c>
      <c r="OC40" s="109">
        <v>0</v>
      </c>
      <c r="OD40" s="109">
        <v>0</v>
      </c>
      <c r="OE40" s="109">
        <v>0</v>
      </c>
      <c r="OF40" s="109">
        <v>0</v>
      </c>
      <c r="OG40" s="110">
        <v>0</v>
      </c>
      <c r="OH40" s="111">
        <v>0</v>
      </c>
      <c r="OI40" s="129">
        <v>254450</v>
      </c>
      <c r="OJ40" s="109">
        <v>290827</v>
      </c>
      <c r="OK40" s="128">
        <v>545277</v>
      </c>
      <c r="OL40" s="108">
        <v>0</v>
      </c>
      <c r="OM40" s="109">
        <v>853057</v>
      </c>
      <c r="ON40" s="109">
        <v>460572</v>
      </c>
      <c r="OO40" s="109">
        <v>596458</v>
      </c>
      <c r="OP40" s="109">
        <v>1338276</v>
      </c>
      <c r="OQ40" s="109">
        <v>547009</v>
      </c>
      <c r="OR40" s="110">
        <v>3795372</v>
      </c>
      <c r="OS40" s="130">
        <v>4340649</v>
      </c>
    </row>
    <row r="41" spans="2:409" ht="21" customHeight="1" x14ac:dyDescent="0.2">
      <c r="B41" s="472" t="s">
        <v>36</v>
      </c>
      <c r="C41" s="100">
        <v>32148</v>
      </c>
      <c r="D41" s="104">
        <v>70017</v>
      </c>
      <c r="E41" s="103">
        <v>102165</v>
      </c>
      <c r="F41" s="99">
        <v>0</v>
      </c>
      <c r="G41" s="104">
        <v>237361</v>
      </c>
      <c r="H41" s="104">
        <v>1240055</v>
      </c>
      <c r="I41" s="104">
        <v>225233</v>
      </c>
      <c r="J41" s="104">
        <v>860256</v>
      </c>
      <c r="K41" s="104">
        <v>315864</v>
      </c>
      <c r="L41" s="160">
        <v>2878769</v>
      </c>
      <c r="M41" s="106">
        <v>2980934</v>
      </c>
      <c r="N41" s="100">
        <v>30048</v>
      </c>
      <c r="O41" s="104">
        <v>35192</v>
      </c>
      <c r="P41" s="103">
        <v>65240</v>
      </c>
      <c r="Q41" s="100">
        <v>0</v>
      </c>
      <c r="R41" s="104">
        <v>169847</v>
      </c>
      <c r="S41" s="104">
        <v>102459</v>
      </c>
      <c r="T41" s="104">
        <v>31920</v>
      </c>
      <c r="U41" s="104">
        <v>281294</v>
      </c>
      <c r="V41" s="104">
        <v>295424</v>
      </c>
      <c r="W41" s="103">
        <v>880944</v>
      </c>
      <c r="X41" s="106">
        <v>946184</v>
      </c>
      <c r="Y41" s="100">
        <v>0</v>
      </c>
      <c r="Z41" s="104">
        <v>0</v>
      </c>
      <c r="AA41" s="103">
        <v>0</v>
      </c>
      <c r="AB41" s="100">
        <v>0</v>
      </c>
      <c r="AC41" s="104">
        <v>95946</v>
      </c>
      <c r="AD41" s="104">
        <v>21754</v>
      </c>
      <c r="AE41" s="104">
        <v>0</v>
      </c>
      <c r="AF41" s="104">
        <v>219958</v>
      </c>
      <c r="AG41" s="104">
        <v>207061</v>
      </c>
      <c r="AH41" s="103">
        <v>544719</v>
      </c>
      <c r="AI41" s="106">
        <v>544719</v>
      </c>
      <c r="AJ41" s="100">
        <v>0</v>
      </c>
      <c r="AK41" s="104">
        <v>0</v>
      </c>
      <c r="AL41" s="103">
        <v>0</v>
      </c>
      <c r="AM41" s="100">
        <v>0</v>
      </c>
      <c r="AN41" s="104">
        <v>0</v>
      </c>
      <c r="AO41" s="104">
        <v>0</v>
      </c>
      <c r="AP41" s="104">
        <v>0</v>
      </c>
      <c r="AQ41" s="104">
        <v>0</v>
      </c>
      <c r="AR41" s="104">
        <v>0</v>
      </c>
      <c r="AS41" s="103">
        <v>0</v>
      </c>
      <c r="AT41" s="106">
        <v>0</v>
      </c>
      <c r="AU41" s="100">
        <v>30048</v>
      </c>
      <c r="AV41" s="104">
        <v>35192</v>
      </c>
      <c r="AW41" s="103">
        <v>65240</v>
      </c>
      <c r="AX41" s="100">
        <v>0</v>
      </c>
      <c r="AY41" s="104">
        <v>30048</v>
      </c>
      <c r="AZ41" s="104">
        <v>3565</v>
      </c>
      <c r="BA41" s="104">
        <v>0</v>
      </c>
      <c r="BB41" s="104">
        <v>12140</v>
      </c>
      <c r="BC41" s="104">
        <v>56338</v>
      </c>
      <c r="BD41" s="103">
        <v>102091</v>
      </c>
      <c r="BE41" s="106">
        <v>167331</v>
      </c>
      <c r="BF41" s="100">
        <v>0</v>
      </c>
      <c r="BG41" s="104">
        <v>0</v>
      </c>
      <c r="BH41" s="102">
        <v>0</v>
      </c>
      <c r="BI41" s="101">
        <v>0</v>
      </c>
      <c r="BJ41" s="104">
        <v>36629</v>
      </c>
      <c r="BK41" s="104">
        <v>0</v>
      </c>
      <c r="BL41" s="104">
        <v>0</v>
      </c>
      <c r="BM41" s="104">
        <v>0</v>
      </c>
      <c r="BN41" s="104">
        <v>0</v>
      </c>
      <c r="BO41" s="103">
        <v>36629</v>
      </c>
      <c r="BP41" s="106">
        <v>36629</v>
      </c>
      <c r="BQ41" s="100">
        <v>0</v>
      </c>
      <c r="BR41" s="104">
        <v>0</v>
      </c>
      <c r="BS41" s="103">
        <v>0</v>
      </c>
      <c r="BT41" s="100">
        <v>0</v>
      </c>
      <c r="BU41" s="104">
        <v>7224</v>
      </c>
      <c r="BV41" s="104">
        <v>77140</v>
      </c>
      <c r="BW41" s="104">
        <v>31920</v>
      </c>
      <c r="BX41" s="104">
        <v>49196</v>
      </c>
      <c r="BY41" s="104">
        <v>32025</v>
      </c>
      <c r="BZ41" s="103">
        <v>197505</v>
      </c>
      <c r="CA41" s="106">
        <v>197505</v>
      </c>
      <c r="CB41" s="100">
        <v>0</v>
      </c>
      <c r="CC41" s="104">
        <v>0</v>
      </c>
      <c r="CD41" s="103">
        <v>0</v>
      </c>
      <c r="CE41" s="100">
        <v>0</v>
      </c>
      <c r="CF41" s="104">
        <v>42664</v>
      </c>
      <c r="CG41" s="104">
        <v>285748</v>
      </c>
      <c r="CH41" s="104">
        <v>0</v>
      </c>
      <c r="CI41" s="104">
        <v>86307</v>
      </c>
      <c r="CJ41" s="104">
        <v>0</v>
      </c>
      <c r="CK41" s="103">
        <v>414719</v>
      </c>
      <c r="CL41" s="106">
        <v>414719</v>
      </c>
      <c r="CM41" s="100">
        <v>0</v>
      </c>
      <c r="CN41" s="104">
        <v>0</v>
      </c>
      <c r="CO41" s="103">
        <v>0</v>
      </c>
      <c r="CP41" s="101">
        <v>0</v>
      </c>
      <c r="CQ41" s="104">
        <v>24343</v>
      </c>
      <c r="CR41" s="104">
        <v>285748</v>
      </c>
      <c r="CS41" s="104">
        <v>0</v>
      </c>
      <c r="CT41" s="104">
        <v>86307</v>
      </c>
      <c r="CU41" s="104">
        <v>0</v>
      </c>
      <c r="CV41" s="103">
        <v>396398</v>
      </c>
      <c r="CW41" s="106">
        <v>396398</v>
      </c>
      <c r="CX41" s="100">
        <v>0</v>
      </c>
      <c r="CY41" s="104">
        <v>0</v>
      </c>
      <c r="CZ41" s="103">
        <v>0</v>
      </c>
      <c r="DA41" s="100">
        <v>0</v>
      </c>
      <c r="DB41" s="104">
        <v>18321</v>
      </c>
      <c r="DC41" s="104">
        <v>0</v>
      </c>
      <c r="DD41" s="104">
        <v>0</v>
      </c>
      <c r="DE41" s="104">
        <v>0</v>
      </c>
      <c r="DF41" s="104">
        <v>0</v>
      </c>
      <c r="DG41" s="103">
        <v>18321</v>
      </c>
      <c r="DH41" s="106">
        <v>18321</v>
      </c>
      <c r="DI41" s="100">
        <v>0</v>
      </c>
      <c r="DJ41" s="104">
        <v>0</v>
      </c>
      <c r="DK41" s="102">
        <v>0</v>
      </c>
      <c r="DL41" s="101">
        <v>0</v>
      </c>
      <c r="DM41" s="104">
        <v>0</v>
      </c>
      <c r="DN41" s="104">
        <v>165217</v>
      </c>
      <c r="DO41" s="104">
        <v>0</v>
      </c>
      <c r="DP41" s="104">
        <v>80753</v>
      </c>
      <c r="DQ41" s="104">
        <v>0</v>
      </c>
      <c r="DR41" s="103">
        <v>245970</v>
      </c>
      <c r="DS41" s="106">
        <v>245970</v>
      </c>
      <c r="DT41" s="100">
        <v>0</v>
      </c>
      <c r="DU41" s="104">
        <v>0</v>
      </c>
      <c r="DV41" s="103">
        <v>0</v>
      </c>
      <c r="DW41" s="100">
        <v>0</v>
      </c>
      <c r="DX41" s="104">
        <v>0</v>
      </c>
      <c r="DY41" s="104">
        <v>165217</v>
      </c>
      <c r="DZ41" s="104">
        <v>0</v>
      </c>
      <c r="EA41" s="104">
        <v>80753</v>
      </c>
      <c r="EB41" s="104">
        <v>0</v>
      </c>
      <c r="EC41" s="103">
        <v>245970</v>
      </c>
      <c r="ED41" s="106">
        <v>245970</v>
      </c>
      <c r="EE41" s="100">
        <v>0</v>
      </c>
      <c r="EF41" s="102">
        <v>0</v>
      </c>
      <c r="EG41" s="103">
        <v>0</v>
      </c>
      <c r="EH41" s="100">
        <v>0</v>
      </c>
      <c r="EI41" s="104">
        <v>0</v>
      </c>
      <c r="EJ41" s="104">
        <v>0</v>
      </c>
      <c r="EK41" s="104">
        <v>0</v>
      </c>
      <c r="EL41" s="104">
        <v>0</v>
      </c>
      <c r="EM41" s="104">
        <v>0</v>
      </c>
      <c r="EN41" s="102">
        <v>0</v>
      </c>
      <c r="EO41" s="106">
        <v>0</v>
      </c>
      <c r="EP41" s="100">
        <v>0</v>
      </c>
      <c r="EQ41" s="104">
        <v>0</v>
      </c>
      <c r="ER41" s="102">
        <v>0</v>
      </c>
      <c r="ES41" s="101">
        <v>0</v>
      </c>
      <c r="ET41" s="104">
        <v>0</v>
      </c>
      <c r="EU41" s="104">
        <v>0</v>
      </c>
      <c r="EV41" s="104">
        <v>0</v>
      </c>
      <c r="EW41" s="104">
        <v>0</v>
      </c>
      <c r="EX41" s="104">
        <v>0</v>
      </c>
      <c r="EY41" s="103">
        <v>0</v>
      </c>
      <c r="EZ41" s="106">
        <v>0</v>
      </c>
      <c r="FA41" s="100">
        <v>0</v>
      </c>
      <c r="FB41" s="104">
        <v>0</v>
      </c>
      <c r="FC41" s="102">
        <v>0</v>
      </c>
      <c r="FD41" s="324"/>
      <c r="FE41" s="104">
        <v>0</v>
      </c>
      <c r="FF41" s="104">
        <v>0</v>
      </c>
      <c r="FG41" s="104">
        <v>0</v>
      </c>
      <c r="FH41" s="104">
        <v>0</v>
      </c>
      <c r="FI41" s="104">
        <v>0</v>
      </c>
      <c r="FJ41" s="103">
        <v>0</v>
      </c>
      <c r="FK41" s="106">
        <v>0</v>
      </c>
      <c r="FL41" s="100">
        <v>2100</v>
      </c>
      <c r="FM41" s="104">
        <v>34825</v>
      </c>
      <c r="FN41" s="103">
        <v>36925</v>
      </c>
      <c r="FO41" s="100">
        <v>0</v>
      </c>
      <c r="FP41" s="104">
        <v>24850</v>
      </c>
      <c r="FQ41" s="104">
        <v>218540</v>
      </c>
      <c r="FR41" s="104">
        <v>22575</v>
      </c>
      <c r="FS41" s="104">
        <v>38780</v>
      </c>
      <c r="FT41" s="104">
        <v>20440</v>
      </c>
      <c r="FU41" s="103">
        <v>325185</v>
      </c>
      <c r="FV41" s="106">
        <v>362110</v>
      </c>
      <c r="FW41" s="105">
        <v>2100</v>
      </c>
      <c r="FX41" s="104">
        <v>34825</v>
      </c>
      <c r="FY41" s="102">
        <v>36925</v>
      </c>
      <c r="FZ41" s="101">
        <v>0</v>
      </c>
      <c r="GA41" s="104">
        <v>24850</v>
      </c>
      <c r="GB41" s="104">
        <v>83020</v>
      </c>
      <c r="GC41" s="104">
        <v>22575</v>
      </c>
      <c r="GD41" s="104">
        <v>38780</v>
      </c>
      <c r="GE41" s="104">
        <v>20440</v>
      </c>
      <c r="GF41" s="103">
        <v>189665</v>
      </c>
      <c r="GG41" s="296">
        <v>226590</v>
      </c>
      <c r="GH41" s="105">
        <v>0</v>
      </c>
      <c r="GI41" s="104">
        <v>0</v>
      </c>
      <c r="GJ41" s="102">
        <v>0</v>
      </c>
      <c r="GK41" s="101">
        <v>0</v>
      </c>
      <c r="GL41" s="104">
        <v>0</v>
      </c>
      <c r="GM41" s="104">
        <v>0</v>
      </c>
      <c r="GN41" s="104">
        <v>0</v>
      </c>
      <c r="GO41" s="104">
        <v>0</v>
      </c>
      <c r="GP41" s="104">
        <v>0</v>
      </c>
      <c r="GQ41" s="103">
        <v>0</v>
      </c>
      <c r="GR41" s="106">
        <v>0</v>
      </c>
      <c r="GS41" s="100">
        <v>0</v>
      </c>
      <c r="GT41" s="104">
        <v>0</v>
      </c>
      <c r="GU41" s="103">
        <v>0</v>
      </c>
      <c r="GV41" s="100">
        <v>0</v>
      </c>
      <c r="GW41" s="104">
        <v>0</v>
      </c>
      <c r="GX41" s="104">
        <v>135520</v>
      </c>
      <c r="GY41" s="104">
        <v>0</v>
      </c>
      <c r="GZ41" s="104">
        <v>0</v>
      </c>
      <c r="HA41" s="104">
        <v>0</v>
      </c>
      <c r="HB41" s="102">
        <v>135520</v>
      </c>
      <c r="HC41" s="106">
        <v>135520</v>
      </c>
      <c r="HD41" s="100">
        <v>0</v>
      </c>
      <c r="HE41" s="104">
        <v>0</v>
      </c>
      <c r="HF41" s="102">
        <v>0</v>
      </c>
      <c r="HG41" s="101">
        <v>0</v>
      </c>
      <c r="HH41" s="104">
        <v>0</v>
      </c>
      <c r="HI41" s="104">
        <v>468091</v>
      </c>
      <c r="HJ41" s="104">
        <v>170738</v>
      </c>
      <c r="HK41" s="104">
        <v>373122</v>
      </c>
      <c r="HL41" s="104">
        <v>0</v>
      </c>
      <c r="HM41" s="103">
        <v>1011951</v>
      </c>
      <c r="HN41" s="99">
        <v>1011951</v>
      </c>
      <c r="HO41" s="306"/>
      <c r="HP41" s="307"/>
      <c r="HQ41" s="308"/>
      <c r="HR41" s="309"/>
      <c r="HS41" s="307"/>
      <c r="HT41" s="307"/>
      <c r="HU41" s="307"/>
      <c r="HV41" s="307"/>
      <c r="HW41" s="307"/>
      <c r="HX41" s="310"/>
      <c r="HY41" s="311"/>
      <c r="HZ41" s="118">
        <v>0</v>
      </c>
      <c r="IA41" s="119">
        <v>0</v>
      </c>
      <c r="IB41" s="120">
        <v>0</v>
      </c>
      <c r="IC41" s="133">
        <v>0</v>
      </c>
      <c r="ID41" s="119">
        <v>35228</v>
      </c>
      <c r="IE41" s="134">
        <v>216713</v>
      </c>
      <c r="IF41" s="120">
        <v>424157</v>
      </c>
      <c r="IG41" s="119">
        <v>0</v>
      </c>
      <c r="IH41" s="120">
        <v>231672</v>
      </c>
      <c r="II41" s="135">
        <v>907770</v>
      </c>
      <c r="IJ41" s="126">
        <v>907770</v>
      </c>
      <c r="IK41" s="219">
        <v>0</v>
      </c>
      <c r="IL41" s="223">
        <v>0</v>
      </c>
      <c r="IM41" s="224">
        <v>0</v>
      </c>
      <c r="IN41" s="127"/>
      <c r="IO41" s="109">
        <v>0</v>
      </c>
      <c r="IP41" s="109">
        <v>0</v>
      </c>
      <c r="IQ41" s="109">
        <v>0</v>
      </c>
      <c r="IR41" s="109">
        <v>0</v>
      </c>
      <c r="IS41" s="109">
        <v>0</v>
      </c>
      <c r="IT41" s="128">
        <v>0</v>
      </c>
      <c r="IU41" s="298">
        <v>0</v>
      </c>
      <c r="IV41" s="129">
        <v>0</v>
      </c>
      <c r="IW41" s="109">
        <v>0</v>
      </c>
      <c r="IX41" s="110">
        <v>0</v>
      </c>
      <c r="IY41" s="131"/>
      <c r="IZ41" s="109">
        <v>0</v>
      </c>
      <c r="JA41" s="109">
        <v>0</v>
      </c>
      <c r="JB41" s="109">
        <v>0</v>
      </c>
      <c r="JC41" s="109">
        <v>0</v>
      </c>
      <c r="JD41" s="109">
        <v>0</v>
      </c>
      <c r="JE41" s="110">
        <v>0</v>
      </c>
      <c r="JF41" s="111">
        <v>0</v>
      </c>
      <c r="JG41" s="129">
        <v>0</v>
      </c>
      <c r="JH41" s="109">
        <v>0</v>
      </c>
      <c r="JI41" s="128">
        <v>0</v>
      </c>
      <c r="JJ41" s="108">
        <v>0</v>
      </c>
      <c r="JK41" s="109">
        <v>35228</v>
      </c>
      <c r="JL41" s="109">
        <v>0</v>
      </c>
      <c r="JM41" s="109">
        <v>0</v>
      </c>
      <c r="JN41" s="109">
        <v>0</v>
      </c>
      <c r="JO41" s="109">
        <v>0</v>
      </c>
      <c r="JP41" s="110">
        <v>35228</v>
      </c>
      <c r="JQ41" s="298">
        <v>35228</v>
      </c>
      <c r="JR41" s="129">
        <v>0</v>
      </c>
      <c r="JS41" s="109">
        <v>0</v>
      </c>
      <c r="JT41" s="128">
        <v>0</v>
      </c>
      <c r="JU41" s="108">
        <v>0</v>
      </c>
      <c r="JV41" s="109">
        <v>0</v>
      </c>
      <c r="JW41" s="109">
        <v>0</v>
      </c>
      <c r="JX41" s="109">
        <v>0</v>
      </c>
      <c r="JY41" s="109">
        <v>0</v>
      </c>
      <c r="JZ41" s="109">
        <v>0</v>
      </c>
      <c r="KA41" s="110">
        <v>0</v>
      </c>
      <c r="KB41" s="298">
        <v>0</v>
      </c>
      <c r="KC41" s="221">
        <v>0</v>
      </c>
      <c r="KD41" s="217">
        <v>0</v>
      </c>
      <c r="KE41" s="110">
        <v>0</v>
      </c>
      <c r="KF41" s="108">
        <v>0</v>
      </c>
      <c r="KG41" s="109">
        <v>0</v>
      </c>
      <c r="KH41" s="109">
        <v>0</v>
      </c>
      <c r="KI41" s="109">
        <v>201145</v>
      </c>
      <c r="KJ41" s="109">
        <v>0</v>
      </c>
      <c r="KK41" s="109">
        <v>0</v>
      </c>
      <c r="KL41" s="110">
        <v>201145</v>
      </c>
      <c r="KM41" s="130">
        <v>201145</v>
      </c>
      <c r="KN41" s="219">
        <v>0</v>
      </c>
      <c r="KO41" s="223">
        <v>0</v>
      </c>
      <c r="KP41" s="224">
        <v>0</v>
      </c>
      <c r="KQ41" s="127"/>
      <c r="KR41" s="109">
        <v>0</v>
      </c>
      <c r="KS41" s="109">
        <v>216713</v>
      </c>
      <c r="KT41" s="109">
        <v>223012</v>
      </c>
      <c r="KU41" s="109">
        <v>0</v>
      </c>
      <c r="KV41" s="109">
        <v>231672</v>
      </c>
      <c r="KW41" s="110">
        <v>671397</v>
      </c>
      <c r="KX41" s="298">
        <v>671397</v>
      </c>
      <c r="KY41" s="129">
        <v>0</v>
      </c>
      <c r="KZ41" s="109">
        <v>0</v>
      </c>
      <c r="LA41" s="110">
        <v>0</v>
      </c>
      <c r="LB41" s="132"/>
      <c r="LC41" s="109">
        <v>0</v>
      </c>
      <c r="LD41" s="109">
        <v>0</v>
      </c>
      <c r="LE41" s="109">
        <v>0</v>
      </c>
      <c r="LF41" s="109">
        <v>0</v>
      </c>
      <c r="LG41" s="109">
        <v>0</v>
      </c>
      <c r="LH41" s="110">
        <v>0</v>
      </c>
      <c r="LI41" s="111">
        <v>0</v>
      </c>
      <c r="LJ41" s="129">
        <v>0</v>
      </c>
      <c r="LK41" s="109">
        <v>0</v>
      </c>
      <c r="LL41" s="110">
        <v>0</v>
      </c>
      <c r="LM41" s="132"/>
      <c r="LN41" s="109">
        <v>0</v>
      </c>
      <c r="LO41" s="109">
        <v>0</v>
      </c>
      <c r="LP41" s="109">
        <v>0</v>
      </c>
      <c r="LQ41" s="109">
        <v>0</v>
      </c>
      <c r="LR41" s="109">
        <v>0</v>
      </c>
      <c r="LS41" s="110">
        <v>0</v>
      </c>
      <c r="LT41" s="298">
        <v>0</v>
      </c>
      <c r="LU41" s="129">
        <v>0</v>
      </c>
      <c r="LV41" s="109">
        <v>0</v>
      </c>
      <c r="LW41" s="110">
        <v>0</v>
      </c>
      <c r="LX41" s="132"/>
      <c r="LY41" s="109">
        <v>0</v>
      </c>
      <c r="LZ41" s="109">
        <v>0</v>
      </c>
      <c r="MA41" s="109">
        <v>0</v>
      </c>
      <c r="MB41" s="109">
        <v>0</v>
      </c>
      <c r="MC41" s="109">
        <v>0</v>
      </c>
      <c r="MD41" s="110">
        <v>0</v>
      </c>
      <c r="ME41" s="111">
        <v>0</v>
      </c>
      <c r="MF41" s="129">
        <v>0</v>
      </c>
      <c r="MG41" s="109">
        <v>0</v>
      </c>
      <c r="MH41" s="110">
        <v>0</v>
      </c>
      <c r="MI41" s="132"/>
      <c r="MJ41" s="109">
        <v>0</v>
      </c>
      <c r="MK41" s="109">
        <v>17766</v>
      </c>
      <c r="ML41" s="109">
        <v>431423</v>
      </c>
      <c r="MM41" s="109">
        <v>240027</v>
      </c>
      <c r="MN41" s="109">
        <v>235981</v>
      </c>
      <c r="MO41" s="110">
        <v>925197</v>
      </c>
      <c r="MP41" s="130">
        <v>925197</v>
      </c>
      <c r="MQ41" s="129">
        <v>0</v>
      </c>
      <c r="MR41" s="109">
        <v>0</v>
      </c>
      <c r="MS41" s="110">
        <v>0</v>
      </c>
      <c r="MT41" s="132"/>
      <c r="MU41" s="109">
        <v>0</v>
      </c>
      <c r="MV41" s="109">
        <v>0</v>
      </c>
      <c r="MW41" s="109">
        <v>203042</v>
      </c>
      <c r="MX41" s="109">
        <v>0</v>
      </c>
      <c r="MY41" s="109">
        <v>235981</v>
      </c>
      <c r="MZ41" s="110">
        <v>439023</v>
      </c>
      <c r="NA41" s="130">
        <v>439023</v>
      </c>
      <c r="NB41" s="129">
        <v>0</v>
      </c>
      <c r="NC41" s="109">
        <v>0</v>
      </c>
      <c r="ND41" s="110">
        <v>0</v>
      </c>
      <c r="NE41" s="132"/>
      <c r="NF41" s="109">
        <v>0</v>
      </c>
      <c r="NG41" s="109">
        <v>17766</v>
      </c>
      <c r="NH41" s="109">
        <v>228381</v>
      </c>
      <c r="NI41" s="109">
        <v>240027</v>
      </c>
      <c r="NJ41" s="109">
        <v>0</v>
      </c>
      <c r="NK41" s="110">
        <v>486174</v>
      </c>
      <c r="NL41" s="298">
        <v>486174</v>
      </c>
      <c r="NM41" s="129">
        <v>0</v>
      </c>
      <c r="NN41" s="109">
        <v>0</v>
      </c>
      <c r="NO41" s="110">
        <v>0</v>
      </c>
      <c r="NP41" s="132"/>
      <c r="NQ41" s="109">
        <v>0</v>
      </c>
      <c r="NR41" s="109">
        <v>0</v>
      </c>
      <c r="NS41" s="109">
        <v>0</v>
      </c>
      <c r="NT41" s="109">
        <v>0</v>
      </c>
      <c r="NU41" s="109">
        <v>0</v>
      </c>
      <c r="NV41" s="110">
        <v>0</v>
      </c>
      <c r="NW41" s="111">
        <v>0</v>
      </c>
      <c r="NX41" s="129">
        <v>0</v>
      </c>
      <c r="NY41" s="109">
        <v>0</v>
      </c>
      <c r="NZ41" s="110">
        <v>0</v>
      </c>
      <c r="OA41" s="132"/>
      <c r="OB41" s="109">
        <v>0</v>
      </c>
      <c r="OC41" s="109">
        <v>0</v>
      </c>
      <c r="OD41" s="109">
        <v>0</v>
      </c>
      <c r="OE41" s="109">
        <v>0</v>
      </c>
      <c r="OF41" s="109">
        <v>0</v>
      </c>
      <c r="OG41" s="110">
        <v>0</v>
      </c>
      <c r="OH41" s="111">
        <v>0</v>
      </c>
      <c r="OI41" s="129">
        <v>32148</v>
      </c>
      <c r="OJ41" s="109">
        <v>70017</v>
      </c>
      <c r="OK41" s="128">
        <v>102165</v>
      </c>
      <c r="OL41" s="108">
        <v>0</v>
      </c>
      <c r="OM41" s="109">
        <v>272589</v>
      </c>
      <c r="ON41" s="109">
        <v>1474534</v>
      </c>
      <c r="OO41" s="109">
        <v>1080813</v>
      </c>
      <c r="OP41" s="109">
        <v>1100283</v>
      </c>
      <c r="OQ41" s="109">
        <v>783517</v>
      </c>
      <c r="OR41" s="110">
        <v>4711736</v>
      </c>
      <c r="OS41" s="130">
        <v>4813901</v>
      </c>
    </row>
    <row r="42" spans="2:409" ht="21" customHeight="1" thickBot="1" x14ac:dyDescent="0.25">
      <c r="B42" s="473" t="s">
        <v>37</v>
      </c>
      <c r="C42" s="107">
        <v>0</v>
      </c>
      <c r="D42" s="165">
        <v>0</v>
      </c>
      <c r="E42" s="166">
        <v>0</v>
      </c>
      <c r="F42" s="167">
        <v>0</v>
      </c>
      <c r="G42" s="165">
        <v>0</v>
      </c>
      <c r="H42" s="165">
        <v>0</v>
      </c>
      <c r="I42" s="165">
        <v>0</v>
      </c>
      <c r="J42" s="165">
        <v>216193</v>
      </c>
      <c r="K42" s="165">
        <v>132360</v>
      </c>
      <c r="L42" s="167">
        <v>348553</v>
      </c>
      <c r="M42" s="168">
        <v>348553</v>
      </c>
      <c r="N42" s="107">
        <v>0</v>
      </c>
      <c r="O42" s="165">
        <v>0</v>
      </c>
      <c r="P42" s="166">
        <v>0</v>
      </c>
      <c r="Q42" s="107">
        <v>0</v>
      </c>
      <c r="R42" s="165">
        <v>0</v>
      </c>
      <c r="S42" s="165">
        <v>0</v>
      </c>
      <c r="T42" s="165">
        <v>0</v>
      </c>
      <c r="U42" s="165">
        <v>23065</v>
      </c>
      <c r="V42" s="165">
        <v>50198</v>
      </c>
      <c r="W42" s="166">
        <v>73263</v>
      </c>
      <c r="X42" s="168">
        <v>73263</v>
      </c>
      <c r="Y42" s="107">
        <v>0</v>
      </c>
      <c r="Z42" s="165">
        <v>0</v>
      </c>
      <c r="AA42" s="166">
        <v>0</v>
      </c>
      <c r="AB42" s="107">
        <v>0</v>
      </c>
      <c r="AC42" s="165">
        <v>0</v>
      </c>
      <c r="AD42" s="165">
        <v>0</v>
      </c>
      <c r="AE42" s="165">
        <v>0</v>
      </c>
      <c r="AF42" s="165">
        <v>0</v>
      </c>
      <c r="AG42" s="165">
        <v>3171</v>
      </c>
      <c r="AH42" s="166">
        <v>3171</v>
      </c>
      <c r="AI42" s="168">
        <v>3171</v>
      </c>
      <c r="AJ42" s="107">
        <v>0</v>
      </c>
      <c r="AK42" s="165">
        <v>0</v>
      </c>
      <c r="AL42" s="166">
        <v>0</v>
      </c>
      <c r="AM42" s="107">
        <v>0</v>
      </c>
      <c r="AN42" s="165">
        <v>0</v>
      </c>
      <c r="AO42" s="165">
        <v>0</v>
      </c>
      <c r="AP42" s="165">
        <v>0</v>
      </c>
      <c r="AQ42" s="165">
        <v>0</v>
      </c>
      <c r="AR42" s="165">
        <v>0</v>
      </c>
      <c r="AS42" s="166">
        <v>0</v>
      </c>
      <c r="AT42" s="168">
        <v>0</v>
      </c>
      <c r="AU42" s="107">
        <v>0</v>
      </c>
      <c r="AV42" s="165">
        <v>0</v>
      </c>
      <c r="AW42" s="166">
        <v>0</v>
      </c>
      <c r="AX42" s="107">
        <v>0</v>
      </c>
      <c r="AY42" s="165">
        <v>0</v>
      </c>
      <c r="AZ42" s="165">
        <v>0</v>
      </c>
      <c r="BA42" s="165">
        <v>0</v>
      </c>
      <c r="BB42" s="165">
        <v>14665</v>
      </c>
      <c r="BC42" s="165">
        <v>35617</v>
      </c>
      <c r="BD42" s="166">
        <v>50282</v>
      </c>
      <c r="BE42" s="168">
        <v>50282</v>
      </c>
      <c r="BF42" s="107">
        <v>0</v>
      </c>
      <c r="BG42" s="165">
        <v>0</v>
      </c>
      <c r="BH42" s="170">
        <v>0</v>
      </c>
      <c r="BI42" s="169">
        <v>0</v>
      </c>
      <c r="BJ42" s="165">
        <v>0</v>
      </c>
      <c r="BK42" s="165">
        <v>0</v>
      </c>
      <c r="BL42" s="165">
        <v>0</v>
      </c>
      <c r="BM42" s="165">
        <v>0</v>
      </c>
      <c r="BN42" s="165">
        <v>0</v>
      </c>
      <c r="BO42" s="166">
        <v>0</v>
      </c>
      <c r="BP42" s="168">
        <v>0</v>
      </c>
      <c r="BQ42" s="107">
        <v>0</v>
      </c>
      <c r="BR42" s="165">
        <v>0</v>
      </c>
      <c r="BS42" s="166">
        <v>0</v>
      </c>
      <c r="BT42" s="107">
        <v>0</v>
      </c>
      <c r="BU42" s="165">
        <v>0</v>
      </c>
      <c r="BV42" s="165">
        <v>0</v>
      </c>
      <c r="BW42" s="165">
        <v>0</v>
      </c>
      <c r="BX42" s="165">
        <v>8400</v>
      </c>
      <c r="BY42" s="165">
        <v>11410</v>
      </c>
      <c r="BZ42" s="166">
        <v>19810</v>
      </c>
      <c r="CA42" s="168">
        <v>19810</v>
      </c>
      <c r="CB42" s="107">
        <v>0</v>
      </c>
      <c r="CC42" s="165">
        <v>0</v>
      </c>
      <c r="CD42" s="166">
        <v>0</v>
      </c>
      <c r="CE42" s="107">
        <v>0</v>
      </c>
      <c r="CF42" s="165">
        <v>0</v>
      </c>
      <c r="CG42" s="165">
        <v>0</v>
      </c>
      <c r="CH42" s="165">
        <v>0</v>
      </c>
      <c r="CI42" s="165">
        <v>0</v>
      </c>
      <c r="CJ42" s="165">
        <v>0</v>
      </c>
      <c r="CK42" s="166">
        <v>0</v>
      </c>
      <c r="CL42" s="168">
        <v>0</v>
      </c>
      <c r="CM42" s="107">
        <v>0</v>
      </c>
      <c r="CN42" s="165">
        <v>0</v>
      </c>
      <c r="CO42" s="166">
        <v>0</v>
      </c>
      <c r="CP42" s="169">
        <v>0</v>
      </c>
      <c r="CQ42" s="165">
        <v>0</v>
      </c>
      <c r="CR42" s="165">
        <v>0</v>
      </c>
      <c r="CS42" s="165">
        <v>0</v>
      </c>
      <c r="CT42" s="165">
        <v>0</v>
      </c>
      <c r="CU42" s="165">
        <v>0</v>
      </c>
      <c r="CV42" s="166">
        <v>0</v>
      </c>
      <c r="CW42" s="168">
        <v>0</v>
      </c>
      <c r="CX42" s="107">
        <v>0</v>
      </c>
      <c r="CY42" s="165">
        <v>0</v>
      </c>
      <c r="CZ42" s="166">
        <v>0</v>
      </c>
      <c r="DA42" s="107">
        <v>0</v>
      </c>
      <c r="DB42" s="165">
        <v>0</v>
      </c>
      <c r="DC42" s="165">
        <v>0</v>
      </c>
      <c r="DD42" s="165">
        <v>0</v>
      </c>
      <c r="DE42" s="165">
        <v>0</v>
      </c>
      <c r="DF42" s="165">
        <v>0</v>
      </c>
      <c r="DG42" s="166">
        <v>0</v>
      </c>
      <c r="DH42" s="168">
        <v>0</v>
      </c>
      <c r="DI42" s="107">
        <v>0</v>
      </c>
      <c r="DJ42" s="165">
        <v>0</v>
      </c>
      <c r="DK42" s="170">
        <v>0</v>
      </c>
      <c r="DL42" s="169">
        <v>0</v>
      </c>
      <c r="DM42" s="165">
        <v>0</v>
      </c>
      <c r="DN42" s="165">
        <v>0</v>
      </c>
      <c r="DO42" s="165">
        <v>0</v>
      </c>
      <c r="DP42" s="165">
        <v>0</v>
      </c>
      <c r="DQ42" s="165">
        <v>55002</v>
      </c>
      <c r="DR42" s="166">
        <v>55002</v>
      </c>
      <c r="DS42" s="168">
        <v>55002</v>
      </c>
      <c r="DT42" s="107">
        <v>0</v>
      </c>
      <c r="DU42" s="165">
        <v>0</v>
      </c>
      <c r="DV42" s="166">
        <v>0</v>
      </c>
      <c r="DW42" s="107">
        <v>0</v>
      </c>
      <c r="DX42" s="165">
        <v>0</v>
      </c>
      <c r="DY42" s="165">
        <v>0</v>
      </c>
      <c r="DZ42" s="165">
        <v>0</v>
      </c>
      <c r="EA42" s="165">
        <v>0</v>
      </c>
      <c r="EB42" s="165">
        <v>0</v>
      </c>
      <c r="EC42" s="166">
        <v>0</v>
      </c>
      <c r="ED42" s="168">
        <v>0</v>
      </c>
      <c r="EE42" s="107">
        <v>0</v>
      </c>
      <c r="EF42" s="170">
        <v>0</v>
      </c>
      <c r="EG42" s="166">
        <v>0</v>
      </c>
      <c r="EH42" s="107">
        <v>0</v>
      </c>
      <c r="EI42" s="165">
        <v>0</v>
      </c>
      <c r="EJ42" s="165">
        <v>0</v>
      </c>
      <c r="EK42" s="165">
        <v>0</v>
      </c>
      <c r="EL42" s="165">
        <v>0</v>
      </c>
      <c r="EM42" s="165">
        <v>55002</v>
      </c>
      <c r="EN42" s="170">
        <v>55002</v>
      </c>
      <c r="EO42" s="168">
        <v>55002</v>
      </c>
      <c r="EP42" s="107">
        <v>0</v>
      </c>
      <c r="EQ42" s="165">
        <v>0</v>
      </c>
      <c r="ER42" s="170">
        <v>0</v>
      </c>
      <c r="ES42" s="169">
        <v>0</v>
      </c>
      <c r="ET42" s="165">
        <v>0</v>
      </c>
      <c r="EU42" s="165">
        <v>0</v>
      </c>
      <c r="EV42" s="165">
        <v>0</v>
      </c>
      <c r="EW42" s="165">
        <v>0</v>
      </c>
      <c r="EX42" s="165">
        <v>0</v>
      </c>
      <c r="EY42" s="166">
        <v>0</v>
      </c>
      <c r="EZ42" s="168">
        <v>0</v>
      </c>
      <c r="FA42" s="107">
        <v>0</v>
      </c>
      <c r="FB42" s="165">
        <v>0</v>
      </c>
      <c r="FC42" s="170">
        <v>0</v>
      </c>
      <c r="FD42" s="325"/>
      <c r="FE42" s="165">
        <v>0</v>
      </c>
      <c r="FF42" s="165">
        <v>0</v>
      </c>
      <c r="FG42" s="165">
        <v>0</v>
      </c>
      <c r="FH42" s="165">
        <v>0</v>
      </c>
      <c r="FI42" s="165">
        <v>0</v>
      </c>
      <c r="FJ42" s="166">
        <v>0</v>
      </c>
      <c r="FK42" s="168">
        <v>0</v>
      </c>
      <c r="FL42" s="107">
        <v>0</v>
      </c>
      <c r="FM42" s="165">
        <v>0</v>
      </c>
      <c r="FN42" s="166">
        <v>0</v>
      </c>
      <c r="FO42" s="107">
        <v>0</v>
      </c>
      <c r="FP42" s="165">
        <v>0</v>
      </c>
      <c r="FQ42" s="165">
        <v>0</v>
      </c>
      <c r="FR42" s="165">
        <v>0</v>
      </c>
      <c r="FS42" s="165">
        <v>7063</v>
      </c>
      <c r="FT42" s="165">
        <v>27160</v>
      </c>
      <c r="FU42" s="166">
        <v>34223</v>
      </c>
      <c r="FV42" s="168">
        <v>34223</v>
      </c>
      <c r="FW42" s="171">
        <v>0</v>
      </c>
      <c r="FX42" s="165">
        <v>0</v>
      </c>
      <c r="FY42" s="170">
        <v>0</v>
      </c>
      <c r="FZ42" s="169">
        <v>0</v>
      </c>
      <c r="GA42" s="165">
        <v>0</v>
      </c>
      <c r="GB42" s="165">
        <v>0</v>
      </c>
      <c r="GC42" s="165">
        <v>0</v>
      </c>
      <c r="GD42" s="165">
        <v>7063</v>
      </c>
      <c r="GE42" s="165">
        <v>27160</v>
      </c>
      <c r="GF42" s="166">
        <v>34223</v>
      </c>
      <c r="GG42" s="297">
        <v>34223</v>
      </c>
      <c r="GH42" s="171">
        <v>0</v>
      </c>
      <c r="GI42" s="165">
        <v>0</v>
      </c>
      <c r="GJ42" s="170">
        <v>0</v>
      </c>
      <c r="GK42" s="169">
        <v>0</v>
      </c>
      <c r="GL42" s="165">
        <v>0</v>
      </c>
      <c r="GM42" s="165">
        <v>0</v>
      </c>
      <c r="GN42" s="165">
        <v>0</v>
      </c>
      <c r="GO42" s="165">
        <v>0</v>
      </c>
      <c r="GP42" s="165">
        <v>0</v>
      </c>
      <c r="GQ42" s="166">
        <v>0</v>
      </c>
      <c r="GR42" s="168">
        <v>0</v>
      </c>
      <c r="GS42" s="107">
        <v>0</v>
      </c>
      <c r="GT42" s="165">
        <v>0</v>
      </c>
      <c r="GU42" s="166">
        <v>0</v>
      </c>
      <c r="GV42" s="107">
        <v>0</v>
      </c>
      <c r="GW42" s="165">
        <v>0</v>
      </c>
      <c r="GX42" s="165">
        <v>0</v>
      </c>
      <c r="GY42" s="165">
        <v>0</v>
      </c>
      <c r="GZ42" s="165">
        <v>0</v>
      </c>
      <c r="HA42" s="165">
        <v>0</v>
      </c>
      <c r="HB42" s="170">
        <v>0</v>
      </c>
      <c r="HC42" s="168">
        <v>0</v>
      </c>
      <c r="HD42" s="107">
        <v>0</v>
      </c>
      <c r="HE42" s="165">
        <v>0</v>
      </c>
      <c r="HF42" s="170">
        <v>0</v>
      </c>
      <c r="HG42" s="169">
        <v>0</v>
      </c>
      <c r="HH42" s="165">
        <v>0</v>
      </c>
      <c r="HI42" s="165">
        <v>0</v>
      </c>
      <c r="HJ42" s="165">
        <v>0</v>
      </c>
      <c r="HK42" s="165">
        <v>186065</v>
      </c>
      <c r="HL42" s="165">
        <v>0</v>
      </c>
      <c r="HM42" s="166">
        <v>186065</v>
      </c>
      <c r="HN42" s="167">
        <v>186065</v>
      </c>
      <c r="HO42" s="312"/>
      <c r="HP42" s="313"/>
      <c r="HQ42" s="314"/>
      <c r="HR42" s="315"/>
      <c r="HS42" s="313"/>
      <c r="HT42" s="313"/>
      <c r="HU42" s="313"/>
      <c r="HV42" s="313"/>
      <c r="HW42" s="313"/>
      <c r="HX42" s="316"/>
      <c r="HY42" s="317"/>
      <c r="HZ42" s="138">
        <v>0</v>
      </c>
      <c r="IA42" s="139">
        <v>0</v>
      </c>
      <c r="IB42" s="140">
        <v>0</v>
      </c>
      <c r="IC42" s="141">
        <v>0</v>
      </c>
      <c r="ID42" s="142">
        <v>0</v>
      </c>
      <c r="IE42" s="143">
        <v>0</v>
      </c>
      <c r="IF42" s="144">
        <v>0</v>
      </c>
      <c r="IG42" s="142">
        <v>0</v>
      </c>
      <c r="IH42" s="144">
        <v>156130</v>
      </c>
      <c r="II42" s="145">
        <v>156130</v>
      </c>
      <c r="IJ42" s="146">
        <v>156130</v>
      </c>
      <c r="IK42" s="220">
        <v>0</v>
      </c>
      <c r="IL42" s="225">
        <v>0</v>
      </c>
      <c r="IM42" s="226">
        <v>0</v>
      </c>
      <c r="IN42" s="147"/>
      <c r="IO42" s="148">
        <v>0</v>
      </c>
      <c r="IP42" s="148">
        <v>0</v>
      </c>
      <c r="IQ42" s="148">
        <v>0</v>
      </c>
      <c r="IR42" s="148">
        <v>0</v>
      </c>
      <c r="IS42" s="148">
        <v>0</v>
      </c>
      <c r="IT42" s="149">
        <v>0</v>
      </c>
      <c r="IU42" s="299">
        <v>0</v>
      </c>
      <c r="IV42" s="150">
        <v>0</v>
      </c>
      <c r="IW42" s="148">
        <v>0</v>
      </c>
      <c r="IX42" s="152">
        <v>0</v>
      </c>
      <c r="IY42" s="155"/>
      <c r="IZ42" s="148">
        <v>0</v>
      </c>
      <c r="JA42" s="148">
        <v>0</v>
      </c>
      <c r="JB42" s="148">
        <v>0</v>
      </c>
      <c r="JC42" s="148">
        <v>0</v>
      </c>
      <c r="JD42" s="148">
        <v>0</v>
      </c>
      <c r="JE42" s="152">
        <v>0</v>
      </c>
      <c r="JF42" s="153">
        <v>0</v>
      </c>
      <c r="JG42" s="150">
        <v>0</v>
      </c>
      <c r="JH42" s="148">
        <v>0</v>
      </c>
      <c r="JI42" s="149">
        <v>0</v>
      </c>
      <c r="JJ42" s="151">
        <v>0</v>
      </c>
      <c r="JK42" s="148">
        <v>0</v>
      </c>
      <c r="JL42" s="148">
        <v>0</v>
      </c>
      <c r="JM42" s="148">
        <v>0</v>
      </c>
      <c r="JN42" s="148">
        <v>0</v>
      </c>
      <c r="JO42" s="148">
        <v>156130</v>
      </c>
      <c r="JP42" s="152">
        <v>156130</v>
      </c>
      <c r="JQ42" s="299">
        <v>156130</v>
      </c>
      <c r="JR42" s="150">
        <v>0</v>
      </c>
      <c r="JS42" s="148">
        <v>0</v>
      </c>
      <c r="JT42" s="149">
        <v>0</v>
      </c>
      <c r="JU42" s="151">
        <v>0</v>
      </c>
      <c r="JV42" s="148">
        <v>0</v>
      </c>
      <c r="JW42" s="148">
        <v>0</v>
      </c>
      <c r="JX42" s="148">
        <v>0</v>
      </c>
      <c r="JY42" s="148">
        <v>0</v>
      </c>
      <c r="JZ42" s="148">
        <v>0</v>
      </c>
      <c r="KA42" s="152">
        <v>0</v>
      </c>
      <c r="KB42" s="299">
        <v>0</v>
      </c>
      <c r="KC42" s="222">
        <v>0</v>
      </c>
      <c r="KD42" s="218">
        <v>0</v>
      </c>
      <c r="KE42" s="152">
        <v>0</v>
      </c>
      <c r="KF42" s="151">
        <v>0</v>
      </c>
      <c r="KG42" s="148">
        <v>0</v>
      </c>
      <c r="KH42" s="148">
        <v>0</v>
      </c>
      <c r="KI42" s="148">
        <v>0</v>
      </c>
      <c r="KJ42" s="148">
        <v>0</v>
      </c>
      <c r="KK42" s="148">
        <v>0</v>
      </c>
      <c r="KL42" s="152">
        <v>0</v>
      </c>
      <c r="KM42" s="154">
        <v>0</v>
      </c>
      <c r="KN42" s="220">
        <v>0</v>
      </c>
      <c r="KO42" s="225">
        <v>0</v>
      </c>
      <c r="KP42" s="226">
        <v>0</v>
      </c>
      <c r="KQ42" s="147"/>
      <c r="KR42" s="148">
        <v>0</v>
      </c>
      <c r="KS42" s="148">
        <v>0</v>
      </c>
      <c r="KT42" s="148">
        <v>0</v>
      </c>
      <c r="KU42" s="148">
        <v>0</v>
      </c>
      <c r="KV42" s="148">
        <v>0</v>
      </c>
      <c r="KW42" s="152">
        <v>0</v>
      </c>
      <c r="KX42" s="299">
        <v>0</v>
      </c>
      <c r="KY42" s="150">
        <v>0</v>
      </c>
      <c r="KZ42" s="148">
        <v>0</v>
      </c>
      <c r="LA42" s="152">
        <v>0</v>
      </c>
      <c r="LB42" s="156"/>
      <c r="LC42" s="148">
        <v>0</v>
      </c>
      <c r="LD42" s="148">
        <v>0</v>
      </c>
      <c r="LE42" s="148">
        <v>0</v>
      </c>
      <c r="LF42" s="148">
        <v>0</v>
      </c>
      <c r="LG42" s="148">
        <v>0</v>
      </c>
      <c r="LH42" s="152">
        <v>0</v>
      </c>
      <c r="LI42" s="153">
        <v>0</v>
      </c>
      <c r="LJ42" s="150">
        <v>0</v>
      </c>
      <c r="LK42" s="148">
        <v>0</v>
      </c>
      <c r="LL42" s="152">
        <v>0</v>
      </c>
      <c r="LM42" s="156"/>
      <c r="LN42" s="148">
        <v>0</v>
      </c>
      <c r="LO42" s="148">
        <v>0</v>
      </c>
      <c r="LP42" s="148">
        <v>0</v>
      </c>
      <c r="LQ42" s="148">
        <v>0</v>
      </c>
      <c r="LR42" s="148">
        <v>0</v>
      </c>
      <c r="LS42" s="152">
        <v>0</v>
      </c>
      <c r="LT42" s="299">
        <v>0</v>
      </c>
      <c r="LU42" s="150">
        <v>0</v>
      </c>
      <c r="LV42" s="148">
        <v>0</v>
      </c>
      <c r="LW42" s="152">
        <v>0</v>
      </c>
      <c r="LX42" s="156"/>
      <c r="LY42" s="148">
        <v>0</v>
      </c>
      <c r="LZ42" s="148">
        <v>0</v>
      </c>
      <c r="MA42" s="148">
        <v>0</v>
      </c>
      <c r="MB42" s="148">
        <v>0</v>
      </c>
      <c r="MC42" s="148">
        <v>0</v>
      </c>
      <c r="MD42" s="152">
        <v>0</v>
      </c>
      <c r="ME42" s="153">
        <v>0</v>
      </c>
      <c r="MF42" s="150">
        <v>0</v>
      </c>
      <c r="MG42" s="148">
        <v>0</v>
      </c>
      <c r="MH42" s="152">
        <v>0</v>
      </c>
      <c r="MI42" s="156"/>
      <c r="MJ42" s="148">
        <v>0</v>
      </c>
      <c r="MK42" s="148">
        <v>0</v>
      </c>
      <c r="ML42" s="148">
        <v>0</v>
      </c>
      <c r="MM42" s="148">
        <v>0</v>
      </c>
      <c r="MN42" s="148">
        <v>0</v>
      </c>
      <c r="MO42" s="152">
        <v>0</v>
      </c>
      <c r="MP42" s="154">
        <v>0</v>
      </c>
      <c r="MQ42" s="150">
        <v>0</v>
      </c>
      <c r="MR42" s="148">
        <v>0</v>
      </c>
      <c r="MS42" s="152">
        <v>0</v>
      </c>
      <c r="MT42" s="156"/>
      <c r="MU42" s="148">
        <v>0</v>
      </c>
      <c r="MV42" s="148">
        <v>0</v>
      </c>
      <c r="MW42" s="148">
        <v>0</v>
      </c>
      <c r="MX42" s="148">
        <v>0</v>
      </c>
      <c r="MY42" s="148">
        <v>0</v>
      </c>
      <c r="MZ42" s="152">
        <v>0</v>
      </c>
      <c r="NA42" s="154">
        <v>0</v>
      </c>
      <c r="NB42" s="150">
        <v>0</v>
      </c>
      <c r="NC42" s="148">
        <v>0</v>
      </c>
      <c r="ND42" s="152">
        <v>0</v>
      </c>
      <c r="NE42" s="156"/>
      <c r="NF42" s="148">
        <v>0</v>
      </c>
      <c r="NG42" s="148">
        <v>0</v>
      </c>
      <c r="NH42" s="148">
        <v>0</v>
      </c>
      <c r="NI42" s="148">
        <v>0</v>
      </c>
      <c r="NJ42" s="148">
        <v>0</v>
      </c>
      <c r="NK42" s="152">
        <v>0</v>
      </c>
      <c r="NL42" s="299">
        <v>0</v>
      </c>
      <c r="NM42" s="150">
        <v>0</v>
      </c>
      <c r="NN42" s="148">
        <v>0</v>
      </c>
      <c r="NO42" s="152">
        <v>0</v>
      </c>
      <c r="NP42" s="156"/>
      <c r="NQ42" s="148">
        <v>0</v>
      </c>
      <c r="NR42" s="148">
        <v>0</v>
      </c>
      <c r="NS42" s="148">
        <v>0</v>
      </c>
      <c r="NT42" s="148">
        <v>0</v>
      </c>
      <c r="NU42" s="148">
        <v>0</v>
      </c>
      <c r="NV42" s="152">
        <v>0</v>
      </c>
      <c r="NW42" s="153">
        <v>0</v>
      </c>
      <c r="NX42" s="150">
        <v>0</v>
      </c>
      <c r="NY42" s="148">
        <v>0</v>
      </c>
      <c r="NZ42" s="152">
        <v>0</v>
      </c>
      <c r="OA42" s="156"/>
      <c r="OB42" s="148">
        <v>0</v>
      </c>
      <c r="OC42" s="148">
        <v>0</v>
      </c>
      <c r="OD42" s="148">
        <v>0</v>
      </c>
      <c r="OE42" s="148">
        <v>0</v>
      </c>
      <c r="OF42" s="148">
        <v>0</v>
      </c>
      <c r="OG42" s="152">
        <v>0</v>
      </c>
      <c r="OH42" s="153">
        <v>0</v>
      </c>
      <c r="OI42" s="150">
        <v>0</v>
      </c>
      <c r="OJ42" s="148">
        <v>0</v>
      </c>
      <c r="OK42" s="149">
        <v>0</v>
      </c>
      <c r="OL42" s="151">
        <v>0</v>
      </c>
      <c r="OM42" s="148">
        <v>0</v>
      </c>
      <c r="ON42" s="148">
        <v>0</v>
      </c>
      <c r="OO42" s="148">
        <v>0</v>
      </c>
      <c r="OP42" s="148">
        <v>216193</v>
      </c>
      <c r="OQ42" s="148">
        <v>288490</v>
      </c>
      <c r="OR42" s="152">
        <v>504683</v>
      </c>
      <c r="OS42" s="154">
        <v>504683</v>
      </c>
    </row>
    <row r="43" spans="2:409" x14ac:dyDescent="0.2">
      <c r="B43" s="39" t="s">
        <v>84</v>
      </c>
    </row>
  </sheetData>
  <mergeCells count="158">
    <mergeCell ref="OH7:OH8"/>
    <mergeCell ref="OI7:OK7"/>
    <mergeCell ref="OL7:OR7"/>
    <mergeCell ref="OS7:OS8"/>
    <mergeCell ref="NL7:NL8"/>
    <mergeCell ref="NM7:NO7"/>
    <mergeCell ref="NP7:NV7"/>
    <mergeCell ref="NW7:NW8"/>
    <mergeCell ref="NX7:NZ7"/>
    <mergeCell ref="NA7:NA8"/>
    <mergeCell ref="NB7:ND7"/>
    <mergeCell ref="NE7:NK7"/>
    <mergeCell ref="LX7:MD7"/>
    <mergeCell ref="ME7:ME8"/>
    <mergeCell ref="MF7:MH7"/>
    <mergeCell ref="MI7:MO7"/>
    <mergeCell ref="MP7:MP8"/>
    <mergeCell ref="OA7:OG7"/>
    <mergeCell ref="LT7:LT8"/>
    <mergeCell ref="LU7:LW7"/>
    <mergeCell ref="KN7:KP7"/>
    <mergeCell ref="KQ7:KW7"/>
    <mergeCell ref="KX7:KX8"/>
    <mergeCell ref="KY7:LA7"/>
    <mergeCell ref="LB7:LH7"/>
    <mergeCell ref="MQ7:MS7"/>
    <mergeCell ref="MT7:MZ7"/>
    <mergeCell ref="JU7:KA7"/>
    <mergeCell ref="KB7:KB8"/>
    <mergeCell ref="KC7:KE7"/>
    <mergeCell ref="KF7:KL7"/>
    <mergeCell ref="KM7:KM8"/>
    <mergeCell ref="NB5:NL6"/>
    <mergeCell ref="NM5:NW6"/>
    <mergeCell ref="NX5:OH6"/>
    <mergeCell ref="HZ7:IB7"/>
    <mergeCell ref="IC7:II7"/>
    <mergeCell ref="IJ7:IJ8"/>
    <mergeCell ref="IK7:IM7"/>
    <mergeCell ref="IN7:IT7"/>
    <mergeCell ref="IU7:IU8"/>
    <mergeCell ref="IV7:IX7"/>
    <mergeCell ref="IY7:JE7"/>
    <mergeCell ref="JF7:JF8"/>
    <mergeCell ref="JG7:JI7"/>
    <mergeCell ref="JJ7:JP7"/>
    <mergeCell ref="JQ7:JQ8"/>
    <mergeCell ref="JR7:JT7"/>
    <mergeCell ref="LI7:LI8"/>
    <mergeCell ref="LJ7:LL7"/>
    <mergeCell ref="LM7:LS7"/>
    <mergeCell ref="ID1:IE1"/>
    <mergeCell ref="HZ4:ME4"/>
    <mergeCell ref="MF4:OH4"/>
    <mergeCell ref="OI4:OS6"/>
    <mergeCell ref="HZ5:IJ6"/>
    <mergeCell ref="IK5:IU6"/>
    <mergeCell ref="IV5:JF6"/>
    <mergeCell ref="JG5:JQ6"/>
    <mergeCell ref="JR5:KB6"/>
    <mergeCell ref="KC5:KM6"/>
    <mergeCell ref="KN5:KX6"/>
    <mergeCell ref="KY5:LI6"/>
    <mergeCell ref="LJ5:LT6"/>
    <mergeCell ref="LU5:ME6"/>
    <mergeCell ref="MF5:MP6"/>
    <mergeCell ref="MQ5:NA6"/>
    <mergeCell ref="HO7:HQ7"/>
    <mergeCell ref="HR7:HX7"/>
    <mergeCell ref="HY7:HY8"/>
    <mergeCell ref="GS7:GU7"/>
    <mergeCell ref="GV7:HB7"/>
    <mergeCell ref="HC7:HC8"/>
    <mergeCell ref="HD7:HF7"/>
    <mergeCell ref="HG7:HM7"/>
    <mergeCell ref="HN7:HN8"/>
    <mergeCell ref="GR7:GR8"/>
    <mergeCell ref="FA7:FC7"/>
    <mergeCell ref="FD7:FJ7"/>
    <mergeCell ref="FK7:FK8"/>
    <mergeCell ref="FL7:FN7"/>
    <mergeCell ref="FO7:FU7"/>
    <mergeCell ref="FV7:FV8"/>
    <mergeCell ref="FW7:FY7"/>
    <mergeCell ref="FZ7:GF7"/>
    <mergeCell ref="GG7:GG8"/>
    <mergeCell ref="GH7:GJ7"/>
    <mergeCell ref="GK7:GQ7"/>
    <mergeCell ref="DA7:DG7"/>
    <mergeCell ref="EZ7:EZ8"/>
    <mergeCell ref="DI7:DK7"/>
    <mergeCell ref="DL7:DR7"/>
    <mergeCell ref="DS7:DS8"/>
    <mergeCell ref="DT7:DV7"/>
    <mergeCell ref="DW7:EC7"/>
    <mergeCell ref="ED7:ED8"/>
    <mergeCell ref="EE7:EG7"/>
    <mergeCell ref="EH7:EN7"/>
    <mergeCell ref="EO7:EO8"/>
    <mergeCell ref="EP7:ER7"/>
    <mergeCell ref="ES7:EY7"/>
    <mergeCell ref="CM7:CO7"/>
    <mergeCell ref="CP7:CV7"/>
    <mergeCell ref="CW7:CW8"/>
    <mergeCell ref="CX7:CZ7"/>
    <mergeCell ref="BQ7:BS7"/>
    <mergeCell ref="BT7:BZ7"/>
    <mergeCell ref="CA7:CA8"/>
    <mergeCell ref="CB7:CD7"/>
    <mergeCell ref="CE7:CK7"/>
    <mergeCell ref="F7:L7"/>
    <mergeCell ref="M7:M8"/>
    <mergeCell ref="N7:P7"/>
    <mergeCell ref="Q7:W7"/>
    <mergeCell ref="FL6:FV6"/>
    <mergeCell ref="FW6:GG6"/>
    <mergeCell ref="N6:X6"/>
    <mergeCell ref="Y6:AI6"/>
    <mergeCell ref="AJ6:AT6"/>
    <mergeCell ref="AU6:BE6"/>
    <mergeCell ref="BF6:BP6"/>
    <mergeCell ref="BQ6:CA6"/>
    <mergeCell ref="DT6:ED6"/>
    <mergeCell ref="EE6:EO6"/>
    <mergeCell ref="X7:X8"/>
    <mergeCell ref="EP6:EZ6"/>
    <mergeCell ref="FA6:FK6"/>
    <mergeCell ref="BP7:BP8"/>
    <mergeCell ref="Y7:AA7"/>
    <mergeCell ref="AB7:AH7"/>
    <mergeCell ref="AI7:AI8"/>
    <mergeCell ref="AJ7:AL7"/>
    <mergeCell ref="AM7:AS7"/>
    <mergeCell ref="CL7:CL8"/>
    <mergeCell ref="G1:H1"/>
    <mergeCell ref="AT7:AT8"/>
    <mergeCell ref="AU7:AW7"/>
    <mergeCell ref="AX7:BD7"/>
    <mergeCell ref="BE7:BE8"/>
    <mergeCell ref="BF7:BH7"/>
    <mergeCell ref="BI7:BO7"/>
    <mergeCell ref="DH7:DH8"/>
    <mergeCell ref="B4:B8"/>
    <mergeCell ref="C4:M6"/>
    <mergeCell ref="N4:HY4"/>
    <mergeCell ref="N5:CA5"/>
    <mergeCell ref="CB5:DH5"/>
    <mergeCell ref="DI5:FK5"/>
    <mergeCell ref="FL5:HC5"/>
    <mergeCell ref="HD5:HN6"/>
    <mergeCell ref="HO5:HY6"/>
    <mergeCell ref="GH6:GR6"/>
    <mergeCell ref="GS6:HC6"/>
    <mergeCell ref="CB6:CL6"/>
    <mergeCell ref="CM6:CW6"/>
    <mergeCell ref="CX6:DH6"/>
    <mergeCell ref="DI6:DS6"/>
    <mergeCell ref="C7:E7"/>
  </mergeCells>
  <phoneticPr fontId="4"/>
  <pageMargins left="0.59055118110236227" right="0.39370078740157483" top="0.39370078740157483" bottom="0.43307086614173229" header="0.19685039370078741" footer="0.19685039370078741"/>
  <pageSetup paperSize="9" scale="40" orientation="landscape" r:id="rId1"/>
  <headerFooter alignWithMargins="0">
    <oddFooter>&amp;L&amp;20&amp;A&amp;C&amp;P/&amp;N</oddFooter>
  </headerFooter>
  <colBreaks count="9" manualBreakCount="9">
    <brk id="35" max="1048575" man="1"/>
    <brk id="68" max="1048575" man="1"/>
    <brk id="101" max="1048575" man="1"/>
    <brk id="134" max="1048575" man="1"/>
    <brk id="167" max="1048575" man="1"/>
    <brk id="200" max="1048575" man="1"/>
    <brk id="233" max="1048575" man="1"/>
    <brk id="266" max="42" man="1"/>
    <brk id="299" max="1048575" man="1"/>
  </colBreaks>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5">
    <tabColor theme="6"/>
  </sheetPr>
  <dimension ref="B1:HY41"/>
  <sheetViews>
    <sheetView tabSelected="1" zoomScaleNormal="100" workbookViewId="0">
      <pane xSplit="2" ySplit="7" topLeftCell="C8" activePane="bottomRight" state="frozen"/>
      <selection pane="topRight" activeCell="B1" sqref="B1"/>
      <selection pane="bottomLeft" activeCell="A8" sqref="A8"/>
      <selection pane="bottomRight" activeCell="B1" sqref="B1"/>
    </sheetView>
  </sheetViews>
  <sheetFormatPr defaultColWidth="9" defaultRowHeight="13.2" x14ac:dyDescent="0.2"/>
  <cols>
    <col min="1" max="1" width="3.77734375" style="272" customWidth="1"/>
    <col min="2" max="2" width="9.77734375" style="272" customWidth="1"/>
    <col min="3" max="4" width="9.21875" style="272" bestFit="1" customWidth="1"/>
    <col min="5" max="5" width="10.77734375" style="272" bestFit="1" customWidth="1"/>
    <col min="6" max="6" width="7.88671875" style="272" customWidth="1"/>
    <col min="7" max="11" width="10.44140625" style="272" bestFit="1" customWidth="1"/>
    <col min="12" max="13" width="11.6640625" style="272" bestFit="1" customWidth="1"/>
    <col min="14" max="16" width="9.21875" style="272" bestFit="1" customWidth="1"/>
    <col min="17" max="17" width="7.44140625" style="272" customWidth="1"/>
    <col min="18" max="18" width="9.21875" style="272" bestFit="1" customWidth="1"/>
    <col min="19" max="22" width="10.44140625" style="272" bestFit="1" customWidth="1"/>
    <col min="23" max="24" width="11.6640625" style="272" bestFit="1" customWidth="1"/>
    <col min="25" max="27" width="9.109375" style="272" bestFit="1" customWidth="1"/>
    <col min="28" max="28" width="7" style="272" customWidth="1"/>
    <col min="29" max="30" width="9.109375" style="272" bestFit="1" customWidth="1"/>
    <col min="31" max="32" width="9.6640625" style="272" bestFit="1" customWidth="1"/>
    <col min="33" max="33" width="9.109375" style="272" bestFit="1" customWidth="1"/>
    <col min="34" max="35" width="9.6640625" style="272" bestFit="1" customWidth="1"/>
    <col min="36" max="38" width="9.109375" style="272" bestFit="1" customWidth="1"/>
    <col min="39" max="39" width="7.33203125" style="272" customWidth="1"/>
    <col min="40" max="49" width="9.109375" style="272" bestFit="1" customWidth="1"/>
    <col min="50" max="50" width="7.33203125" style="272" customWidth="1"/>
    <col min="51" max="60" width="9.109375" style="272" bestFit="1" customWidth="1"/>
    <col min="61" max="61" width="7.77734375" style="272" customWidth="1"/>
    <col min="62" max="71" width="9.109375" style="272" bestFit="1" customWidth="1"/>
    <col min="72" max="72" width="7.77734375" style="272" customWidth="1"/>
    <col min="73" max="77" width="9.109375" style="272" bestFit="1" customWidth="1"/>
    <col min="78" max="79" width="9.6640625" style="272" bestFit="1" customWidth="1"/>
    <col min="80" max="82" width="9.109375" style="272" bestFit="1" customWidth="1"/>
    <col min="83" max="83" width="7.88671875" style="272" customWidth="1"/>
    <col min="84" max="93" width="9.109375" style="272" bestFit="1" customWidth="1"/>
    <col min="94" max="94" width="8" style="272" customWidth="1"/>
    <col min="95" max="104" width="9.109375" style="272" bestFit="1" customWidth="1"/>
    <col min="105" max="105" width="8" style="272" customWidth="1"/>
    <col min="106" max="115" width="9.109375" style="272" bestFit="1" customWidth="1"/>
    <col min="116" max="116" width="7.6640625" style="272" customWidth="1"/>
    <col min="117" max="117" width="9.109375" style="272" bestFit="1" customWidth="1"/>
    <col min="118" max="121" width="9.6640625" style="272" bestFit="1" customWidth="1"/>
    <col min="122" max="123" width="10.6640625" style="272" bestFit="1" customWidth="1"/>
    <col min="124" max="126" width="9.109375" style="272" bestFit="1" customWidth="1"/>
    <col min="127" max="127" width="7.44140625" style="272" customWidth="1"/>
    <col min="128" max="129" width="9.109375" style="272" bestFit="1" customWidth="1"/>
    <col min="130" max="134" width="9.6640625" style="272" bestFit="1" customWidth="1"/>
    <col min="135" max="137" width="9.109375" style="272" bestFit="1" customWidth="1"/>
    <col min="138" max="138" width="7.6640625" style="272" customWidth="1"/>
    <col min="139" max="148" width="9.109375" style="272" bestFit="1" customWidth="1"/>
    <col min="149" max="149" width="7.77734375" style="272" customWidth="1"/>
    <col min="150" max="159" width="9.109375" style="272" bestFit="1" customWidth="1"/>
    <col min="160" max="160" width="7.77734375" style="272" customWidth="1"/>
    <col min="161" max="170" width="9.109375" style="272" bestFit="1" customWidth="1"/>
    <col min="171" max="171" width="7.33203125" style="272" customWidth="1"/>
    <col min="172" max="181" width="9.109375" style="272" bestFit="1" customWidth="1"/>
    <col min="182" max="182" width="8" style="272" customWidth="1"/>
    <col min="183" max="188" width="9.109375" style="272" bestFit="1" customWidth="1"/>
    <col min="189" max="189" width="9.6640625" style="272" bestFit="1" customWidth="1"/>
    <col min="190" max="192" width="9.109375" style="272" bestFit="1" customWidth="1"/>
    <col min="193" max="193" width="7.44140625" style="272" customWidth="1"/>
    <col min="194" max="203" width="9.109375" style="272" bestFit="1" customWidth="1"/>
    <col min="204" max="204" width="7.88671875" style="272" customWidth="1"/>
    <col min="205" max="214" width="9.109375" style="272" bestFit="1" customWidth="1"/>
    <col min="215" max="215" width="7.88671875" style="272" customWidth="1"/>
    <col min="216" max="225" width="9.109375" style="272" bestFit="1" customWidth="1"/>
    <col min="226" max="226" width="7.6640625" style="272" customWidth="1"/>
    <col min="227" max="229" width="9.6640625" style="272" bestFit="1" customWidth="1"/>
    <col min="230" max="230" width="10.6640625" style="272" bestFit="1" customWidth="1"/>
    <col min="231" max="231" width="9.6640625" style="272" bestFit="1" customWidth="1"/>
    <col min="232" max="233" width="10.6640625" style="272" bestFit="1" customWidth="1"/>
    <col min="234" max="16384" width="9" style="272"/>
  </cols>
  <sheetData>
    <row r="1" spans="2:233" s="1" customFormat="1" ht="24" customHeight="1" x14ac:dyDescent="0.2">
      <c r="B1" s="15" t="s">
        <v>162</v>
      </c>
      <c r="C1" s="34"/>
      <c r="D1" s="34"/>
      <c r="E1" s="468">
        <f>第１表!F2</f>
        <v>5</v>
      </c>
      <c r="F1" s="469">
        <f>第１表!G2</f>
        <v>12</v>
      </c>
      <c r="G1" s="584">
        <f>IF(F1&lt;3,F1-2+12,F1-2)</f>
        <v>10</v>
      </c>
      <c r="H1" s="584"/>
      <c r="L1" s="34"/>
      <c r="CL1" s="34"/>
      <c r="CM1" s="34"/>
      <c r="CN1" s="34"/>
      <c r="CO1" s="34"/>
      <c r="CP1" s="34"/>
      <c r="CQ1" s="34"/>
      <c r="CR1" s="34"/>
      <c r="CS1" s="34"/>
      <c r="CT1" s="34"/>
      <c r="CU1" s="34"/>
      <c r="CV1" s="34"/>
      <c r="CW1" s="34"/>
      <c r="CX1" s="34"/>
      <c r="CY1" s="34"/>
      <c r="CZ1" s="34"/>
      <c r="DA1" s="34"/>
      <c r="DB1" s="34"/>
      <c r="DC1" s="34"/>
      <c r="DD1" s="34"/>
      <c r="DE1" s="34"/>
      <c r="DF1" s="34"/>
      <c r="DG1" s="34"/>
      <c r="DH1" s="34"/>
      <c r="DI1" s="34"/>
      <c r="DJ1" s="34"/>
      <c r="DK1" s="34"/>
      <c r="DL1" s="34"/>
      <c r="DM1" s="34"/>
      <c r="DN1" s="34"/>
      <c r="DO1" s="34"/>
      <c r="DP1" s="34"/>
      <c r="DQ1" s="34"/>
      <c r="DR1" s="34"/>
      <c r="DS1" s="34"/>
      <c r="DT1" s="34"/>
      <c r="DU1" s="34"/>
      <c r="DV1" s="34"/>
      <c r="DW1" s="34"/>
      <c r="DX1" s="34"/>
      <c r="DY1" s="34"/>
      <c r="DZ1" s="34"/>
      <c r="EA1" s="34"/>
      <c r="EB1" s="34"/>
      <c r="EC1" s="34"/>
    </row>
    <row r="2" spans="2:233" ht="24" customHeight="1" thickBot="1" x14ac:dyDescent="0.25">
      <c r="B2" s="15" t="s">
        <v>161</v>
      </c>
    </row>
    <row r="3" spans="2:233" ht="21" customHeight="1" thickBot="1" x14ac:dyDescent="0.25">
      <c r="B3" s="729"/>
      <c r="C3" s="707" t="s">
        <v>116</v>
      </c>
      <c r="D3" s="708"/>
      <c r="E3" s="708"/>
      <c r="F3" s="708"/>
      <c r="G3" s="708"/>
      <c r="H3" s="708"/>
      <c r="I3" s="708"/>
      <c r="J3" s="708"/>
      <c r="K3" s="708"/>
      <c r="L3" s="708"/>
      <c r="M3" s="708"/>
      <c r="N3" s="495"/>
      <c r="O3" s="495"/>
      <c r="P3" s="495"/>
      <c r="Q3" s="495"/>
      <c r="R3" s="495"/>
      <c r="S3" s="495"/>
      <c r="T3" s="495"/>
      <c r="U3" s="495"/>
      <c r="V3" s="495"/>
      <c r="W3" s="495"/>
      <c r="X3" s="495"/>
      <c r="Y3" s="495"/>
      <c r="Z3" s="495"/>
      <c r="AA3" s="495"/>
      <c r="AB3" s="495"/>
      <c r="AC3" s="495"/>
      <c r="AD3" s="495"/>
      <c r="AE3" s="495"/>
      <c r="AF3" s="495"/>
      <c r="AG3" s="495"/>
      <c r="AH3" s="495"/>
      <c r="AI3" s="495"/>
      <c r="AJ3" s="495"/>
      <c r="AK3" s="495"/>
      <c r="AL3" s="495"/>
      <c r="AM3" s="495"/>
      <c r="AN3" s="495"/>
      <c r="AO3" s="495"/>
      <c r="AP3" s="495"/>
      <c r="AQ3" s="495"/>
      <c r="AR3" s="495"/>
      <c r="AS3" s="495"/>
      <c r="AT3" s="495"/>
      <c r="AU3" s="495"/>
      <c r="AV3" s="495"/>
      <c r="AW3" s="495"/>
      <c r="AX3" s="495"/>
      <c r="AY3" s="495"/>
      <c r="AZ3" s="495"/>
      <c r="BA3" s="495"/>
      <c r="BB3" s="495"/>
      <c r="BC3" s="495"/>
      <c r="BD3" s="495"/>
      <c r="BE3" s="495"/>
      <c r="BF3" s="495"/>
      <c r="BG3" s="495"/>
      <c r="BH3" s="495"/>
      <c r="BI3" s="495"/>
      <c r="BJ3" s="495"/>
      <c r="BK3" s="495"/>
      <c r="BL3" s="495"/>
      <c r="BM3" s="495"/>
      <c r="BN3" s="495"/>
      <c r="BO3" s="495"/>
      <c r="BP3" s="495"/>
      <c r="BQ3" s="495"/>
      <c r="BR3" s="495"/>
      <c r="BS3" s="495"/>
      <c r="BT3" s="495"/>
      <c r="BU3" s="495"/>
      <c r="BV3" s="495"/>
      <c r="BW3" s="495"/>
      <c r="BX3" s="495"/>
      <c r="BY3" s="495"/>
      <c r="BZ3" s="495"/>
      <c r="CA3" s="495"/>
      <c r="CB3" s="495"/>
      <c r="CC3" s="495"/>
      <c r="CD3" s="495"/>
      <c r="CE3" s="495"/>
      <c r="CF3" s="495"/>
      <c r="CG3" s="495"/>
      <c r="CH3" s="495"/>
      <c r="CI3" s="495"/>
      <c r="CJ3" s="495"/>
      <c r="CK3" s="495"/>
      <c r="CL3" s="495"/>
      <c r="CM3" s="495"/>
      <c r="CN3" s="495"/>
      <c r="CO3" s="495"/>
      <c r="CP3" s="495"/>
      <c r="CQ3" s="495"/>
      <c r="CR3" s="495"/>
      <c r="CS3" s="495"/>
      <c r="CT3" s="495"/>
      <c r="CU3" s="495"/>
      <c r="CV3" s="495"/>
      <c r="CW3" s="495"/>
      <c r="CX3" s="495"/>
      <c r="CY3" s="495"/>
      <c r="CZ3" s="495"/>
      <c r="DA3" s="495"/>
      <c r="DB3" s="495"/>
      <c r="DC3" s="495"/>
      <c r="DD3" s="495"/>
      <c r="DE3" s="495"/>
      <c r="DF3" s="495"/>
      <c r="DG3" s="495"/>
      <c r="DH3" s="496"/>
      <c r="DI3" s="707" t="s">
        <v>118</v>
      </c>
      <c r="DJ3" s="708"/>
      <c r="DK3" s="708"/>
      <c r="DL3" s="708"/>
      <c r="DM3" s="708"/>
      <c r="DN3" s="708"/>
      <c r="DO3" s="708"/>
      <c r="DP3" s="708"/>
      <c r="DQ3" s="708"/>
      <c r="DR3" s="708"/>
      <c r="DS3" s="708"/>
      <c r="DT3" s="708"/>
      <c r="DU3" s="708"/>
      <c r="DV3" s="708"/>
      <c r="DW3" s="708"/>
      <c r="DX3" s="708"/>
      <c r="DY3" s="708"/>
      <c r="DZ3" s="708"/>
      <c r="EA3" s="708"/>
      <c r="EB3" s="708"/>
      <c r="EC3" s="708"/>
      <c r="ED3" s="708"/>
      <c r="EE3" s="708"/>
      <c r="EF3" s="708"/>
      <c r="EG3" s="708"/>
      <c r="EH3" s="708"/>
      <c r="EI3" s="708"/>
      <c r="EJ3" s="708"/>
      <c r="EK3" s="708"/>
      <c r="EL3" s="708"/>
      <c r="EM3" s="708"/>
      <c r="EN3" s="708"/>
      <c r="EO3" s="708"/>
      <c r="EP3" s="708"/>
      <c r="EQ3" s="708"/>
      <c r="ER3" s="708"/>
      <c r="ES3" s="708"/>
      <c r="ET3" s="708"/>
      <c r="EU3" s="708"/>
      <c r="EV3" s="708"/>
      <c r="EW3" s="708"/>
      <c r="EX3" s="708"/>
      <c r="EY3" s="708"/>
      <c r="EZ3" s="708"/>
      <c r="FA3" s="708"/>
      <c r="FB3" s="708"/>
      <c r="FC3" s="708"/>
      <c r="FD3" s="708"/>
      <c r="FE3" s="708"/>
      <c r="FF3" s="708"/>
      <c r="FG3" s="708"/>
      <c r="FH3" s="708"/>
      <c r="FI3" s="708"/>
      <c r="FJ3" s="708"/>
      <c r="FK3" s="708"/>
      <c r="FL3" s="708"/>
      <c r="FM3" s="708"/>
      <c r="FN3" s="708"/>
      <c r="FO3" s="708"/>
      <c r="FP3" s="708"/>
      <c r="FQ3" s="708"/>
      <c r="FR3" s="708"/>
      <c r="FS3" s="708"/>
      <c r="FT3" s="708"/>
      <c r="FU3" s="708"/>
      <c r="FV3" s="708"/>
      <c r="FW3" s="708"/>
      <c r="FX3" s="708"/>
      <c r="FY3" s="708"/>
      <c r="FZ3" s="708"/>
      <c r="GA3" s="708"/>
      <c r="GB3" s="708"/>
      <c r="GC3" s="708"/>
      <c r="GD3" s="708"/>
      <c r="GE3" s="708"/>
      <c r="GF3" s="708"/>
      <c r="GG3" s="708"/>
      <c r="GH3" s="708"/>
      <c r="GI3" s="708"/>
      <c r="GJ3" s="708"/>
      <c r="GK3" s="708"/>
      <c r="GL3" s="708"/>
      <c r="GM3" s="708"/>
      <c r="GN3" s="708"/>
      <c r="GO3" s="708"/>
      <c r="GP3" s="708"/>
      <c r="GQ3" s="708"/>
      <c r="GR3" s="708"/>
      <c r="GS3" s="708"/>
      <c r="GT3" s="708"/>
      <c r="GU3" s="708"/>
      <c r="GV3" s="708"/>
      <c r="GW3" s="708"/>
      <c r="GX3" s="708"/>
      <c r="GY3" s="708"/>
      <c r="GZ3" s="708"/>
      <c r="HA3" s="708"/>
      <c r="HB3" s="708"/>
      <c r="HC3" s="708"/>
      <c r="HD3" s="708"/>
      <c r="HE3" s="708"/>
      <c r="HF3" s="708"/>
      <c r="HG3" s="708"/>
      <c r="HH3" s="708"/>
      <c r="HI3" s="708"/>
      <c r="HJ3" s="708"/>
      <c r="HK3" s="708"/>
      <c r="HL3" s="708"/>
      <c r="HM3" s="708"/>
      <c r="HN3" s="709"/>
      <c r="HO3" s="714" t="s">
        <v>60</v>
      </c>
      <c r="HP3" s="715"/>
      <c r="HQ3" s="715"/>
      <c r="HR3" s="715"/>
      <c r="HS3" s="715"/>
      <c r="HT3" s="715"/>
      <c r="HU3" s="715"/>
      <c r="HV3" s="715"/>
      <c r="HW3" s="715"/>
      <c r="HX3" s="715"/>
      <c r="HY3" s="716"/>
    </row>
    <row r="4" spans="2:233" ht="21" customHeight="1" thickBot="1" x14ac:dyDescent="0.25">
      <c r="B4" s="730"/>
      <c r="C4" s="710"/>
      <c r="D4" s="711"/>
      <c r="E4" s="711"/>
      <c r="F4" s="711"/>
      <c r="G4" s="711"/>
      <c r="H4" s="711"/>
      <c r="I4" s="711"/>
      <c r="J4" s="711"/>
      <c r="K4" s="711"/>
      <c r="L4" s="711"/>
      <c r="M4" s="713"/>
      <c r="N4" s="704" t="s">
        <v>57</v>
      </c>
      <c r="O4" s="705"/>
      <c r="P4" s="705"/>
      <c r="Q4" s="705"/>
      <c r="R4" s="705"/>
      <c r="S4" s="705"/>
      <c r="T4" s="705"/>
      <c r="U4" s="705"/>
      <c r="V4" s="705"/>
      <c r="W4" s="705"/>
      <c r="X4" s="706"/>
      <c r="Y4" s="704" t="s">
        <v>58</v>
      </c>
      <c r="Z4" s="705"/>
      <c r="AA4" s="705"/>
      <c r="AB4" s="705"/>
      <c r="AC4" s="705"/>
      <c r="AD4" s="705"/>
      <c r="AE4" s="705"/>
      <c r="AF4" s="705"/>
      <c r="AG4" s="705"/>
      <c r="AH4" s="705"/>
      <c r="AI4" s="706"/>
      <c r="AJ4" s="704" t="s">
        <v>59</v>
      </c>
      <c r="AK4" s="705"/>
      <c r="AL4" s="705"/>
      <c r="AM4" s="705"/>
      <c r="AN4" s="705"/>
      <c r="AO4" s="705"/>
      <c r="AP4" s="705"/>
      <c r="AQ4" s="705"/>
      <c r="AR4" s="705"/>
      <c r="AS4" s="705"/>
      <c r="AT4" s="706"/>
      <c r="AU4" s="704" t="s">
        <v>149</v>
      </c>
      <c r="AV4" s="705"/>
      <c r="AW4" s="705"/>
      <c r="AX4" s="705"/>
      <c r="AY4" s="705"/>
      <c r="AZ4" s="705"/>
      <c r="BA4" s="705"/>
      <c r="BB4" s="705"/>
      <c r="BC4" s="705"/>
      <c r="BD4" s="705"/>
      <c r="BE4" s="706"/>
      <c r="BF4" s="704" t="s">
        <v>117</v>
      </c>
      <c r="BG4" s="705"/>
      <c r="BH4" s="705"/>
      <c r="BI4" s="705"/>
      <c r="BJ4" s="705"/>
      <c r="BK4" s="705"/>
      <c r="BL4" s="705"/>
      <c r="BM4" s="705"/>
      <c r="BN4" s="705"/>
      <c r="BO4" s="705"/>
      <c r="BP4" s="706"/>
      <c r="BQ4" s="704" t="s">
        <v>77</v>
      </c>
      <c r="BR4" s="705"/>
      <c r="BS4" s="705"/>
      <c r="BT4" s="705"/>
      <c r="BU4" s="705"/>
      <c r="BV4" s="705"/>
      <c r="BW4" s="705"/>
      <c r="BX4" s="705"/>
      <c r="BY4" s="705"/>
      <c r="BZ4" s="705"/>
      <c r="CA4" s="706"/>
      <c r="CB4" s="704" t="s">
        <v>78</v>
      </c>
      <c r="CC4" s="705"/>
      <c r="CD4" s="705"/>
      <c r="CE4" s="705"/>
      <c r="CF4" s="705"/>
      <c r="CG4" s="705"/>
      <c r="CH4" s="705"/>
      <c r="CI4" s="705"/>
      <c r="CJ4" s="705"/>
      <c r="CK4" s="705"/>
      <c r="CL4" s="706"/>
      <c r="CM4" s="704" t="s">
        <v>79</v>
      </c>
      <c r="CN4" s="705"/>
      <c r="CO4" s="705"/>
      <c r="CP4" s="705"/>
      <c r="CQ4" s="705"/>
      <c r="CR4" s="705"/>
      <c r="CS4" s="705"/>
      <c r="CT4" s="705"/>
      <c r="CU4" s="705"/>
      <c r="CV4" s="705"/>
      <c r="CW4" s="706"/>
      <c r="CX4" s="704" t="s">
        <v>150</v>
      </c>
      <c r="CY4" s="705"/>
      <c r="CZ4" s="705"/>
      <c r="DA4" s="705"/>
      <c r="DB4" s="705"/>
      <c r="DC4" s="705"/>
      <c r="DD4" s="705"/>
      <c r="DE4" s="705"/>
      <c r="DF4" s="705"/>
      <c r="DG4" s="705"/>
      <c r="DH4" s="706"/>
      <c r="DI4" s="710"/>
      <c r="DJ4" s="711"/>
      <c r="DK4" s="711"/>
      <c r="DL4" s="711"/>
      <c r="DM4" s="711"/>
      <c r="DN4" s="711"/>
      <c r="DO4" s="711"/>
      <c r="DP4" s="711"/>
      <c r="DQ4" s="711"/>
      <c r="DR4" s="711"/>
      <c r="DS4" s="712"/>
      <c r="DT4" s="704" t="s">
        <v>57</v>
      </c>
      <c r="DU4" s="705"/>
      <c r="DV4" s="705"/>
      <c r="DW4" s="705"/>
      <c r="DX4" s="705"/>
      <c r="DY4" s="705"/>
      <c r="DZ4" s="705"/>
      <c r="EA4" s="705"/>
      <c r="EB4" s="705"/>
      <c r="EC4" s="705"/>
      <c r="ED4" s="706"/>
      <c r="EE4" s="704" t="s">
        <v>58</v>
      </c>
      <c r="EF4" s="705"/>
      <c r="EG4" s="705"/>
      <c r="EH4" s="705"/>
      <c r="EI4" s="705"/>
      <c r="EJ4" s="705"/>
      <c r="EK4" s="705"/>
      <c r="EL4" s="705"/>
      <c r="EM4" s="705"/>
      <c r="EN4" s="705"/>
      <c r="EO4" s="706"/>
      <c r="EP4" s="704" t="s">
        <v>59</v>
      </c>
      <c r="EQ4" s="705"/>
      <c r="ER4" s="705"/>
      <c r="ES4" s="705"/>
      <c r="ET4" s="705"/>
      <c r="EU4" s="705"/>
      <c r="EV4" s="705"/>
      <c r="EW4" s="705"/>
      <c r="EX4" s="705"/>
      <c r="EY4" s="705"/>
      <c r="EZ4" s="706"/>
      <c r="FA4" s="704" t="s">
        <v>149</v>
      </c>
      <c r="FB4" s="705"/>
      <c r="FC4" s="705"/>
      <c r="FD4" s="705"/>
      <c r="FE4" s="705"/>
      <c r="FF4" s="705"/>
      <c r="FG4" s="705"/>
      <c r="FH4" s="705"/>
      <c r="FI4" s="705"/>
      <c r="FJ4" s="705"/>
      <c r="FK4" s="706"/>
      <c r="FL4" s="704" t="s">
        <v>117</v>
      </c>
      <c r="FM4" s="705"/>
      <c r="FN4" s="705"/>
      <c r="FO4" s="705"/>
      <c r="FP4" s="705"/>
      <c r="FQ4" s="705"/>
      <c r="FR4" s="705"/>
      <c r="FS4" s="705"/>
      <c r="FT4" s="705"/>
      <c r="FU4" s="705"/>
      <c r="FV4" s="706"/>
      <c r="FW4" s="704" t="s">
        <v>77</v>
      </c>
      <c r="FX4" s="705"/>
      <c r="FY4" s="705"/>
      <c r="FZ4" s="705"/>
      <c r="GA4" s="705"/>
      <c r="GB4" s="705"/>
      <c r="GC4" s="705"/>
      <c r="GD4" s="705"/>
      <c r="GE4" s="705"/>
      <c r="GF4" s="705"/>
      <c r="GG4" s="706"/>
      <c r="GH4" s="704" t="s">
        <v>78</v>
      </c>
      <c r="GI4" s="705"/>
      <c r="GJ4" s="705"/>
      <c r="GK4" s="705"/>
      <c r="GL4" s="705"/>
      <c r="GM4" s="705"/>
      <c r="GN4" s="705"/>
      <c r="GO4" s="705"/>
      <c r="GP4" s="705"/>
      <c r="GQ4" s="705"/>
      <c r="GR4" s="706"/>
      <c r="GS4" s="704" t="s">
        <v>79</v>
      </c>
      <c r="GT4" s="705"/>
      <c r="GU4" s="705"/>
      <c r="GV4" s="705"/>
      <c r="GW4" s="705"/>
      <c r="GX4" s="705"/>
      <c r="GY4" s="705"/>
      <c r="GZ4" s="705"/>
      <c r="HA4" s="705"/>
      <c r="HB4" s="705"/>
      <c r="HC4" s="706"/>
      <c r="HD4" s="704" t="s">
        <v>150</v>
      </c>
      <c r="HE4" s="705"/>
      <c r="HF4" s="705"/>
      <c r="HG4" s="705"/>
      <c r="HH4" s="705"/>
      <c r="HI4" s="705"/>
      <c r="HJ4" s="705"/>
      <c r="HK4" s="705"/>
      <c r="HL4" s="705"/>
      <c r="HM4" s="705"/>
      <c r="HN4" s="706"/>
      <c r="HO4" s="717"/>
      <c r="HP4" s="718"/>
      <c r="HQ4" s="718"/>
      <c r="HR4" s="718"/>
      <c r="HS4" s="718"/>
      <c r="HT4" s="718"/>
      <c r="HU4" s="718"/>
      <c r="HV4" s="718"/>
      <c r="HW4" s="718"/>
      <c r="HX4" s="718"/>
      <c r="HY4" s="719"/>
    </row>
    <row r="5" spans="2:233" ht="21" customHeight="1" x14ac:dyDescent="0.2">
      <c r="B5" s="730"/>
      <c r="C5" s="720" t="s">
        <v>61</v>
      </c>
      <c r="D5" s="721"/>
      <c r="E5" s="722"/>
      <c r="F5" s="723" t="s">
        <v>62</v>
      </c>
      <c r="G5" s="721"/>
      <c r="H5" s="721"/>
      <c r="I5" s="721"/>
      <c r="J5" s="721"/>
      <c r="K5" s="721"/>
      <c r="L5" s="724"/>
      <c r="M5" s="725" t="s">
        <v>52</v>
      </c>
      <c r="N5" s="710" t="s">
        <v>61</v>
      </c>
      <c r="O5" s="711"/>
      <c r="P5" s="712"/>
      <c r="Q5" s="727" t="s">
        <v>62</v>
      </c>
      <c r="R5" s="711"/>
      <c r="S5" s="711"/>
      <c r="T5" s="711"/>
      <c r="U5" s="711"/>
      <c r="V5" s="711"/>
      <c r="W5" s="728"/>
      <c r="X5" s="645" t="s">
        <v>52</v>
      </c>
      <c r="Y5" s="710" t="s">
        <v>61</v>
      </c>
      <c r="Z5" s="711"/>
      <c r="AA5" s="712"/>
      <c r="AB5" s="727" t="s">
        <v>62</v>
      </c>
      <c r="AC5" s="711"/>
      <c r="AD5" s="711"/>
      <c r="AE5" s="711"/>
      <c r="AF5" s="711"/>
      <c r="AG5" s="711"/>
      <c r="AH5" s="728"/>
      <c r="AI5" s="645" t="s">
        <v>52</v>
      </c>
      <c r="AJ5" s="710" t="s">
        <v>61</v>
      </c>
      <c r="AK5" s="711"/>
      <c r="AL5" s="712"/>
      <c r="AM5" s="727" t="s">
        <v>62</v>
      </c>
      <c r="AN5" s="711"/>
      <c r="AO5" s="711"/>
      <c r="AP5" s="711"/>
      <c r="AQ5" s="711"/>
      <c r="AR5" s="711"/>
      <c r="AS5" s="728"/>
      <c r="AT5" s="645" t="s">
        <v>52</v>
      </c>
      <c r="AU5" s="710" t="s">
        <v>61</v>
      </c>
      <c r="AV5" s="711"/>
      <c r="AW5" s="712"/>
      <c r="AX5" s="727" t="s">
        <v>62</v>
      </c>
      <c r="AY5" s="711"/>
      <c r="AZ5" s="711"/>
      <c r="BA5" s="711"/>
      <c r="BB5" s="711"/>
      <c r="BC5" s="711"/>
      <c r="BD5" s="728"/>
      <c r="BE5" s="645" t="s">
        <v>52</v>
      </c>
      <c r="BF5" s="710" t="s">
        <v>61</v>
      </c>
      <c r="BG5" s="711"/>
      <c r="BH5" s="712"/>
      <c r="BI5" s="727" t="s">
        <v>62</v>
      </c>
      <c r="BJ5" s="711"/>
      <c r="BK5" s="711"/>
      <c r="BL5" s="711"/>
      <c r="BM5" s="711"/>
      <c r="BN5" s="711"/>
      <c r="BO5" s="728"/>
      <c r="BP5" s="645" t="s">
        <v>52</v>
      </c>
      <c r="BQ5" s="710" t="s">
        <v>61</v>
      </c>
      <c r="BR5" s="711"/>
      <c r="BS5" s="712"/>
      <c r="BT5" s="727" t="s">
        <v>62</v>
      </c>
      <c r="BU5" s="711"/>
      <c r="BV5" s="711"/>
      <c r="BW5" s="711"/>
      <c r="BX5" s="711"/>
      <c r="BY5" s="711"/>
      <c r="BZ5" s="728"/>
      <c r="CA5" s="645" t="s">
        <v>52</v>
      </c>
      <c r="CB5" s="710" t="s">
        <v>61</v>
      </c>
      <c r="CC5" s="711"/>
      <c r="CD5" s="712"/>
      <c r="CE5" s="727" t="s">
        <v>62</v>
      </c>
      <c r="CF5" s="711"/>
      <c r="CG5" s="711"/>
      <c r="CH5" s="711"/>
      <c r="CI5" s="711"/>
      <c r="CJ5" s="711"/>
      <c r="CK5" s="728"/>
      <c r="CL5" s="645" t="s">
        <v>52</v>
      </c>
      <c r="CM5" s="710" t="s">
        <v>61</v>
      </c>
      <c r="CN5" s="711"/>
      <c r="CO5" s="712"/>
      <c r="CP5" s="727" t="s">
        <v>62</v>
      </c>
      <c r="CQ5" s="711"/>
      <c r="CR5" s="711"/>
      <c r="CS5" s="711"/>
      <c r="CT5" s="711"/>
      <c r="CU5" s="711"/>
      <c r="CV5" s="728"/>
      <c r="CW5" s="645" t="s">
        <v>52</v>
      </c>
      <c r="CX5" s="710" t="s">
        <v>61</v>
      </c>
      <c r="CY5" s="711"/>
      <c r="CZ5" s="712"/>
      <c r="DA5" s="727" t="s">
        <v>62</v>
      </c>
      <c r="DB5" s="711"/>
      <c r="DC5" s="711"/>
      <c r="DD5" s="711"/>
      <c r="DE5" s="711"/>
      <c r="DF5" s="711"/>
      <c r="DG5" s="728"/>
      <c r="DH5" s="645" t="s">
        <v>52</v>
      </c>
      <c r="DI5" s="720" t="s">
        <v>61</v>
      </c>
      <c r="DJ5" s="721"/>
      <c r="DK5" s="722"/>
      <c r="DL5" s="723" t="s">
        <v>62</v>
      </c>
      <c r="DM5" s="721"/>
      <c r="DN5" s="721"/>
      <c r="DO5" s="721"/>
      <c r="DP5" s="721"/>
      <c r="DQ5" s="721"/>
      <c r="DR5" s="724"/>
      <c r="DS5" s="732" t="s">
        <v>52</v>
      </c>
      <c r="DT5" s="710" t="s">
        <v>61</v>
      </c>
      <c r="DU5" s="711"/>
      <c r="DV5" s="712"/>
      <c r="DW5" s="727" t="s">
        <v>62</v>
      </c>
      <c r="DX5" s="711"/>
      <c r="DY5" s="711"/>
      <c r="DZ5" s="711"/>
      <c r="EA5" s="711"/>
      <c r="EB5" s="711"/>
      <c r="EC5" s="728"/>
      <c r="ED5" s="645" t="s">
        <v>52</v>
      </c>
      <c r="EE5" s="710" t="s">
        <v>61</v>
      </c>
      <c r="EF5" s="711"/>
      <c r="EG5" s="712"/>
      <c r="EH5" s="727" t="s">
        <v>62</v>
      </c>
      <c r="EI5" s="711"/>
      <c r="EJ5" s="711"/>
      <c r="EK5" s="711"/>
      <c r="EL5" s="711"/>
      <c r="EM5" s="711"/>
      <c r="EN5" s="728"/>
      <c r="EO5" s="645" t="s">
        <v>52</v>
      </c>
      <c r="EP5" s="710" t="s">
        <v>61</v>
      </c>
      <c r="EQ5" s="711"/>
      <c r="ER5" s="712"/>
      <c r="ES5" s="727" t="s">
        <v>62</v>
      </c>
      <c r="ET5" s="711"/>
      <c r="EU5" s="711"/>
      <c r="EV5" s="711"/>
      <c r="EW5" s="711"/>
      <c r="EX5" s="711"/>
      <c r="EY5" s="728"/>
      <c r="EZ5" s="645" t="s">
        <v>52</v>
      </c>
      <c r="FA5" s="710" t="s">
        <v>61</v>
      </c>
      <c r="FB5" s="711"/>
      <c r="FC5" s="712"/>
      <c r="FD5" s="727" t="s">
        <v>62</v>
      </c>
      <c r="FE5" s="711"/>
      <c r="FF5" s="711"/>
      <c r="FG5" s="711"/>
      <c r="FH5" s="711"/>
      <c r="FI5" s="711"/>
      <c r="FJ5" s="728"/>
      <c r="FK5" s="645" t="s">
        <v>52</v>
      </c>
      <c r="FL5" s="710" t="s">
        <v>61</v>
      </c>
      <c r="FM5" s="711"/>
      <c r="FN5" s="712"/>
      <c r="FO5" s="727" t="s">
        <v>62</v>
      </c>
      <c r="FP5" s="711"/>
      <c r="FQ5" s="711"/>
      <c r="FR5" s="711"/>
      <c r="FS5" s="711"/>
      <c r="FT5" s="711"/>
      <c r="FU5" s="728"/>
      <c r="FV5" s="645" t="s">
        <v>52</v>
      </c>
      <c r="FW5" s="710" t="s">
        <v>61</v>
      </c>
      <c r="FX5" s="711"/>
      <c r="FY5" s="712"/>
      <c r="FZ5" s="727" t="s">
        <v>62</v>
      </c>
      <c r="GA5" s="711"/>
      <c r="GB5" s="711"/>
      <c r="GC5" s="711"/>
      <c r="GD5" s="711"/>
      <c r="GE5" s="711"/>
      <c r="GF5" s="728"/>
      <c r="GG5" s="645" t="s">
        <v>52</v>
      </c>
      <c r="GH5" s="710" t="s">
        <v>61</v>
      </c>
      <c r="GI5" s="711"/>
      <c r="GJ5" s="712"/>
      <c r="GK5" s="727" t="s">
        <v>62</v>
      </c>
      <c r="GL5" s="711"/>
      <c r="GM5" s="711"/>
      <c r="GN5" s="711"/>
      <c r="GO5" s="711"/>
      <c r="GP5" s="711"/>
      <c r="GQ5" s="728"/>
      <c r="GR5" s="645" t="s">
        <v>52</v>
      </c>
      <c r="GS5" s="710" t="s">
        <v>61</v>
      </c>
      <c r="GT5" s="711"/>
      <c r="GU5" s="712"/>
      <c r="GV5" s="727" t="s">
        <v>62</v>
      </c>
      <c r="GW5" s="711"/>
      <c r="GX5" s="711"/>
      <c r="GY5" s="711"/>
      <c r="GZ5" s="711"/>
      <c r="HA5" s="711"/>
      <c r="HB5" s="728"/>
      <c r="HC5" s="645" t="s">
        <v>52</v>
      </c>
      <c r="HD5" s="710" t="s">
        <v>61</v>
      </c>
      <c r="HE5" s="711"/>
      <c r="HF5" s="712"/>
      <c r="HG5" s="727" t="s">
        <v>62</v>
      </c>
      <c r="HH5" s="711"/>
      <c r="HI5" s="711"/>
      <c r="HJ5" s="711"/>
      <c r="HK5" s="711"/>
      <c r="HL5" s="711"/>
      <c r="HM5" s="728"/>
      <c r="HN5" s="645" t="s">
        <v>52</v>
      </c>
      <c r="HO5" s="710" t="s">
        <v>61</v>
      </c>
      <c r="HP5" s="711"/>
      <c r="HQ5" s="712"/>
      <c r="HR5" s="727" t="s">
        <v>62</v>
      </c>
      <c r="HS5" s="711"/>
      <c r="HT5" s="711"/>
      <c r="HU5" s="711"/>
      <c r="HV5" s="711"/>
      <c r="HW5" s="711"/>
      <c r="HX5" s="728"/>
      <c r="HY5" s="645" t="s">
        <v>52</v>
      </c>
    </row>
    <row r="6" spans="2:233" ht="30" customHeight="1" thickBot="1" x14ac:dyDescent="0.25">
      <c r="B6" s="731"/>
      <c r="C6" s="345" t="s">
        <v>119</v>
      </c>
      <c r="D6" s="346" t="s">
        <v>44</v>
      </c>
      <c r="E6" s="353" t="s">
        <v>45</v>
      </c>
      <c r="F6" s="354" t="s">
        <v>83</v>
      </c>
      <c r="G6" s="346" t="s">
        <v>47</v>
      </c>
      <c r="H6" s="346" t="s">
        <v>48</v>
      </c>
      <c r="I6" s="346" t="s">
        <v>49</v>
      </c>
      <c r="J6" s="346" t="s">
        <v>50</v>
      </c>
      <c r="K6" s="346" t="s">
        <v>51</v>
      </c>
      <c r="L6" s="355" t="s">
        <v>45</v>
      </c>
      <c r="M6" s="726"/>
      <c r="N6" s="345" t="s">
        <v>119</v>
      </c>
      <c r="O6" s="346" t="s">
        <v>44</v>
      </c>
      <c r="P6" s="353" t="s">
        <v>45</v>
      </c>
      <c r="Q6" s="354" t="s">
        <v>83</v>
      </c>
      <c r="R6" s="346" t="s">
        <v>47</v>
      </c>
      <c r="S6" s="346" t="s">
        <v>48</v>
      </c>
      <c r="T6" s="346" t="s">
        <v>49</v>
      </c>
      <c r="U6" s="346" t="s">
        <v>50</v>
      </c>
      <c r="V6" s="346" t="s">
        <v>51</v>
      </c>
      <c r="W6" s="355" t="s">
        <v>45</v>
      </c>
      <c r="X6" s="726"/>
      <c r="Y6" s="345" t="s">
        <v>119</v>
      </c>
      <c r="Z6" s="346" t="s">
        <v>44</v>
      </c>
      <c r="AA6" s="353" t="s">
        <v>45</v>
      </c>
      <c r="AB6" s="354" t="s">
        <v>83</v>
      </c>
      <c r="AC6" s="346" t="s">
        <v>47</v>
      </c>
      <c r="AD6" s="346" t="s">
        <v>48</v>
      </c>
      <c r="AE6" s="346" t="s">
        <v>49</v>
      </c>
      <c r="AF6" s="346" t="s">
        <v>50</v>
      </c>
      <c r="AG6" s="346" t="s">
        <v>51</v>
      </c>
      <c r="AH6" s="355" t="s">
        <v>45</v>
      </c>
      <c r="AI6" s="726"/>
      <c r="AJ6" s="345" t="s">
        <v>119</v>
      </c>
      <c r="AK6" s="346" t="s">
        <v>44</v>
      </c>
      <c r="AL6" s="353" t="s">
        <v>45</v>
      </c>
      <c r="AM6" s="354" t="s">
        <v>83</v>
      </c>
      <c r="AN6" s="346" t="s">
        <v>47</v>
      </c>
      <c r="AO6" s="346" t="s">
        <v>48</v>
      </c>
      <c r="AP6" s="346" t="s">
        <v>49</v>
      </c>
      <c r="AQ6" s="346" t="s">
        <v>50</v>
      </c>
      <c r="AR6" s="346" t="s">
        <v>51</v>
      </c>
      <c r="AS6" s="355" t="s">
        <v>45</v>
      </c>
      <c r="AT6" s="726"/>
      <c r="AU6" s="345" t="s">
        <v>119</v>
      </c>
      <c r="AV6" s="346" t="s">
        <v>44</v>
      </c>
      <c r="AW6" s="353" t="s">
        <v>45</v>
      </c>
      <c r="AX6" s="354" t="s">
        <v>83</v>
      </c>
      <c r="AY6" s="346" t="s">
        <v>47</v>
      </c>
      <c r="AZ6" s="346" t="s">
        <v>48</v>
      </c>
      <c r="BA6" s="346" t="s">
        <v>49</v>
      </c>
      <c r="BB6" s="346" t="s">
        <v>50</v>
      </c>
      <c r="BC6" s="346" t="s">
        <v>51</v>
      </c>
      <c r="BD6" s="355" t="s">
        <v>45</v>
      </c>
      <c r="BE6" s="726"/>
      <c r="BF6" s="345" t="s">
        <v>119</v>
      </c>
      <c r="BG6" s="346" t="s">
        <v>44</v>
      </c>
      <c r="BH6" s="353" t="s">
        <v>45</v>
      </c>
      <c r="BI6" s="354" t="s">
        <v>83</v>
      </c>
      <c r="BJ6" s="346" t="s">
        <v>47</v>
      </c>
      <c r="BK6" s="346" t="s">
        <v>48</v>
      </c>
      <c r="BL6" s="346" t="s">
        <v>49</v>
      </c>
      <c r="BM6" s="346" t="s">
        <v>50</v>
      </c>
      <c r="BN6" s="346" t="s">
        <v>51</v>
      </c>
      <c r="BO6" s="355" t="s">
        <v>45</v>
      </c>
      <c r="BP6" s="726"/>
      <c r="BQ6" s="345" t="s">
        <v>119</v>
      </c>
      <c r="BR6" s="346" t="s">
        <v>44</v>
      </c>
      <c r="BS6" s="353" t="s">
        <v>45</v>
      </c>
      <c r="BT6" s="354" t="s">
        <v>83</v>
      </c>
      <c r="BU6" s="346" t="s">
        <v>47</v>
      </c>
      <c r="BV6" s="346" t="s">
        <v>48</v>
      </c>
      <c r="BW6" s="346" t="s">
        <v>49</v>
      </c>
      <c r="BX6" s="346" t="s">
        <v>50</v>
      </c>
      <c r="BY6" s="346" t="s">
        <v>51</v>
      </c>
      <c r="BZ6" s="355" t="s">
        <v>45</v>
      </c>
      <c r="CA6" s="726"/>
      <c r="CB6" s="345" t="s">
        <v>119</v>
      </c>
      <c r="CC6" s="346" t="s">
        <v>44</v>
      </c>
      <c r="CD6" s="353" t="s">
        <v>45</v>
      </c>
      <c r="CE6" s="354" t="s">
        <v>83</v>
      </c>
      <c r="CF6" s="346" t="s">
        <v>47</v>
      </c>
      <c r="CG6" s="346" t="s">
        <v>48</v>
      </c>
      <c r="CH6" s="346" t="s">
        <v>49</v>
      </c>
      <c r="CI6" s="346" t="s">
        <v>50</v>
      </c>
      <c r="CJ6" s="346" t="s">
        <v>51</v>
      </c>
      <c r="CK6" s="355" t="s">
        <v>45</v>
      </c>
      <c r="CL6" s="726"/>
      <c r="CM6" s="345" t="s">
        <v>119</v>
      </c>
      <c r="CN6" s="346" t="s">
        <v>44</v>
      </c>
      <c r="CO6" s="353" t="s">
        <v>45</v>
      </c>
      <c r="CP6" s="354" t="s">
        <v>83</v>
      </c>
      <c r="CQ6" s="346" t="s">
        <v>47</v>
      </c>
      <c r="CR6" s="346" t="s">
        <v>48</v>
      </c>
      <c r="CS6" s="346" t="s">
        <v>49</v>
      </c>
      <c r="CT6" s="346" t="s">
        <v>50</v>
      </c>
      <c r="CU6" s="346" t="s">
        <v>51</v>
      </c>
      <c r="CV6" s="355" t="s">
        <v>45</v>
      </c>
      <c r="CW6" s="726"/>
      <c r="CX6" s="345" t="s">
        <v>119</v>
      </c>
      <c r="CY6" s="346" t="s">
        <v>44</v>
      </c>
      <c r="CZ6" s="353" t="s">
        <v>45</v>
      </c>
      <c r="DA6" s="354" t="s">
        <v>83</v>
      </c>
      <c r="DB6" s="346" t="s">
        <v>47</v>
      </c>
      <c r="DC6" s="346" t="s">
        <v>48</v>
      </c>
      <c r="DD6" s="346" t="s">
        <v>49</v>
      </c>
      <c r="DE6" s="346" t="s">
        <v>50</v>
      </c>
      <c r="DF6" s="346" t="s">
        <v>51</v>
      </c>
      <c r="DG6" s="355" t="s">
        <v>45</v>
      </c>
      <c r="DH6" s="726"/>
      <c r="DI6" s="345" t="s">
        <v>119</v>
      </c>
      <c r="DJ6" s="346" t="s">
        <v>44</v>
      </c>
      <c r="DK6" s="353" t="s">
        <v>45</v>
      </c>
      <c r="DL6" s="354" t="s">
        <v>83</v>
      </c>
      <c r="DM6" s="346" t="s">
        <v>47</v>
      </c>
      <c r="DN6" s="346" t="s">
        <v>48</v>
      </c>
      <c r="DO6" s="346" t="s">
        <v>49</v>
      </c>
      <c r="DP6" s="346" t="s">
        <v>50</v>
      </c>
      <c r="DQ6" s="346" t="s">
        <v>51</v>
      </c>
      <c r="DR6" s="355" t="s">
        <v>45</v>
      </c>
      <c r="DS6" s="733"/>
      <c r="DT6" s="345" t="s">
        <v>119</v>
      </c>
      <c r="DU6" s="346" t="s">
        <v>44</v>
      </c>
      <c r="DV6" s="353" t="s">
        <v>45</v>
      </c>
      <c r="DW6" s="354" t="s">
        <v>83</v>
      </c>
      <c r="DX6" s="346" t="s">
        <v>47</v>
      </c>
      <c r="DY6" s="346" t="s">
        <v>48</v>
      </c>
      <c r="DZ6" s="346" t="s">
        <v>49</v>
      </c>
      <c r="EA6" s="346" t="s">
        <v>50</v>
      </c>
      <c r="EB6" s="346" t="s">
        <v>51</v>
      </c>
      <c r="EC6" s="355" t="s">
        <v>45</v>
      </c>
      <c r="ED6" s="726"/>
      <c r="EE6" s="345" t="s">
        <v>119</v>
      </c>
      <c r="EF6" s="346" t="s">
        <v>44</v>
      </c>
      <c r="EG6" s="353" t="s">
        <v>45</v>
      </c>
      <c r="EH6" s="354" t="s">
        <v>83</v>
      </c>
      <c r="EI6" s="346" t="s">
        <v>47</v>
      </c>
      <c r="EJ6" s="346" t="s">
        <v>48</v>
      </c>
      <c r="EK6" s="346" t="s">
        <v>49</v>
      </c>
      <c r="EL6" s="346" t="s">
        <v>50</v>
      </c>
      <c r="EM6" s="346" t="s">
        <v>51</v>
      </c>
      <c r="EN6" s="355" t="s">
        <v>45</v>
      </c>
      <c r="EO6" s="726"/>
      <c r="EP6" s="345" t="s">
        <v>119</v>
      </c>
      <c r="EQ6" s="346" t="s">
        <v>44</v>
      </c>
      <c r="ER6" s="353" t="s">
        <v>45</v>
      </c>
      <c r="ES6" s="354" t="s">
        <v>83</v>
      </c>
      <c r="ET6" s="346" t="s">
        <v>47</v>
      </c>
      <c r="EU6" s="346" t="s">
        <v>48</v>
      </c>
      <c r="EV6" s="346" t="s">
        <v>49</v>
      </c>
      <c r="EW6" s="346" t="s">
        <v>50</v>
      </c>
      <c r="EX6" s="346" t="s">
        <v>51</v>
      </c>
      <c r="EY6" s="355" t="s">
        <v>45</v>
      </c>
      <c r="EZ6" s="726"/>
      <c r="FA6" s="345" t="s">
        <v>119</v>
      </c>
      <c r="FB6" s="346" t="s">
        <v>44</v>
      </c>
      <c r="FC6" s="353" t="s">
        <v>45</v>
      </c>
      <c r="FD6" s="354" t="s">
        <v>83</v>
      </c>
      <c r="FE6" s="346" t="s">
        <v>47</v>
      </c>
      <c r="FF6" s="346" t="s">
        <v>48</v>
      </c>
      <c r="FG6" s="346" t="s">
        <v>49</v>
      </c>
      <c r="FH6" s="346" t="s">
        <v>50</v>
      </c>
      <c r="FI6" s="346" t="s">
        <v>51</v>
      </c>
      <c r="FJ6" s="355" t="s">
        <v>45</v>
      </c>
      <c r="FK6" s="726"/>
      <c r="FL6" s="345" t="s">
        <v>119</v>
      </c>
      <c r="FM6" s="346" t="s">
        <v>44</v>
      </c>
      <c r="FN6" s="353" t="s">
        <v>45</v>
      </c>
      <c r="FO6" s="354" t="s">
        <v>83</v>
      </c>
      <c r="FP6" s="346" t="s">
        <v>47</v>
      </c>
      <c r="FQ6" s="346" t="s">
        <v>48</v>
      </c>
      <c r="FR6" s="346" t="s">
        <v>49</v>
      </c>
      <c r="FS6" s="346" t="s">
        <v>50</v>
      </c>
      <c r="FT6" s="346" t="s">
        <v>51</v>
      </c>
      <c r="FU6" s="355" t="s">
        <v>45</v>
      </c>
      <c r="FV6" s="726"/>
      <c r="FW6" s="345" t="s">
        <v>119</v>
      </c>
      <c r="FX6" s="346" t="s">
        <v>44</v>
      </c>
      <c r="FY6" s="353" t="s">
        <v>45</v>
      </c>
      <c r="FZ6" s="354" t="s">
        <v>83</v>
      </c>
      <c r="GA6" s="346" t="s">
        <v>47</v>
      </c>
      <c r="GB6" s="346" t="s">
        <v>48</v>
      </c>
      <c r="GC6" s="346" t="s">
        <v>49</v>
      </c>
      <c r="GD6" s="346" t="s">
        <v>50</v>
      </c>
      <c r="GE6" s="346" t="s">
        <v>51</v>
      </c>
      <c r="GF6" s="355" t="s">
        <v>45</v>
      </c>
      <c r="GG6" s="726"/>
      <c r="GH6" s="345" t="s">
        <v>119</v>
      </c>
      <c r="GI6" s="346" t="s">
        <v>44</v>
      </c>
      <c r="GJ6" s="353" t="s">
        <v>45</v>
      </c>
      <c r="GK6" s="354" t="s">
        <v>83</v>
      </c>
      <c r="GL6" s="346" t="s">
        <v>47</v>
      </c>
      <c r="GM6" s="346" t="s">
        <v>48</v>
      </c>
      <c r="GN6" s="346" t="s">
        <v>49</v>
      </c>
      <c r="GO6" s="346" t="s">
        <v>50</v>
      </c>
      <c r="GP6" s="346" t="s">
        <v>51</v>
      </c>
      <c r="GQ6" s="355" t="s">
        <v>45</v>
      </c>
      <c r="GR6" s="726"/>
      <c r="GS6" s="345" t="s">
        <v>119</v>
      </c>
      <c r="GT6" s="346" t="s">
        <v>44</v>
      </c>
      <c r="GU6" s="353" t="s">
        <v>45</v>
      </c>
      <c r="GV6" s="354" t="s">
        <v>83</v>
      </c>
      <c r="GW6" s="346" t="s">
        <v>47</v>
      </c>
      <c r="GX6" s="346" t="s">
        <v>48</v>
      </c>
      <c r="GY6" s="346" t="s">
        <v>49</v>
      </c>
      <c r="GZ6" s="346" t="s">
        <v>50</v>
      </c>
      <c r="HA6" s="346" t="s">
        <v>51</v>
      </c>
      <c r="HB6" s="355" t="s">
        <v>45</v>
      </c>
      <c r="HC6" s="726"/>
      <c r="HD6" s="345" t="s">
        <v>119</v>
      </c>
      <c r="HE6" s="346" t="s">
        <v>44</v>
      </c>
      <c r="HF6" s="353" t="s">
        <v>45</v>
      </c>
      <c r="HG6" s="354" t="s">
        <v>83</v>
      </c>
      <c r="HH6" s="346" t="s">
        <v>47</v>
      </c>
      <c r="HI6" s="346" t="s">
        <v>48</v>
      </c>
      <c r="HJ6" s="346" t="s">
        <v>49</v>
      </c>
      <c r="HK6" s="346" t="s">
        <v>50</v>
      </c>
      <c r="HL6" s="346" t="s">
        <v>51</v>
      </c>
      <c r="HM6" s="355" t="s">
        <v>45</v>
      </c>
      <c r="HN6" s="726"/>
      <c r="HO6" s="345" t="s">
        <v>119</v>
      </c>
      <c r="HP6" s="346" t="s">
        <v>44</v>
      </c>
      <c r="HQ6" s="353" t="s">
        <v>45</v>
      </c>
      <c r="HR6" s="354" t="s">
        <v>83</v>
      </c>
      <c r="HS6" s="346" t="s">
        <v>47</v>
      </c>
      <c r="HT6" s="346" t="s">
        <v>48</v>
      </c>
      <c r="HU6" s="346" t="s">
        <v>49</v>
      </c>
      <c r="HV6" s="346" t="s">
        <v>50</v>
      </c>
      <c r="HW6" s="346" t="s">
        <v>51</v>
      </c>
      <c r="HX6" s="355" t="s">
        <v>45</v>
      </c>
      <c r="HY6" s="726"/>
    </row>
    <row r="7" spans="2:233" s="459" customFormat="1" ht="21" customHeight="1" x14ac:dyDescent="0.2">
      <c r="B7" s="470" t="s">
        <v>4</v>
      </c>
      <c r="C7" s="451">
        <v>25900</v>
      </c>
      <c r="D7" s="452">
        <v>79379</v>
      </c>
      <c r="E7" s="453">
        <v>105279</v>
      </c>
      <c r="F7" s="454">
        <v>0</v>
      </c>
      <c r="G7" s="452">
        <v>17116380</v>
      </c>
      <c r="H7" s="452">
        <v>41032195</v>
      </c>
      <c r="I7" s="452">
        <v>117677020</v>
      </c>
      <c r="J7" s="452">
        <v>160087775</v>
      </c>
      <c r="K7" s="452">
        <v>99985627</v>
      </c>
      <c r="L7" s="455">
        <v>435898997</v>
      </c>
      <c r="M7" s="456">
        <v>436004276</v>
      </c>
      <c r="N7" s="451">
        <v>0</v>
      </c>
      <c r="O7" s="452">
        <v>0</v>
      </c>
      <c r="P7" s="453">
        <v>0</v>
      </c>
      <c r="Q7" s="457"/>
      <c r="R7" s="452">
        <v>4722206</v>
      </c>
      <c r="S7" s="452">
        <v>15061564</v>
      </c>
      <c r="T7" s="452">
        <v>80845284</v>
      </c>
      <c r="U7" s="452">
        <v>117957121</v>
      </c>
      <c r="V7" s="452">
        <v>76884688</v>
      </c>
      <c r="W7" s="455">
        <v>295470863</v>
      </c>
      <c r="X7" s="456">
        <v>295470863</v>
      </c>
      <c r="Y7" s="451">
        <v>0</v>
      </c>
      <c r="Z7" s="452">
        <v>0</v>
      </c>
      <c r="AA7" s="453">
        <v>0</v>
      </c>
      <c r="AB7" s="457"/>
      <c r="AC7" s="452">
        <v>10273117</v>
      </c>
      <c r="AD7" s="452">
        <v>21957020</v>
      </c>
      <c r="AE7" s="452">
        <v>26601346</v>
      </c>
      <c r="AF7" s="452">
        <v>30882598</v>
      </c>
      <c r="AG7" s="452">
        <v>14922646</v>
      </c>
      <c r="AH7" s="455">
        <v>104636727</v>
      </c>
      <c r="AI7" s="456">
        <v>104636727</v>
      </c>
      <c r="AJ7" s="451">
        <v>0</v>
      </c>
      <c r="AK7" s="452">
        <v>0</v>
      </c>
      <c r="AL7" s="453">
        <v>0</v>
      </c>
      <c r="AM7" s="457"/>
      <c r="AN7" s="452">
        <v>35495</v>
      </c>
      <c r="AO7" s="452">
        <v>0</v>
      </c>
      <c r="AP7" s="452">
        <v>35340</v>
      </c>
      <c r="AQ7" s="452">
        <v>699935</v>
      </c>
      <c r="AR7" s="452">
        <v>544735</v>
      </c>
      <c r="AS7" s="455">
        <v>1315505</v>
      </c>
      <c r="AT7" s="456">
        <v>1315505</v>
      </c>
      <c r="AU7" s="451">
        <v>0</v>
      </c>
      <c r="AV7" s="452">
        <v>0</v>
      </c>
      <c r="AW7" s="453">
        <v>0</v>
      </c>
      <c r="AX7" s="457"/>
      <c r="AY7" s="452">
        <v>196685</v>
      </c>
      <c r="AZ7" s="452">
        <v>201570</v>
      </c>
      <c r="BA7" s="452">
        <v>419775</v>
      </c>
      <c r="BB7" s="452">
        <v>2011105</v>
      </c>
      <c r="BC7" s="452">
        <v>2595950</v>
      </c>
      <c r="BD7" s="455">
        <v>5425085</v>
      </c>
      <c r="BE7" s="456">
        <v>5425085</v>
      </c>
      <c r="BF7" s="451">
        <v>0</v>
      </c>
      <c r="BG7" s="452">
        <v>0</v>
      </c>
      <c r="BH7" s="453">
        <v>0</v>
      </c>
      <c r="BI7" s="457"/>
      <c r="BJ7" s="452">
        <v>62620</v>
      </c>
      <c r="BK7" s="452">
        <v>272645</v>
      </c>
      <c r="BL7" s="452">
        <v>1441775</v>
      </c>
      <c r="BM7" s="452">
        <v>1622675</v>
      </c>
      <c r="BN7" s="452">
        <v>1276460</v>
      </c>
      <c r="BO7" s="455">
        <v>4676175</v>
      </c>
      <c r="BP7" s="456">
        <v>4676175</v>
      </c>
      <c r="BQ7" s="451">
        <v>25900</v>
      </c>
      <c r="BR7" s="452">
        <v>78654</v>
      </c>
      <c r="BS7" s="453">
        <v>104554</v>
      </c>
      <c r="BT7" s="454">
        <v>0</v>
      </c>
      <c r="BU7" s="452">
        <v>1781259</v>
      </c>
      <c r="BV7" s="452">
        <v>3368708</v>
      </c>
      <c r="BW7" s="452">
        <v>8037138</v>
      </c>
      <c r="BX7" s="452">
        <v>6605720</v>
      </c>
      <c r="BY7" s="452">
        <v>3466723</v>
      </c>
      <c r="BZ7" s="455">
        <v>23259548</v>
      </c>
      <c r="CA7" s="456">
        <v>23364102</v>
      </c>
      <c r="CB7" s="451">
        <v>0</v>
      </c>
      <c r="CC7" s="452">
        <v>725</v>
      </c>
      <c r="CD7" s="453">
        <v>725</v>
      </c>
      <c r="CE7" s="454">
        <v>0</v>
      </c>
      <c r="CF7" s="452">
        <v>44998</v>
      </c>
      <c r="CG7" s="452">
        <v>170688</v>
      </c>
      <c r="CH7" s="452">
        <v>296362</v>
      </c>
      <c r="CI7" s="452">
        <v>308621</v>
      </c>
      <c r="CJ7" s="452">
        <v>294425</v>
      </c>
      <c r="CK7" s="455">
        <v>1115094</v>
      </c>
      <c r="CL7" s="456">
        <v>1115819</v>
      </c>
      <c r="CM7" s="451">
        <v>0</v>
      </c>
      <c r="CN7" s="452">
        <v>0</v>
      </c>
      <c r="CO7" s="453">
        <v>0</v>
      </c>
      <c r="CP7" s="454">
        <v>0</v>
      </c>
      <c r="CQ7" s="452">
        <v>0</v>
      </c>
      <c r="CR7" s="452">
        <v>0</v>
      </c>
      <c r="CS7" s="452">
        <v>0</v>
      </c>
      <c r="CT7" s="452">
        <v>0</v>
      </c>
      <c r="CU7" s="452">
        <v>0</v>
      </c>
      <c r="CV7" s="455">
        <v>0</v>
      </c>
      <c r="CW7" s="456">
        <v>0</v>
      </c>
      <c r="CX7" s="451">
        <v>0</v>
      </c>
      <c r="CY7" s="452">
        <v>0</v>
      </c>
      <c r="CZ7" s="453">
        <v>0</v>
      </c>
      <c r="DA7" s="457"/>
      <c r="DB7" s="452">
        <v>0</v>
      </c>
      <c r="DC7" s="452">
        <v>0</v>
      </c>
      <c r="DD7" s="452">
        <v>0</v>
      </c>
      <c r="DE7" s="452">
        <v>0</v>
      </c>
      <c r="DF7" s="452">
        <v>0</v>
      </c>
      <c r="DG7" s="455">
        <v>0</v>
      </c>
      <c r="DH7" s="456">
        <v>0</v>
      </c>
      <c r="DI7" s="451">
        <v>35530</v>
      </c>
      <c r="DJ7" s="452">
        <v>166849</v>
      </c>
      <c r="DK7" s="453">
        <v>202379</v>
      </c>
      <c r="DL7" s="454">
        <v>0</v>
      </c>
      <c r="DM7" s="452">
        <v>11503208</v>
      </c>
      <c r="DN7" s="452">
        <v>32429207</v>
      </c>
      <c r="DO7" s="452">
        <v>128896798</v>
      </c>
      <c r="DP7" s="452">
        <v>168924976</v>
      </c>
      <c r="DQ7" s="452">
        <v>105464431</v>
      </c>
      <c r="DR7" s="455">
        <v>447218620</v>
      </c>
      <c r="DS7" s="458">
        <v>447420999</v>
      </c>
      <c r="DT7" s="451">
        <v>0</v>
      </c>
      <c r="DU7" s="452">
        <v>0</v>
      </c>
      <c r="DV7" s="453">
        <v>0</v>
      </c>
      <c r="DW7" s="457"/>
      <c r="DX7" s="452">
        <v>5961027</v>
      </c>
      <c r="DY7" s="452">
        <v>20527177</v>
      </c>
      <c r="DZ7" s="452">
        <v>107094914</v>
      </c>
      <c r="EA7" s="452">
        <v>147965385</v>
      </c>
      <c r="EB7" s="452">
        <v>93626848</v>
      </c>
      <c r="EC7" s="455">
        <v>375175351</v>
      </c>
      <c r="ED7" s="456">
        <v>375175351</v>
      </c>
      <c r="EE7" s="451">
        <v>0</v>
      </c>
      <c r="EF7" s="452">
        <v>0</v>
      </c>
      <c r="EG7" s="453">
        <v>0</v>
      </c>
      <c r="EH7" s="457"/>
      <c r="EI7" s="452">
        <v>2585492</v>
      </c>
      <c r="EJ7" s="452">
        <v>5403372</v>
      </c>
      <c r="EK7" s="452">
        <v>6198797</v>
      </c>
      <c r="EL7" s="452">
        <v>7269464</v>
      </c>
      <c r="EM7" s="452">
        <v>3736053</v>
      </c>
      <c r="EN7" s="455">
        <v>25193178</v>
      </c>
      <c r="EO7" s="456">
        <v>25193178</v>
      </c>
      <c r="EP7" s="451">
        <v>0</v>
      </c>
      <c r="EQ7" s="452">
        <v>0</v>
      </c>
      <c r="ER7" s="453">
        <v>0</v>
      </c>
      <c r="ES7" s="457"/>
      <c r="ET7" s="452">
        <v>11687</v>
      </c>
      <c r="EU7" s="452">
        <v>0</v>
      </c>
      <c r="EV7" s="452">
        <v>434</v>
      </c>
      <c r="EW7" s="452">
        <v>116030</v>
      </c>
      <c r="EX7" s="452">
        <v>116784</v>
      </c>
      <c r="EY7" s="455">
        <v>244935</v>
      </c>
      <c r="EZ7" s="456">
        <v>244935</v>
      </c>
      <c r="FA7" s="451">
        <v>0</v>
      </c>
      <c r="FB7" s="452">
        <v>0</v>
      </c>
      <c r="FC7" s="453">
        <v>0</v>
      </c>
      <c r="FD7" s="457"/>
      <c r="FE7" s="452">
        <v>26561</v>
      </c>
      <c r="FF7" s="452">
        <v>58552</v>
      </c>
      <c r="FG7" s="452">
        <v>73000</v>
      </c>
      <c r="FH7" s="452">
        <v>272147</v>
      </c>
      <c r="FI7" s="452">
        <v>454913</v>
      </c>
      <c r="FJ7" s="455">
        <v>885173</v>
      </c>
      <c r="FK7" s="456">
        <v>885173</v>
      </c>
      <c r="FL7" s="451">
        <v>0</v>
      </c>
      <c r="FM7" s="452">
        <v>0</v>
      </c>
      <c r="FN7" s="453">
        <v>0</v>
      </c>
      <c r="FO7" s="457"/>
      <c r="FP7" s="452">
        <v>101494</v>
      </c>
      <c r="FQ7" s="452">
        <v>363444</v>
      </c>
      <c r="FR7" s="452">
        <v>2515814</v>
      </c>
      <c r="FS7" s="452">
        <v>2953571</v>
      </c>
      <c r="FT7" s="452">
        <v>2195456</v>
      </c>
      <c r="FU7" s="455">
        <v>8129779</v>
      </c>
      <c r="FV7" s="456">
        <v>8129779</v>
      </c>
      <c r="FW7" s="451">
        <v>35530</v>
      </c>
      <c r="FX7" s="452">
        <v>166786</v>
      </c>
      <c r="FY7" s="453">
        <v>202316</v>
      </c>
      <c r="FZ7" s="454">
        <v>0</v>
      </c>
      <c r="GA7" s="452">
        <v>2775886</v>
      </c>
      <c r="GB7" s="452">
        <v>5962275</v>
      </c>
      <c r="GC7" s="452">
        <v>12831339</v>
      </c>
      <c r="GD7" s="452">
        <v>10160205</v>
      </c>
      <c r="GE7" s="452">
        <v>5177097</v>
      </c>
      <c r="GF7" s="455">
        <v>36906802</v>
      </c>
      <c r="GG7" s="456">
        <v>37109118</v>
      </c>
      <c r="GH7" s="451">
        <v>0</v>
      </c>
      <c r="GI7" s="452">
        <v>63</v>
      </c>
      <c r="GJ7" s="453">
        <v>63</v>
      </c>
      <c r="GK7" s="454">
        <v>0</v>
      </c>
      <c r="GL7" s="452">
        <v>41061</v>
      </c>
      <c r="GM7" s="452">
        <v>114387</v>
      </c>
      <c r="GN7" s="452">
        <v>182500</v>
      </c>
      <c r="GO7" s="452">
        <v>188174</v>
      </c>
      <c r="GP7" s="452">
        <v>157280</v>
      </c>
      <c r="GQ7" s="455">
        <v>683402</v>
      </c>
      <c r="GR7" s="456">
        <v>683465</v>
      </c>
      <c r="GS7" s="451">
        <v>0</v>
      </c>
      <c r="GT7" s="452">
        <v>0</v>
      </c>
      <c r="GU7" s="453">
        <v>0</v>
      </c>
      <c r="GV7" s="454">
        <v>0</v>
      </c>
      <c r="GW7" s="452">
        <v>0</v>
      </c>
      <c r="GX7" s="452">
        <v>0</v>
      </c>
      <c r="GY7" s="452">
        <v>0</v>
      </c>
      <c r="GZ7" s="452">
        <v>0</v>
      </c>
      <c r="HA7" s="452">
        <v>0</v>
      </c>
      <c r="HB7" s="455">
        <v>0</v>
      </c>
      <c r="HC7" s="456">
        <v>0</v>
      </c>
      <c r="HD7" s="451">
        <v>0</v>
      </c>
      <c r="HE7" s="452">
        <v>0</v>
      </c>
      <c r="HF7" s="453">
        <v>0</v>
      </c>
      <c r="HG7" s="457"/>
      <c r="HH7" s="452">
        <v>0</v>
      </c>
      <c r="HI7" s="452">
        <v>0</v>
      </c>
      <c r="HJ7" s="452">
        <v>0</v>
      </c>
      <c r="HK7" s="452">
        <v>0</v>
      </c>
      <c r="HL7" s="452">
        <v>0</v>
      </c>
      <c r="HM7" s="455">
        <v>0</v>
      </c>
      <c r="HN7" s="456">
        <v>0</v>
      </c>
      <c r="HO7" s="451">
        <v>61430</v>
      </c>
      <c r="HP7" s="452">
        <v>246228</v>
      </c>
      <c r="HQ7" s="453">
        <v>307658</v>
      </c>
      <c r="HR7" s="454">
        <v>0</v>
      </c>
      <c r="HS7" s="452">
        <v>28619588</v>
      </c>
      <c r="HT7" s="452">
        <v>73461402</v>
      </c>
      <c r="HU7" s="452">
        <v>246573818</v>
      </c>
      <c r="HV7" s="452">
        <v>329012751</v>
      </c>
      <c r="HW7" s="452">
        <v>205450058</v>
      </c>
      <c r="HX7" s="455">
        <v>883117617</v>
      </c>
      <c r="HY7" s="456">
        <v>883425275</v>
      </c>
    </row>
    <row r="8" spans="2:233" s="459" customFormat="1" ht="21" customHeight="1" x14ac:dyDescent="0.2">
      <c r="B8" s="471" t="s">
        <v>5</v>
      </c>
      <c r="C8" s="460">
        <v>5720</v>
      </c>
      <c r="D8" s="461">
        <v>21486</v>
      </c>
      <c r="E8" s="462">
        <v>27206</v>
      </c>
      <c r="F8" s="463">
        <v>0</v>
      </c>
      <c r="G8" s="461">
        <v>6757661</v>
      </c>
      <c r="H8" s="461">
        <v>21730823</v>
      </c>
      <c r="I8" s="461">
        <v>50475229</v>
      </c>
      <c r="J8" s="461">
        <v>69113052</v>
      </c>
      <c r="K8" s="461">
        <v>42792855</v>
      </c>
      <c r="L8" s="464">
        <v>190869620</v>
      </c>
      <c r="M8" s="465">
        <v>190896826</v>
      </c>
      <c r="N8" s="460">
        <v>0</v>
      </c>
      <c r="O8" s="461">
        <v>0</v>
      </c>
      <c r="P8" s="462">
        <v>0</v>
      </c>
      <c r="Q8" s="466"/>
      <c r="R8" s="461">
        <v>2496804</v>
      </c>
      <c r="S8" s="461">
        <v>10191506</v>
      </c>
      <c r="T8" s="461">
        <v>35455670</v>
      </c>
      <c r="U8" s="461">
        <v>51990466</v>
      </c>
      <c r="V8" s="461">
        <v>33259823</v>
      </c>
      <c r="W8" s="464">
        <v>133394269</v>
      </c>
      <c r="X8" s="465">
        <v>133394269</v>
      </c>
      <c r="Y8" s="460">
        <v>0</v>
      </c>
      <c r="Z8" s="461">
        <v>0</v>
      </c>
      <c r="AA8" s="462">
        <v>0</v>
      </c>
      <c r="AB8" s="466"/>
      <c r="AC8" s="461">
        <v>3639368</v>
      </c>
      <c r="AD8" s="461">
        <v>9863748</v>
      </c>
      <c r="AE8" s="461">
        <v>11256067</v>
      </c>
      <c r="AF8" s="461">
        <v>13656843</v>
      </c>
      <c r="AG8" s="461">
        <v>7004753</v>
      </c>
      <c r="AH8" s="464">
        <v>45420779</v>
      </c>
      <c r="AI8" s="465">
        <v>45420779</v>
      </c>
      <c r="AJ8" s="460">
        <v>0</v>
      </c>
      <c r="AK8" s="461">
        <v>0</v>
      </c>
      <c r="AL8" s="462">
        <v>0</v>
      </c>
      <c r="AM8" s="466"/>
      <c r="AN8" s="461">
        <v>0</v>
      </c>
      <c r="AO8" s="461">
        <v>0</v>
      </c>
      <c r="AP8" s="461">
        <v>0</v>
      </c>
      <c r="AQ8" s="461">
        <v>184405</v>
      </c>
      <c r="AR8" s="461">
        <v>120750</v>
      </c>
      <c r="AS8" s="464">
        <v>305155</v>
      </c>
      <c r="AT8" s="465">
        <v>305155</v>
      </c>
      <c r="AU8" s="460">
        <v>0</v>
      </c>
      <c r="AV8" s="461">
        <v>0</v>
      </c>
      <c r="AW8" s="462">
        <v>0</v>
      </c>
      <c r="AX8" s="466"/>
      <c r="AY8" s="461">
        <v>24645</v>
      </c>
      <c r="AZ8" s="461">
        <v>38130</v>
      </c>
      <c r="BA8" s="461">
        <v>68045</v>
      </c>
      <c r="BB8" s="461">
        <v>472300</v>
      </c>
      <c r="BC8" s="461">
        <v>577320</v>
      </c>
      <c r="BD8" s="464">
        <v>1180440</v>
      </c>
      <c r="BE8" s="465">
        <v>1180440</v>
      </c>
      <c r="BF8" s="460">
        <v>0</v>
      </c>
      <c r="BG8" s="461">
        <v>0</v>
      </c>
      <c r="BH8" s="462">
        <v>0</v>
      </c>
      <c r="BI8" s="466"/>
      <c r="BJ8" s="461">
        <v>35340</v>
      </c>
      <c r="BK8" s="461">
        <v>139345</v>
      </c>
      <c r="BL8" s="461">
        <v>203825</v>
      </c>
      <c r="BM8" s="461">
        <v>151790</v>
      </c>
      <c r="BN8" s="461">
        <v>209320</v>
      </c>
      <c r="BO8" s="464">
        <v>739620</v>
      </c>
      <c r="BP8" s="465">
        <v>739620</v>
      </c>
      <c r="BQ8" s="460">
        <v>5720</v>
      </c>
      <c r="BR8" s="461">
        <v>21486</v>
      </c>
      <c r="BS8" s="462">
        <v>27206</v>
      </c>
      <c r="BT8" s="463">
        <v>0</v>
      </c>
      <c r="BU8" s="461">
        <v>542932</v>
      </c>
      <c r="BV8" s="461">
        <v>1388720</v>
      </c>
      <c r="BW8" s="461">
        <v>3343190</v>
      </c>
      <c r="BX8" s="461">
        <v>2522025</v>
      </c>
      <c r="BY8" s="461">
        <v>1466145</v>
      </c>
      <c r="BZ8" s="464">
        <v>9263012</v>
      </c>
      <c r="CA8" s="465">
        <v>9290218</v>
      </c>
      <c r="CB8" s="460">
        <v>0</v>
      </c>
      <c r="CC8" s="461">
        <v>0</v>
      </c>
      <c r="CD8" s="462">
        <v>0</v>
      </c>
      <c r="CE8" s="463">
        <v>0</v>
      </c>
      <c r="CF8" s="461">
        <v>18572</v>
      </c>
      <c r="CG8" s="461">
        <v>109374</v>
      </c>
      <c r="CH8" s="461">
        <v>148432</v>
      </c>
      <c r="CI8" s="461">
        <v>135223</v>
      </c>
      <c r="CJ8" s="461">
        <v>154744</v>
      </c>
      <c r="CK8" s="464">
        <v>566345</v>
      </c>
      <c r="CL8" s="465">
        <v>566345</v>
      </c>
      <c r="CM8" s="460">
        <v>0</v>
      </c>
      <c r="CN8" s="461">
        <v>0</v>
      </c>
      <c r="CO8" s="462">
        <v>0</v>
      </c>
      <c r="CP8" s="463">
        <v>0</v>
      </c>
      <c r="CQ8" s="461">
        <v>0</v>
      </c>
      <c r="CR8" s="461">
        <v>0</v>
      </c>
      <c r="CS8" s="461">
        <v>0</v>
      </c>
      <c r="CT8" s="461">
        <v>0</v>
      </c>
      <c r="CU8" s="461">
        <v>0</v>
      </c>
      <c r="CV8" s="464">
        <v>0</v>
      </c>
      <c r="CW8" s="465">
        <v>0</v>
      </c>
      <c r="CX8" s="460">
        <v>0</v>
      </c>
      <c r="CY8" s="461">
        <v>0</v>
      </c>
      <c r="CZ8" s="462">
        <v>0</v>
      </c>
      <c r="DA8" s="466"/>
      <c r="DB8" s="461">
        <v>0</v>
      </c>
      <c r="DC8" s="461">
        <v>0</v>
      </c>
      <c r="DD8" s="461">
        <v>0</v>
      </c>
      <c r="DE8" s="461">
        <v>0</v>
      </c>
      <c r="DF8" s="461">
        <v>0</v>
      </c>
      <c r="DG8" s="464">
        <v>0</v>
      </c>
      <c r="DH8" s="465">
        <v>0</v>
      </c>
      <c r="DI8" s="460">
        <v>11735</v>
      </c>
      <c r="DJ8" s="461">
        <v>65962</v>
      </c>
      <c r="DK8" s="462">
        <v>77697</v>
      </c>
      <c r="DL8" s="463">
        <v>0</v>
      </c>
      <c r="DM8" s="461">
        <v>5954949</v>
      </c>
      <c r="DN8" s="461">
        <v>20338220</v>
      </c>
      <c r="DO8" s="461">
        <v>57951237</v>
      </c>
      <c r="DP8" s="461">
        <v>74704764</v>
      </c>
      <c r="DQ8" s="461">
        <v>46724432</v>
      </c>
      <c r="DR8" s="464">
        <v>205673602</v>
      </c>
      <c r="DS8" s="467">
        <v>205751299</v>
      </c>
      <c r="DT8" s="460">
        <v>0</v>
      </c>
      <c r="DU8" s="461">
        <v>0</v>
      </c>
      <c r="DV8" s="462">
        <v>0</v>
      </c>
      <c r="DW8" s="466"/>
      <c r="DX8" s="461">
        <v>3676560</v>
      </c>
      <c r="DY8" s="461">
        <v>14095051</v>
      </c>
      <c r="DZ8" s="461">
        <v>48680134</v>
      </c>
      <c r="EA8" s="461">
        <v>66121677</v>
      </c>
      <c r="EB8" s="461">
        <v>41644612</v>
      </c>
      <c r="EC8" s="464">
        <v>174218034</v>
      </c>
      <c r="ED8" s="465">
        <v>174218034</v>
      </c>
      <c r="EE8" s="460">
        <v>0</v>
      </c>
      <c r="EF8" s="461">
        <v>0</v>
      </c>
      <c r="EG8" s="462">
        <v>0</v>
      </c>
      <c r="EH8" s="466"/>
      <c r="EI8" s="461">
        <v>1287823</v>
      </c>
      <c r="EJ8" s="461">
        <v>3431633</v>
      </c>
      <c r="EK8" s="461">
        <v>3489203</v>
      </c>
      <c r="EL8" s="461">
        <v>4265509</v>
      </c>
      <c r="EM8" s="461">
        <v>2297686</v>
      </c>
      <c r="EN8" s="464">
        <v>14771854</v>
      </c>
      <c r="EO8" s="465">
        <v>14771854</v>
      </c>
      <c r="EP8" s="460">
        <v>0</v>
      </c>
      <c r="EQ8" s="461">
        <v>0</v>
      </c>
      <c r="ER8" s="462">
        <v>0</v>
      </c>
      <c r="ES8" s="466"/>
      <c r="ET8" s="461">
        <v>0</v>
      </c>
      <c r="EU8" s="461">
        <v>0</v>
      </c>
      <c r="EV8" s="461">
        <v>0</v>
      </c>
      <c r="EW8" s="461">
        <v>36797</v>
      </c>
      <c r="EX8" s="461">
        <v>13003</v>
      </c>
      <c r="EY8" s="464">
        <v>49800</v>
      </c>
      <c r="EZ8" s="465">
        <v>49800</v>
      </c>
      <c r="FA8" s="460">
        <v>0</v>
      </c>
      <c r="FB8" s="461">
        <v>0</v>
      </c>
      <c r="FC8" s="462">
        <v>0</v>
      </c>
      <c r="FD8" s="466"/>
      <c r="FE8" s="461">
        <v>217</v>
      </c>
      <c r="FF8" s="461">
        <v>22785</v>
      </c>
      <c r="FG8" s="461">
        <v>868</v>
      </c>
      <c r="FH8" s="461">
        <v>86308</v>
      </c>
      <c r="FI8" s="461">
        <v>164535</v>
      </c>
      <c r="FJ8" s="464">
        <v>274713</v>
      </c>
      <c r="FK8" s="465">
        <v>274713</v>
      </c>
      <c r="FL8" s="460">
        <v>0</v>
      </c>
      <c r="FM8" s="461">
        <v>0</v>
      </c>
      <c r="FN8" s="462">
        <v>0</v>
      </c>
      <c r="FO8" s="466"/>
      <c r="FP8" s="461">
        <v>58342</v>
      </c>
      <c r="FQ8" s="461">
        <v>138260</v>
      </c>
      <c r="FR8" s="461">
        <v>384400</v>
      </c>
      <c r="FS8" s="461">
        <v>315618</v>
      </c>
      <c r="FT8" s="461">
        <v>383704</v>
      </c>
      <c r="FU8" s="464">
        <v>1280324</v>
      </c>
      <c r="FV8" s="465">
        <v>1280324</v>
      </c>
      <c r="FW8" s="460">
        <v>11735</v>
      </c>
      <c r="FX8" s="461">
        <v>65962</v>
      </c>
      <c r="FY8" s="462">
        <v>77697</v>
      </c>
      <c r="FZ8" s="463">
        <v>0</v>
      </c>
      <c r="GA8" s="461">
        <v>905016</v>
      </c>
      <c r="GB8" s="461">
        <v>2582119</v>
      </c>
      <c r="GC8" s="461">
        <v>5299138</v>
      </c>
      <c r="GD8" s="461">
        <v>3780528</v>
      </c>
      <c r="GE8" s="461">
        <v>2134219</v>
      </c>
      <c r="GF8" s="464">
        <v>14701020</v>
      </c>
      <c r="GG8" s="465">
        <v>14778717</v>
      </c>
      <c r="GH8" s="460">
        <v>0</v>
      </c>
      <c r="GI8" s="461">
        <v>0</v>
      </c>
      <c r="GJ8" s="462">
        <v>0</v>
      </c>
      <c r="GK8" s="463">
        <v>0</v>
      </c>
      <c r="GL8" s="461">
        <v>26991</v>
      </c>
      <c r="GM8" s="461">
        <v>68372</v>
      </c>
      <c r="GN8" s="461">
        <v>97494</v>
      </c>
      <c r="GO8" s="461">
        <v>98327</v>
      </c>
      <c r="GP8" s="461">
        <v>86673</v>
      </c>
      <c r="GQ8" s="464">
        <v>377857</v>
      </c>
      <c r="GR8" s="465">
        <v>377857</v>
      </c>
      <c r="GS8" s="460">
        <v>0</v>
      </c>
      <c r="GT8" s="461">
        <v>0</v>
      </c>
      <c r="GU8" s="462">
        <v>0</v>
      </c>
      <c r="GV8" s="463">
        <v>0</v>
      </c>
      <c r="GW8" s="461">
        <v>0</v>
      </c>
      <c r="GX8" s="461">
        <v>0</v>
      </c>
      <c r="GY8" s="461">
        <v>0</v>
      </c>
      <c r="GZ8" s="461">
        <v>0</v>
      </c>
      <c r="HA8" s="461">
        <v>0</v>
      </c>
      <c r="HB8" s="464">
        <v>0</v>
      </c>
      <c r="HC8" s="465">
        <v>0</v>
      </c>
      <c r="HD8" s="460">
        <v>0</v>
      </c>
      <c r="HE8" s="461">
        <v>0</v>
      </c>
      <c r="HF8" s="462">
        <v>0</v>
      </c>
      <c r="HG8" s="466"/>
      <c r="HH8" s="461">
        <v>0</v>
      </c>
      <c r="HI8" s="461">
        <v>0</v>
      </c>
      <c r="HJ8" s="461">
        <v>0</v>
      </c>
      <c r="HK8" s="461">
        <v>0</v>
      </c>
      <c r="HL8" s="461">
        <v>0</v>
      </c>
      <c r="HM8" s="464">
        <v>0</v>
      </c>
      <c r="HN8" s="465">
        <v>0</v>
      </c>
      <c r="HO8" s="460">
        <v>17455</v>
      </c>
      <c r="HP8" s="461">
        <v>87448</v>
      </c>
      <c r="HQ8" s="462">
        <v>104903</v>
      </c>
      <c r="HR8" s="463">
        <v>0</v>
      </c>
      <c r="HS8" s="461">
        <v>12712610</v>
      </c>
      <c r="HT8" s="461">
        <v>42069043</v>
      </c>
      <c r="HU8" s="461">
        <v>108426466</v>
      </c>
      <c r="HV8" s="461">
        <v>143817816</v>
      </c>
      <c r="HW8" s="461">
        <v>89517287</v>
      </c>
      <c r="HX8" s="464">
        <v>396543222</v>
      </c>
      <c r="HY8" s="465">
        <v>396648125</v>
      </c>
    </row>
    <row r="9" spans="2:233" ht="21" customHeight="1" x14ac:dyDescent="0.2">
      <c r="B9" s="472" t="s">
        <v>6</v>
      </c>
      <c r="C9" s="273">
        <v>0</v>
      </c>
      <c r="D9" s="274">
        <v>7028</v>
      </c>
      <c r="E9" s="275">
        <v>7028</v>
      </c>
      <c r="F9" s="276">
        <v>0</v>
      </c>
      <c r="G9" s="274">
        <v>2826979</v>
      </c>
      <c r="H9" s="274">
        <v>4990319</v>
      </c>
      <c r="I9" s="274">
        <v>15069640</v>
      </c>
      <c r="J9" s="274">
        <v>22441973</v>
      </c>
      <c r="K9" s="274">
        <v>13921198</v>
      </c>
      <c r="L9" s="277">
        <v>59250109</v>
      </c>
      <c r="M9" s="278">
        <v>59257137</v>
      </c>
      <c r="N9" s="273">
        <v>0</v>
      </c>
      <c r="O9" s="274">
        <v>0</v>
      </c>
      <c r="P9" s="275">
        <v>0</v>
      </c>
      <c r="Q9" s="279"/>
      <c r="R9" s="274">
        <v>1145625</v>
      </c>
      <c r="S9" s="274">
        <v>1802740</v>
      </c>
      <c r="T9" s="274">
        <v>10705515</v>
      </c>
      <c r="U9" s="274">
        <v>16334080</v>
      </c>
      <c r="V9" s="274">
        <v>10631275</v>
      </c>
      <c r="W9" s="277">
        <v>40619235</v>
      </c>
      <c r="X9" s="278">
        <v>40619235</v>
      </c>
      <c r="Y9" s="273">
        <v>0</v>
      </c>
      <c r="Z9" s="274">
        <v>0</v>
      </c>
      <c r="AA9" s="275">
        <v>0</v>
      </c>
      <c r="AB9" s="279"/>
      <c r="AC9" s="274">
        <v>1373150</v>
      </c>
      <c r="AD9" s="274">
        <v>2618865</v>
      </c>
      <c r="AE9" s="274">
        <v>2821295</v>
      </c>
      <c r="AF9" s="274">
        <v>4390775</v>
      </c>
      <c r="AG9" s="274">
        <v>2067440</v>
      </c>
      <c r="AH9" s="277">
        <v>13271525</v>
      </c>
      <c r="AI9" s="278">
        <v>13271525</v>
      </c>
      <c r="AJ9" s="273">
        <v>0</v>
      </c>
      <c r="AK9" s="274">
        <v>0</v>
      </c>
      <c r="AL9" s="275">
        <v>0</v>
      </c>
      <c r="AM9" s="279"/>
      <c r="AN9" s="274">
        <v>35495</v>
      </c>
      <c r="AO9" s="274">
        <v>0</v>
      </c>
      <c r="AP9" s="274">
        <v>2635</v>
      </c>
      <c r="AQ9" s="274">
        <v>261020</v>
      </c>
      <c r="AR9" s="274">
        <v>234035</v>
      </c>
      <c r="AS9" s="277">
        <v>533185</v>
      </c>
      <c r="AT9" s="278">
        <v>533185</v>
      </c>
      <c r="AU9" s="273">
        <v>0</v>
      </c>
      <c r="AV9" s="274">
        <v>0</v>
      </c>
      <c r="AW9" s="275">
        <v>0</v>
      </c>
      <c r="AX9" s="279"/>
      <c r="AY9" s="274">
        <v>0</v>
      </c>
      <c r="AZ9" s="274">
        <v>0</v>
      </c>
      <c r="BA9" s="274">
        <v>27280</v>
      </c>
      <c r="BB9" s="274">
        <v>205560</v>
      </c>
      <c r="BC9" s="274">
        <v>246320</v>
      </c>
      <c r="BD9" s="277">
        <v>479160</v>
      </c>
      <c r="BE9" s="278">
        <v>479160</v>
      </c>
      <c r="BF9" s="273">
        <v>0</v>
      </c>
      <c r="BG9" s="274">
        <v>0</v>
      </c>
      <c r="BH9" s="275">
        <v>0</v>
      </c>
      <c r="BI9" s="279"/>
      <c r="BJ9" s="274">
        <v>24645</v>
      </c>
      <c r="BK9" s="274">
        <v>73470</v>
      </c>
      <c r="BL9" s="274">
        <v>433540</v>
      </c>
      <c r="BM9" s="274">
        <v>387410</v>
      </c>
      <c r="BN9" s="274">
        <v>325630</v>
      </c>
      <c r="BO9" s="277">
        <v>1244695</v>
      </c>
      <c r="BP9" s="278">
        <v>1244695</v>
      </c>
      <c r="BQ9" s="273">
        <v>0</v>
      </c>
      <c r="BR9" s="274">
        <v>7028</v>
      </c>
      <c r="BS9" s="275">
        <v>7028</v>
      </c>
      <c r="BT9" s="276">
        <v>0</v>
      </c>
      <c r="BU9" s="274">
        <v>246824</v>
      </c>
      <c r="BV9" s="274">
        <v>471483</v>
      </c>
      <c r="BW9" s="274">
        <v>1003250</v>
      </c>
      <c r="BX9" s="274">
        <v>793322</v>
      </c>
      <c r="BY9" s="274">
        <v>384759</v>
      </c>
      <c r="BZ9" s="277">
        <v>2899638</v>
      </c>
      <c r="CA9" s="278">
        <v>2906666</v>
      </c>
      <c r="CB9" s="273">
        <v>0</v>
      </c>
      <c r="CC9" s="274">
        <v>0</v>
      </c>
      <c r="CD9" s="275">
        <v>0</v>
      </c>
      <c r="CE9" s="276">
        <v>0</v>
      </c>
      <c r="CF9" s="274">
        <v>1240</v>
      </c>
      <c r="CG9" s="274">
        <v>23761</v>
      </c>
      <c r="CH9" s="274">
        <v>76125</v>
      </c>
      <c r="CI9" s="274">
        <v>69806</v>
      </c>
      <c r="CJ9" s="274">
        <v>31739</v>
      </c>
      <c r="CK9" s="277">
        <v>202671</v>
      </c>
      <c r="CL9" s="278">
        <v>202671</v>
      </c>
      <c r="CM9" s="273">
        <v>0</v>
      </c>
      <c r="CN9" s="274">
        <v>0</v>
      </c>
      <c r="CO9" s="275">
        <v>0</v>
      </c>
      <c r="CP9" s="276">
        <v>0</v>
      </c>
      <c r="CQ9" s="274">
        <v>0</v>
      </c>
      <c r="CR9" s="274">
        <v>0</v>
      </c>
      <c r="CS9" s="274">
        <v>0</v>
      </c>
      <c r="CT9" s="274">
        <v>0</v>
      </c>
      <c r="CU9" s="274">
        <v>0</v>
      </c>
      <c r="CV9" s="277">
        <v>0</v>
      </c>
      <c r="CW9" s="278">
        <v>0</v>
      </c>
      <c r="CX9" s="273">
        <v>0</v>
      </c>
      <c r="CY9" s="274">
        <v>0</v>
      </c>
      <c r="CZ9" s="275">
        <v>0</v>
      </c>
      <c r="DA9" s="279"/>
      <c r="DB9" s="274">
        <v>0</v>
      </c>
      <c r="DC9" s="274">
        <v>0</v>
      </c>
      <c r="DD9" s="274">
        <v>0</v>
      </c>
      <c r="DE9" s="274">
        <v>0</v>
      </c>
      <c r="DF9" s="274">
        <v>0</v>
      </c>
      <c r="DG9" s="277">
        <v>0</v>
      </c>
      <c r="DH9" s="278">
        <v>0</v>
      </c>
      <c r="DI9" s="273">
        <v>0</v>
      </c>
      <c r="DJ9" s="274">
        <v>8597</v>
      </c>
      <c r="DK9" s="275">
        <v>8597</v>
      </c>
      <c r="DL9" s="276">
        <v>0</v>
      </c>
      <c r="DM9" s="274">
        <v>1586839</v>
      </c>
      <c r="DN9" s="274">
        <v>3317007</v>
      </c>
      <c r="DO9" s="274">
        <v>14229244</v>
      </c>
      <c r="DP9" s="274">
        <v>20388769</v>
      </c>
      <c r="DQ9" s="274">
        <v>13378419</v>
      </c>
      <c r="DR9" s="277">
        <v>52900278</v>
      </c>
      <c r="DS9" s="280">
        <v>52908875</v>
      </c>
      <c r="DT9" s="273">
        <v>0</v>
      </c>
      <c r="DU9" s="274">
        <v>0</v>
      </c>
      <c r="DV9" s="275">
        <v>0</v>
      </c>
      <c r="DW9" s="279"/>
      <c r="DX9" s="274">
        <v>975778</v>
      </c>
      <c r="DY9" s="274">
        <v>1935695</v>
      </c>
      <c r="DZ9" s="274">
        <v>11593944</v>
      </c>
      <c r="EA9" s="274">
        <v>17417800</v>
      </c>
      <c r="EB9" s="274">
        <v>11437800</v>
      </c>
      <c r="EC9" s="277">
        <v>43361017</v>
      </c>
      <c r="ED9" s="278">
        <v>43361017</v>
      </c>
      <c r="EE9" s="273">
        <v>0</v>
      </c>
      <c r="EF9" s="274">
        <v>0</v>
      </c>
      <c r="EG9" s="275">
        <v>0</v>
      </c>
      <c r="EH9" s="279"/>
      <c r="EI9" s="274">
        <v>255251</v>
      </c>
      <c r="EJ9" s="274">
        <v>541544</v>
      </c>
      <c r="EK9" s="274">
        <v>643126</v>
      </c>
      <c r="EL9" s="274">
        <v>920958</v>
      </c>
      <c r="EM9" s="274">
        <v>586231</v>
      </c>
      <c r="EN9" s="277">
        <v>2947110</v>
      </c>
      <c r="EO9" s="278">
        <v>2947110</v>
      </c>
      <c r="EP9" s="273">
        <v>0</v>
      </c>
      <c r="EQ9" s="274">
        <v>0</v>
      </c>
      <c r="ER9" s="275">
        <v>0</v>
      </c>
      <c r="ES9" s="279"/>
      <c r="ET9" s="274">
        <v>11687</v>
      </c>
      <c r="EU9" s="274">
        <v>0</v>
      </c>
      <c r="EV9" s="274">
        <v>217</v>
      </c>
      <c r="EW9" s="274">
        <v>37882</v>
      </c>
      <c r="EX9" s="274">
        <v>61473</v>
      </c>
      <c r="EY9" s="277">
        <v>111259</v>
      </c>
      <c r="EZ9" s="278">
        <v>111259</v>
      </c>
      <c r="FA9" s="273">
        <v>0</v>
      </c>
      <c r="FB9" s="274">
        <v>0</v>
      </c>
      <c r="FC9" s="275">
        <v>0</v>
      </c>
      <c r="FD9" s="279"/>
      <c r="FE9" s="274">
        <v>0</v>
      </c>
      <c r="FF9" s="274">
        <v>0</v>
      </c>
      <c r="FG9" s="274">
        <v>434</v>
      </c>
      <c r="FH9" s="274">
        <v>26188</v>
      </c>
      <c r="FI9" s="274">
        <v>22907</v>
      </c>
      <c r="FJ9" s="277">
        <v>49529</v>
      </c>
      <c r="FK9" s="278">
        <v>49529</v>
      </c>
      <c r="FL9" s="273">
        <v>0</v>
      </c>
      <c r="FM9" s="274">
        <v>0</v>
      </c>
      <c r="FN9" s="275">
        <v>0</v>
      </c>
      <c r="FO9" s="279"/>
      <c r="FP9" s="274">
        <v>21576</v>
      </c>
      <c r="FQ9" s="274">
        <v>106423</v>
      </c>
      <c r="FR9" s="274">
        <v>724996</v>
      </c>
      <c r="FS9" s="274">
        <v>755718</v>
      </c>
      <c r="FT9" s="274">
        <v>612194</v>
      </c>
      <c r="FU9" s="277">
        <v>2220907</v>
      </c>
      <c r="FV9" s="278">
        <v>2220907</v>
      </c>
      <c r="FW9" s="273">
        <v>0</v>
      </c>
      <c r="FX9" s="274">
        <v>8597</v>
      </c>
      <c r="FY9" s="275">
        <v>8597</v>
      </c>
      <c r="FZ9" s="276">
        <v>0</v>
      </c>
      <c r="GA9" s="274">
        <v>320191</v>
      </c>
      <c r="GB9" s="274">
        <v>700150</v>
      </c>
      <c r="GC9" s="274">
        <v>1220854</v>
      </c>
      <c r="GD9" s="274">
        <v>1172138</v>
      </c>
      <c r="GE9" s="274">
        <v>622005</v>
      </c>
      <c r="GF9" s="277">
        <v>4035338</v>
      </c>
      <c r="GG9" s="278">
        <v>4043935</v>
      </c>
      <c r="GH9" s="273">
        <v>0</v>
      </c>
      <c r="GI9" s="274">
        <v>0</v>
      </c>
      <c r="GJ9" s="275">
        <v>0</v>
      </c>
      <c r="GK9" s="276">
        <v>0</v>
      </c>
      <c r="GL9" s="274">
        <v>2356</v>
      </c>
      <c r="GM9" s="274">
        <v>33195</v>
      </c>
      <c r="GN9" s="274">
        <v>45673</v>
      </c>
      <c r="GO9" s="274">
        <v>58085</v>
      </c>
      <c r="GP9" s="274">
        <v>35809</v>
      </c>
      <c r="GQ9" s="277">
        <v>175118</v>
      </c>
      <c r="GR9" s="278">
        <v>175118</v>
      </c>
      <c r="GS9" s="273">
        <v>0</v>
      </c>
      <c r="GT9" s="274">
        <v>0</v>
      </c>
      <c r="GU9" s="275">
        <v>0</v>
      </c>
      <c r="GV9" s="276">
        <v>0</v>
      </c>
      <c r="GW9" s="274">
        <v>0</v>
      </c>
      <c r="GX9" s="274">
        <v>0</v>
      </c>
      <c r="GY9" s="274">
        <v>0</v>
      </c>
      <c r="GZ9" s="274">
        <v>0</v>
      </c>
      <c r="HA9" s="274">
        <v>0</v>
      </c>
      <c r="HB9" s="277">
        <v>0</v>
      </c>
      <c r="HC9" s="278">
        <v>0</v>
      </c>
      <c r="HD9" s="273">
        <v>0</v>
      </c>
      <c r="HE9" s="274">
        <v>0</v>
      </c>
      <c r="HF9" s="275">
        <v>0</v>
      </c>
      <c r="HG9" s="279"/>
      <c r="HH9" s="274">
        <v>0</v>
      </c>
      <c r="HI9" s="274">
        <v>0</v>
      </c>
      <c r="HJ9" s="274">
        <v>0</v>
      </c>
      <c r="HK9" s="274">
        <v>0</v>
      </c>
      <c r="HL9" s="274">
        <v>0</v>
      </c>
      <c r="HM9" s="277">
        <v>0</v>
      </c>
      <c r="HN9" s="278">
        <v>0</v>
      </c>
      <c r="HO9" s="273">
        <v>0</v>
      </c>
      <c r="HP9" s="274">
        <v>15625</v>
      </c>
      <c r="HQ9" s="275">
        <v>15625</v>
      </c>
      <c r="HR9" s="276">
        <v>0</v>
      </c>
      <c r="HS9" s="274">
        <v>4413818</v>
      </c>
      <c r="HT9" s="274">
        <v>8307326</v>
      </c>
      <c r="HU9" s="274">
        <v>29298884</v>
      </c>
      <c r="HV9" s="274">
        <v>42830742</v>
      </c>
      <c r="HW9" s="274">
        <v>27299617</v>
      </c>
      <c r="HX9" s="277">
        <v>112150387</v>
      </c>
      <c r="HY9" s="278">
        <v>112166012</v>
      </c>
    </row>
    <row r="10" spans="2:233" ht="21" customHeight="1" x14ac:dyDescent="0.2">
      <c r="B10" s="472" t="s">
        <v>14</v>
      </c>
      <c r="C10" s="273">
        <v>0</v>
      </c>
      <c r="D10" s="274">
        <v>0</v>
      </c>
      <c r="E10" s="275">
        <v>0</v>
      </c>
      <c r="F10" s="276">
        <v>0</v>
      </c>
      <c r="G10" s="274">
        <v>738960</v>
      </c>
      <c r="H10" s="274">
        <v>1877442</v>
      </c>
      <c r="I10" s="274">
        <v>8441309</v>
      </c>
      <c r="J10" s="274">
        <v>13096687</v>
      </c>
      <c r="K10" s="274">
        <v>8174918</v>
      </c>
      <c r="L10" s="277">
        <v>32329316</v>
      </c>
      <c r="M10" s="278">
        <v>32329316</v>
      </c>
      <c r="N10" s="273">
        <v>0</v>
      </c>
      <c r="O10" s="274">
        <v>0</v>
      </c>
      <c r="P10" s="275">
        <v>0</v>
      </c>
      <c r="Q10" s="279"/>
      <c r="R10" s="274">
        <v>92720</v>
      </c>
      <c r="S10" s="274">
        <v>395222</v>
      </c>
      <c r="T10" s="274">
        <v>5764530</v>
      </c>
      <c r="U10" s="274">
        <v>9445171</v>
      </c>
      <c r="V10" s="274">
        <v>6300834</v>
      </c>
      <c r="W10" s="277">
        <v>21998477</v>
      </c>
      <c r="X10" s="278">
        <v>21998477</v>
      </c>
      <c r="Y10" s="273">
        <v>0</v>
      </c>
      <c r="Z10" s="274">
        <v>0</v>
      </c>
      <c r="AA10" s="275">
        <v>0</v>
      </c>
      <c r="AB10" s="279"/>
      <c r="AC10" s="274">
        <v>560980</v>
      </c>
      <c r="AD10" s="274">
        <v>1312355</v>
      </c>
      <c r="AE10" s="274">
        <v>1846595</v>
      </c>
      <c r="AF10" s="274">
        <v>2242691</v>
      </c>
      <c r="AG10" s="274">
        <v>949113</v>
      </c>
      <c r="AH10" s="277">
        <v>6911734</v>
      </c>
      <c r="AI10" s="278">
        <v>6911734</v>
      </c>
      <c r="AJ10" s="273">
        <v>0</v>
      </c>
      <c r="AK10" s="274">
        <v>0</v>
      </c>
      <c r="AL10" s="275">
        <v>0</v>
      </c>
      <c r="AM10" s="279"/>
      <c r="AN10" s="274">
        <v>0</v>
      </c>
      <c r="AO10" s="274">
        <v>0</v>
      </c>
      <c r="AP10" s="274">
        <v>32705</v>
      </c>
      <c r="AQ10" s="274">
        <v>218490</v>
      </c>
      <c r="AR10" s="274">
        <v>81140</v>
      </c>
      <c r="AS10" s="277">
        <v>332335</v>
      </c>
      <c r="AT10" s="278">
        <v>332335</v>
      </c>
      <c r="AU10" s="273">
        <v>0</v>
      </c>
      <c r="AV10" s="274">
        <v>0</v>
      </c>
      <c r="AW10" s="275">
        <v>0</v>
      </c>
      <c r="AX10" s="279"/>
      <c r="AY10" s="274">
        <v>0</v>
      </c>
      <c r="AZ10" s="274">
        <v>0</v>
      </c>
      <c r="BA10" s="274">
        <v>0</v>
      </c>
      <c r="BB10" s="274">
        <v>634930</v>
      </c>
      <c r="BC10" s="274">
        <v>386830</v>
      </c>
      <c r="BD10" s="277">
        <v>1021760</v>
      </c>
      <c r="BE10" s="278">
        <v>1021760</v>
      </c>
      <c r="BF10" s="273">
        <v>0</v>
      </c>
      <c r="BG10" s="274">
        <v>0</v>
      </c>
      <c r="BH10" s="275">
        <v>0</v>
      </c>
      <c r="BI10" s="279"/>
      <c r="BJ10" s="274">
        <v>0</v>
      </c>
      <c r="BK10" s="274">
        <v>0</v>
      </c>
      <c r="BL10" s="274">
        <v>31445</v>
      </c>
      <c r="BM10" s="274">
        <v>104265</v>
      </c>
      <c r="BN10" s="274">
        <v>95325</v>
      </c>
      <c r="BO10" s="277">
        <v>231035</v>
      </c>
      <c r="BP10" s="278">
        <v>231035</v>
      </c>
      <c r="BQ10" s="273">
        <v>0</v>
      </c>
      <c r="BR10" s="274">
        <v>0</v>
      </c>
      <c r="BS10" s="275">
        <v>0</v>
      </c>
      <c r="BT10" s="276">
        <v>0</v>
      </c>
      <c r="BU10" s="274">
        <v>85260</v>
      </c>
      <c r="BV10" s="274">
        <v>169430</v>
      </c>
      <c r="BW10" s="274">
        <v>756396</v>
      </c>
      <c r="BX10" s="274">
        <v>446731</v>
      </c>
      <c r="BY10" s="274">
        <v>360895</v>
      </c>
      <c r="BZ10" s="277">
        <v>1818712</v>
      </c>
      <c r="CA10" s="278">
        <v>1818712</v>
      </c>
      <c r="CB10" s="273">
        <v>0</v>
      </c>
      <c r="CC10" s="274">
        <v>0</v>
      </c>
      <c r="CD10" s="275">
        <v>0</v>
      </c>
      <c r="CE10" s="276">
        <v>0</v>
      </c>
      <c r="CF10" s="274">
        <v>0</v>
      </c>
      <c r="CG10" s="274">
        <v>435</v>
      </c>
      <c r="CH10" s="274">
        <v>9638</v>
      </c>
      <c r="CI10" s="274">
        <v>4409</v>
      </c>
      <c r="CJ10" s="274">
        <v>781</v>
      </c>
      <c r="CK10" s="277">
        <v>15263</v>
      </c>
      <c r="CL10" s="278">
        <v>15263</v>
      </c>
      <c r="CM10" s="273">
        <v>0</v>
      </c>
      <c r="CN10" s="274">
        <v>0</v>
      </c>
      <c r="CO10" s="275">
        <v>0</v>
      </c>
      <c r="CP10" s="276">
        <v>0</v>
      </c>
      <c r="CQ10" s="274">
        <v>0</v>
      </c>
      <c r="CR10" s="274">
        <v>0</v>
      </c>
      <c r="CS10" s="274">
        <v>0</v>
      </c>
      <c r="CT10" s="274">
        <v>0</v>
      </c>
      <c r="CU10" s="274">
        <v>0</v>
      </c>
      <c r="CV10" s="277">
        <v>0</v>
      </c>
      <c r="CW10" s="278">
        <v>0</v>
      </c>
      <c r="CX10" s="273">
        <v>0</v>
      </c>
      <c r="CY10" s="274">
        <v>0</v>
      </c>
      <c r="CZ10" s="275">
        <v>0</v>
      </c>
      <c r="DA10" s="279"/>
      <c r="DB10" s="274">
        <v>0</v>
      </c>
      <c r="DC10" s="274">
        <v>0</v>
      </c>
      <c r="DD10" s="274">
        <v>0</v>
      </c>
      <c r="DE10" s="274">
        <v>0</v>
      </c>
      <c r="DF10" s="274">
        <v>0</v>
      </c>
      <c r="DG10" s="277">
        <v>0</v>
      </c>
      <c r="DH10" s="278">
        <v>0</v>
      </c>
      <c r="DI10" s="273">
        <v>0</v>
      </c>
      <c r="DJ10" s="274">
        <v>1404</v>
      </c>
      <c r="DK10" s="275">
        <v>1404</v>
      </c>
      <c r="DL10" s="276">
        <v>0</v>
      </c>
      <c r="DM10" s="274">
        <v>428475</v>
      </c>
      <c r="DN10" s="274">
        <v>1218905</v>
      </c>
      <c r="DO10" s="274">
        <v>10087041</v>
      </c>
      <c r="DP10" s="274">
        <v>13860750</v>
      </c>
      <c r="DQ10" s="274">
        <v>8136895</v>
      </c>
      <c r="DR10" s="277">
        <v>33732066</v>
      </c>
      <c r="DS10" s="280">
        <v>33733470</v>
      </c>
      <c r="DT10" s="273">
        <v>0</v>
      </c>
      <c r="DU10" s="274">
        <v>0</v>
      </c>
      <c r="DV10" s="275">
        <v>0</v>
      </c>
      <c r="DW10" s="279"/>
      <c r="DX10" s="274">
        <v>106630</v>
      </c>
      <c r="DY10" s="274">
        <v>676010</v>
      </c>
      <c r="DZ10" s="274">
        <v>8494384</v>
      </c>
      <c r="EA10" s="274">
        <v>12360839</v>
      </c>
      <c r="EB10" s="274">
        <v>7258706</v>
      </c>
      <c r="EC10" s="277">
        <v>28896569</v>
      </c>
      <c r="ED10" s="278">
        <v>28896569</v>
      </c>
      <c r="EE10" s="273">
        <v>0</v>
      </c>
      <c r="EF10" s="274">
        <v>0</v>
      </c>
      <c r="EG10" s="275">
        <v>0</v>
      </c>
      <c r="EH10" s="279"/>
      <c r="EI10" s="274">
        <v>136262</v>
      </c>
      <c r="EJ10" s="274">
        <v>200994</v>
      </c>
      <c r="EK10" s="274">
        <v>279428</v>
      </c>
      <c r="EL10" s="274">
        <v>425277</v>
      </c>
      <c r="EM10" s="274">
        <v>129412</v>
      </c>
      <c r="EN10" s="277">
        <v>1171373</v>
      </c>
      <c r="EO10" s="278">
        <v>1171373</v>
      </c>
      <c r="EP10" s="273">
        <v>0</v>
      </c>
      <c r="EQ10" s="274">
        <v>0</v>
      </c>
      <c r="ER10" s="275">
        <v>0</v>
      </c>
      <c r="ES10" s="279"/>
      <c r="ET10" s="274">
        <v>0</v>
      </c>
      <c r="EU10" s="274">
        <v>0</v>
      </c>
      <c r="EV10" s="274">
        <v>217</v>
      </c>
      <c r="EW10" s="274">
        <v>41134</v>
      </c>
      <c r="EX10" s="274">
        <v>18500</v>
      </c>
      <c r="EY10" s="277">
        <v>59851</v>
      </c>
      <c r="EZ10" s="278">
        <v>59851</v>
      </c>
      <c r="FA10" s="273">
        <v>0</v>
      </c>
      <c r="FB10" s="274">
        <v>0</v>
      </c>
      <c r="FC10" s="275">
        <v>0</v>
      </c>
      <c r="FD10" s="279"/>
      <c r="FE10" s="274">
        <v>0</v>
      </c>
      <c r="FF10" s="274">
        <v>0</v>
      </c>
      <c r="FG10" s="274">
        <v>0</v>
      </c>
      <c r="FH10" s="274">
        <v>76656</v>
      </c>
      <c r="FI10" s="274">
        <v>75562</v>
      </c>
      <c r="FJ10" s="277">
        <v>152218</v>
      </c>
      <c r="FK10" s="278">
        <v>152218</v>
      </c>
      <c r="FL10" s="273">
        <v>0</v>
      </c>
      <c r="FM10" s="274">
        <v>0</v>
      </c>
      <c r="FN10" s="275">
        <v>0</v>
      </c>
      <c r="FO10" s="279"/>
      <c r="FP10" s="274">
        <v>0</v>
      </c>
      <c r="FQ10" s="274">
        <v>0</v>
      </c>
      <c r="FR10" s="274">
        <v>82128</v>
      </c>
      <c r="FS10" s="274">
        <v>233721</v>
      </c>
      <c r="FT10" s="274">
        <v>138260</v>
      </c>
      <c r="FU10" s="277">
        <v>454109</v>
      </c>
      <c r="FV10" s="278">
        <v>454109</v>
      </c>
      <c r="FW10" s="273">
        <v>0</v>
      </c>
      <c r="FX10" s="274">
        <v>1404</v>
      </c>
      <c r="FY10" s="275">
        <v>1404</v>
      </c>
      <c r="FZ10" s="276">
        <v>0</v>
      </c>
      <c r="GA10" s="274">
        <v>185583</v>
      </c>
      <c r="GB10" s="274">
        <v>341880</v>
      </c>
      <c r="GC10" s="274">
        <v>1226896</v>
      </c>
      <c r="GD10" s="274">
        <v>719477</v>
      </c>
      <c r="GE10" s="274">
        <v>516392</v>
      </c>
      <c r="GF10" s="277">
        <v>2990228</v>
      </c>
      <c r="GG10" s="278">
        <v>2991632</v>
      </c>
      <c r="GH10" s="273">
        <v>0</v>
      </c>
      <c r="GI10" s="274">
        <v>0</v>
      </c>
      <c r="GJ10" s="275">
        <v>0</v>
      </c>
      <c r="GK10" s="276">
        <v>0</v>
      </c>
      <c r="GL10" s="274">
        <v>0</v>
      </c>
      <c r="GM10" s="274">
        <v>21</v>
      </c>
      <c r="GN10" s="274">
        <v>3988</v>
      </c>
      <c r="GO10" s="274">
        <v>3646</v>
      </c>
      <c r="GP10" s="274">
        <v>63</v>
      </c>
      <c r="GQ10" s="277">
        <v>7718</v>
      </c>
      <c r="GR10" s="278">
        <v>7718</v>
      </c>
      <c r="GS10" s="273">
        <v>0</v>
      </c>
      <c r="GT10" s="274">
        <v>0</v>
      </c>
      <c r="GU10" s="275">
        <v>0</v>
      </c>
      <c r="GV10" s="276">
        <v>0</v>
      </c>
      <c r="GW10" s="274">
        <v>0</v>
      </c>
      <c r="GX10" s="274">
        <v>0</v>
      </c>
      <c r="GY10" s="274">
        <v>0</v>
      </c>
      <c r="GZ10" s="274">
        <v>0</v>
      </c>
      <c r="HA10" s="274">
        <v>0</v>
      </c>
      <c r="HB10" s="277">
        <v>0</v>
      </c>
      <c r="HC10" s="278">
        <v>0</v>
      </c>
      <c r="HD10" s="273">
        <v>0</v>
      </c>
      <c r="HE10" s="274">
        <v>0</v>
      </c>
      <c r="HF10" s="275">
        <v>0</v>
      </c>
      <c r="HG10" s="279"/>
      <c r="HH10" s="274">
        <v>0</v>
      </c>
      <c r="HI10" s="274">
        <v>0</v>
      </c>
      <c r="HJ10" s="274">
        <v>0</v>
      </c>
      <c r="HK10" s="274">
        <v>0</v>
      </c>
      <c r="HL10" s="274">
        <v>0</v>
      </c>
      <c r="HM10" s="277">
        <v>0</v>
      </c>
      <c r="HN10" s="278">
        <v>0</v>
      </c>
      <c r="HO10" s="273">
        <v>0</v>
      </c>
      <c r="HP10" s="274">
        <v>1404</v>
      </c>
      <c r="HQ10" s="275">
        <v>1404</v>
      </c>
      <c r="HR10" s="276">
        <v>0</v>
      </c>
      <c r="HS10" s="274">
        <v>1167435</v>
      </c>
      <c r="HT10" s="274">
        <v>3096347</v>
      </c>
      <c r="HU10" s="274">
        <v>18528350</v>
      </c>
      <c r="HV10" s="274">
        <v>26957437</v>
      </c>
      <c r="HW10" s="274">
        <v>16311813</v>
      </c>
      <c r="HX10" s="277">
        <v>66061382</v>
      </c>
      <c r="HY10" s="278">
        <v>66062786</v>
      </c>
    </row>
    <row r="11" spans="2:233" ht="21" customHeight="1" x14ac:dyDescent="0.2">
      <c r="B11" s="472" t="s">
        <v>7</v>
      </c>
      <c r="C11" s="273">
        <v>435</v>
      </c>
      <c r="D11" s="274">
        <v>1125</v>
      </c>
      <c r="E11" s="275">
        <v>1560</v>
      </c>
      <c r="F11" s="276">
        <v>0</v>
      </c>
      <c r="G11" s="274">
        <v>1657606</v>
      </c>
      <c r="H11" s="274">
        <v>2060303</v>
      </c>
      <c r="I11" s="274">
        <v>7205464</v>
      </c>
      <c r="J11" s="274">
        <v>8805618</v>
      </c>
      <c r="K11" s="274">
        <v>4403432</v>
      </c>
      <c r="L11" s="277">
        <v>24132423</v>
      </c>
      <c r="M11" s="278">
        <v>24133983</v>
      </c>
      <c r="N11" s="273">
        <v>0</v>
      </c>
      <c r="O11" s="274">
        <v>0</v>
      </c>
      <c r="P11" s="275">
        <v>0</v>
      </c>
      <c r="Q11" s="279"/>
      <c r="R11" s="274">
        <v>201965</v>
      </c>
      <c r="S11" s="274">
        <v>449035</v>
      </c>
      <c r="T11" s="274">
        <v>5115160</v>
      </c>
      <c r="U11" s="274">
        <v>6935977</v>
      </c>
      <c r="V11" s="274">
        <v>3695005</v>
      </c>
      <c r="W11" s="277">
        <v>16397142</v>
      </c>
      <c r="X11" s="278">
        <v>16397142</v>
      </c>
      <c r="Y11" s="273">
        <v>0</v>
      </c>
      <c r="Z11" s="274">
        <v>0</v>
      </c>
      <c r="AA11" s="275">
        <v>0</v>
      </c>
      <c r="AB11" s="279"/>
      <c r="AC11" s="274">
        <v>1241575</v>
      </c>
      <c r="AD11" s="274">
        <v>1412337</v>
      </c>
      <c r="AE11" s="274">
        <v>1584068</v>
      </c>
      <c r="AF11" s="274">
        <v>1496978</v>
      </c>
      <c r="AG11" s="274">
        <v>587313</v>
      </c>
      <c r="AH11" s="277">
        <v>6322271</v>
      </c>
      <c r="AI11" s="278">
        <v>6322271</v>
      </c>
      <c r="AJ11" s="273">
        <v>0</v>
      </c>
      <c r="AK11" s="274">
        <v>0</v>
      </c>
      <c r="AL11" s="275">
        <v>0</v>
      </c>
      <c r="AM11" s="279"/>
      <c r="AN11" s="274">
        <v>0</v>
      </c>
      <c r="AO11" s="274">
        <v>0</v>
      </c>
      <c r="AP11" s="274">
        <v>0</v>
      </c>
      <c r="AQ11" s="274">
        <v>0</v>
      </c>
      <c r="AR11" s="274">
        <v>2635</v>
      </c>
      <c r="AS11" s="277">
        <v>2635</v>
      </c>
      <c r="AT11" s="278">
        <v>2635</v>
      </c>
      <c r="AU11" s="273">
        <v>0</v>
      </c>
      <c r="AV11" s="274">
        <v>0</v>
      </c>
      <c r="AW11" s="275">
        <v>0</v>
      </c>
      <c r="AX11" s="279"/>
      <c r="AY11" s="274">
        <v>0</v>
      </c>
      <c r="AZ11" s="274">
        <v>0</v>
      </c>
      <c r="BA11" s="274">
        <v>0</v>
      </c>
      <c r="BB11" s="274">
        <v>35340</v>
      </c>
      <c r="BC11" s="274">
        <v>0</v>
      </c>
      <c r="BD11" s="277">
        <v>35340</v>
      </c>
      <c r="BE11" s="278">
        <v>35340</v>
      </c>
      <c r="BF11" s="273">
        <v>0</v>
      </c>
      <c r="BG11" s="274">
        <v>0</v>
      </c>
      <c r="BH11" s="275">
        <v>0</v>
      </c>
      <c r="BI11" s="279"/>
      <c r="BJ11" s="274">
        <v>0</v>
      </c>
      <c r="BK11" s="274">
        <v>0</v>
      </c>
      <c r="BL11" s="274">
        <v>0</v>
      </c>
      <c r="BM11" s="274">
        <v>0</v>
      </c>
      <c r="BN11" s="274">
        <v>0</v>
      </c>
      <c r="BO11" s="277">
        <v>0</v>
      </c>
      <c r="BP11" s="278">
        <v>0</v>
      </c>
      <c r="BQ11" s="273">
        <v>435</v>
      </c>
      <c r="BR11" s="274">
        <v>1125</v>
      </c>
      <c r="BS11" s="275">
        <v>1560</v>
      </c>
      <c r="BT11" s="276">
        <v>0</v>
      </c>
      <c r="BU11" s="274">
        <v>212906</v>
      </c>
      <c r="BV11" s="274">
        <v>185656</v>
      </c>
      <c r="BW11" s="274">
        <v>487911</v>
      </c>
      <c r="BX11" s="274">
        <v>334263</v>
      </c>
      <c r="BY11" s="274">
        <v>82765</v>
      </c>
      <c r="BZ11" s="277">
        <v>1303501</v>
      </c>
      <c r="CA11" s="278">
        <v>1305061</v>
      </c>
      <c r="CB11" s="273">
        <v>0</v>
      </c>
      <c r="CC11" s="274">
        <v>0</v>
      </c>
      <c r="CD11" s="275">
        <v>0</v>
      </c>
      <c r="CE11" s="276">
        <v>0</v>
      </c>
      <c r="CF11" s="274">
        <v>1160</v>
      </c>
      <c r="CG11" s="274">
        <v>13275</v>
      </c>
      <c r="CH11" s="274">
        <v>18325</v>
      </c>
      <c r="CI11" s="274">
        <v>3060</v>
      </c>
      <c r="CJ11" s="274">
        <v>35714</v>
      </c>
      <c r="CK11" s="277">
        <v>71534</v>
      </c>
      <c r="CL11" s="278">
        <v>71534</v>
      </c>
      <c r="CM11" s="273">
        <v>0</v>
      </c>
      <c r="CN11" s="274">
        <v>0</v>
      </c>
      <c r="CO11" s="275">
        <v>0</v>
      </c>
      <c r="CP11" s="276">
        <v>0</v>
      </c>
      <c r="CQ11" s="274">
        <v>0</v>
      </c>
      <c r="CR11" s="274">
        <v>0</v>
      </c>
      <c r="CS11" s="274">
        <v>0</v>
      </c>
      <c r="CT11" s="274">
        <v>0</v>
      </c>
      <c r="CU11" s="274">
        <v>0</v>
      </c>
      <c r="CV11" s="277">
        <v>0</v>
      </c>
      <c r="CW11" s="278">
        <v>0</v>
      </c>
      <c r="CX11" s="273">
        <v>0</v>
      </c>
      <c r="CY11" s="274">
        <v>0</v>
      </c>
      <c r="CZ11" s="275">
        <v>0</v>
      </c>
      <c r="DA11" s="279"/>
      <c r="DB11" s="274">
        <v>0</v>
      </c>
      <c r="DC11" s="274">
        <v>0</v>
      </c>
      <c r="DD11" s="274">
        <v>0</v>
      </c>
      <c r="DE11" s="274">
        <v>0</v>
      </c>
      <c r="DF11" s="274">
        <v>0</v>
      </c>
      <c r="DG11" s="277">
        <v>0</v>
      </c>
      <c r="DH11" s="278">
        <v>0</v>
      </c>
      <c r="DI11" s="273">
        <v>3480</v>
      </c>
      <c r="DJ11" s="274">
        <v>4914</v>
      </c>
      <c r="DK11" s="275">
        <v>8394</v>
      </c>
      <c r="DL11" s="276">
        <v>0</v>
      </c>
      <c r="DM11" s="274">
        <v>629557</v>
      </c>
      <c r="DN11" s="274">
        <v>1094424</v>
      </c>
      <c r="DO11" s="274">
        <v>7245862</v>
      </c>
      <c r="DP11" s="274">
        <v>9161379</v>
      </c>
      <c r="DQ11" s="274">
        <v>4704207</v>
      </c>
      <c r="DR11" s="277">
        <v>22835429</v>
      </c>
      <c r="DS11" s="280">
        <v>22843823</v>
      </c>
      <c r="DT11" s="273">
        <v>0</v>
      </c>
      <c r="DU11" s="274">
        <v>0</v>
      </c>
      <c r="DV11" s="275">
        <v>0</v>
      </c>
      <c r="DW11" s="279"/>
      <c r="DX11" s="274">
        <v>191456</v>
      </c>
      <c r="DY11" s="274">
        <v>560046</v>
      </c>
      <c r="DZ11" s="274">
        <v>6304610</v>
      </c>
      <c r="EA11" s="274">
        <v>8353151</v>
      </c>
      <c r="EB11" s="274">
        <v>4510365</v>
      </c>
      <c r="EC11" s="277">
        <v>19919628</v>
      </c>
      <c r="ED11" s="278">
        <v>19919628</v>
      </c>
      <c r="EE11" s="273">
        <v>0</v>
      </c>
      <c r="EF11" s="274">
        <v>0</v>
      </c>
      <c r="EG11" s="275">
        <v>0</v>
      </c>
      <c r="EH11" s="279"/>
      <c r="EI11" s="274">
        <v>135638</v>
      </c>
      <c r="EJ11" s="274">
        <v>184049</v>
      </c>
      <c r="EK11" s="274">
        <v>228223</v>
      </c>
      <c r="EL11" s="274">
        <v>333551</v>
      </c>
      <c r="EM11" s="274">
        <v>57147</v>
      </c>
      <c r="EN11" s="277">
        <v>938608</v>
      </c>
      <c r="EO11" s="278">
        <v>938608</v>
      </c>
      <c r="EP11" s="273">
        <v>0</v>
      </c>
      <c r="EQ11" s="274">
        <v>0</v>
      </c>
      <c r="ER11" s="275">
        <v>0</v>
      </c>
      <c r="ES11" s="279"/>
      <c r="ET11" s="274">
        <v>0</v>
      </c>
      <c r="EU11" s="274">
        <v>0</v>
      </c>
      <c r="EV11" s="274">
        <v>0</v>
      </c>
      <c r="EW11" s="274">
        <v>0</v>
      </c>
      <c r="EX11" s="274">
        <v>217</v>
      </c>
      <c r="EY11" s="277">
        <v>217</v>
      </c>
      <c r="EZ11" s="278">
        <v>217</v>
      </c>
      <c r="FA11" s="273">
        <v>0</v>
      </c>
      <c r="FB11" s="274">
        <v>0</v>
      </c>
      <c r="FC11" s="275">
        <v>0</v>
      </c>
      <c r="FD11" s="279"/>
      <c r="FE11" s="274">
        <v>0</v>
      </c>
      <c r="FF11" s="274">
        <v>0</v>
      </c>
      <c r="FG11" s="274">
        <v>0</v>
      </c>
      <c r="FH11" s="274">
        <v>434</v>
      </c>
      <c r="FI11" s="274">
        <v>0</v>
      </c>
      <c r="FJ11" s="277">
        <v>434</v>
      </c>
      <c r="FK11" s="278">
        <v>434</v>
      </c>
      <c r="FL11" s="273">
        <v>0</v>
      </c>
      <c r="FM11" s="274">
        <v>0</v>
      </c>
      <c r="FN11" s="275">
        <v>0</v>
      </c>
      <c r="FO11" s="279"/>
      <c r="FP11" s="274">
        <v>0</v>
      </c>
      <c r="FQ11" s="274">
        <v>0</v>
      </c>
      <c r="FR11" s="274">
        <v>0</v>
      </c>
      <c r="FS11" s="274">
        <v>0</v>
      </c>
      <c r="FT11" s="274">
        <v>0</v>
      </c>
      <c r="FU11" s="277">
        <v>0</v>
      </c>
      <c r="FV11" s="278">
        <v>0</v>
      </c>
      <c r="FW11" s="273">
        <v>3480</v>
      </c>
      <c r="FX11" s="274">
        <v>4914</v>
      </c>
      <c r="FY11" s="275">
        <v>8394</v>
      </c>
      <c r="FZ11" s="276">
        <v>0</v>
      </c>
      <c r="GA11" s="274">
        <v>302393</v>
      </c>
      <c r="GB11" s="274">
        <v>350091</v>
      </c>
      <c r="GC11" s="274">
        <v>711780</v>
      </c>
      <c r="GD11" s="274">
        <v>474075</v>
      </c>
      <c r="GE11" s="274">
        <v>136121</v>
      </c>
      <c r="GF11" s="277">
        <v>1974460</v>
      </c>
      <c r="GG11" s="278">
        <v>1982854</v>
      </c>
      <c r="GH11" s="273">
        <v>0</v>
      </c>
      <c r="GI11" s="274">
        <v>0</v>
      </c>
      <c r="GJ11" s="275">
        <v>0</v>
      </c>
      <c r="GK11" s="276">
        <v>0</v>
      </c>
      <c r="GL11" s="274">
        <v>70</v>
      </c>
      <c r="GM11" s="274">
        <v>238</v>
      </c>
      <c r="GN11" s="274">
        <v>1249</v>
      </c>
      <c r="GO11" s="274">
        <v>168</v>
      </c>
      <c r="GP11" s="274">
        <v>357</v>
      </c>
      <c r="GQ11" s="277">
        <v>2082</v>
      </c>
      <c r="GR11" s="278">
        <v>2082</v>
      </c>
      <c r="GS11" s="273">
        <v>0</v>
      </c>
      <c r="GT11" s="274">
        <v>0</v>
      </c>
      <c r="GU11" s="275">
        <v>0</v>
      </c>
      <c r="GV11" s="276">
        <v>0</v>
      </c>
      <c r="GW11" s="274">
        <v>0</v>
      </c>
      <c r="GX11" s="274">
        <v>0</v>
      </c>
      <c r="GY11" s="274">
        <v>0</v>
      </c>
      <c r="GZ11" s="274">
        <v>0</v>
      </c>
      <c r="HA11" s="274">
        <v>0</v>
      </c>
      <c r="HB11" s="277">
        <v>0</v>
      </c>
      <c r="HC11" s="278">
        <v>0</v>
      </c>
      <c r="HD11" s="273">
        <v>0</v>
      </c>
      <c r="HE11" s="274">
        <v>0</v>
      </c>
      <c r="HF11" s="275">
        <v>0</v>
      </c>
      <c r="HG11" s="279"/>
      <c r="HH11" s="274">
        <v>0</v>
      </c>
      <c r="HI11" s="274">
        <v>0</v>
      </c>
      <c r="HJ11" s="274">
        <v>0</v>
      </c>
      <c r="HK11" s="274">
        <v>0</v>
      </c>
      <c r="HL11" s="274">
        <v>0</v>
      </c>
      <c r="HM11" s="277">
        <v>0</v>
      </c>
      <c r="HN11" s="278">
        <v>0</v>
      </c>
      <c r="HO11" s="273">
        <v>3915</v>
      </c>
      <c r="HP11" s="274">
        <v>6039</v>
      </c>
      <c r="HQ11" s="275">
        <v>9954</v>
      </c>
      <c r="HR11" s="276">
        <v>0</v>
      </c>
      <c r="HS11" s="274">
        <v>2287163</v>
      </c>
      <c r="HT11" s="274">
        <v>3154727</v>
      </c>
      <c r="HU11" s="274">
        <v>14451326</v>
      </c>
      <c r="HV11" s="274">
        <v>17966997</v>
      </c>
      <c r="HW11" s="274">
        <v>9107639</v>
      </c>
      <c r="HX11" s="277">
        <v>46967852</v>
      </c>
      <c r="HY11" s="278">
        <v>46977806</v>
      </c>
    </row>
    <row r="12" spans="2:233" ht="21" customHeight="1" x14ac:dyDescent="0.2">
      <c r="B12" s="472" t="s">
        <v>8</v>
      </c>
      <c r="C12" s="273">
        <v>0</v>
      </c>
      <c r="D12" s="274">
        <v>3480</v>
      </c>
      <c r="E12" s="275">
        <v>3480</v>
      </c>
      <c r="F12" s="276">
        <v>0</v>
      </c>
      <c r="G12" s="274">
        <v>606448</v>
      </c>
      <c r="H12" s="274">
        <v>1271602</v>
      </c>
      <c r="I12" s="274">
        <v>4930940</v>
      </c>
      <c r="J12" s="274">
        <v>4953244</v>
      </c>
      <c r="K12" s="274">
        <v>2740858</v>
      </c>
      <c r="L12" s="277">
        <v>14503092</v>
      </c>
      <c r="M12" s="278">
        <v>14506572</v>
      </c>
      <c r="N12" s="273">
        <v>0</v>
      </c>
      <c r="O12" s="274">
        <v>0</v>
      </c>
      <c r="P12" s="275">
        <v>0</v>
      </c>
      <c r="Q12" s="279"/>
      <c r="R12" s="274">
        <v>213630</v>
      </c>
      <c r="S12" s="274">
        <v>365155</v>
      </c>
      <c r="T12" s="274">
        <v>3372518</v>
      </c>
      <c r="U12" s="274">
        <v>3755275</v>
      </c>
      <c r="V12" s="274">
        <v>2082621</v>
      </c>
      <c r="W12" s="277">
        <v>9789199</v>
      </c>
      <c r="X12" s="278">
        <v>9789199</v>
      </c>
      <c r="Y12" s="273">
        <v>0</v>
      </c>
      <c r="Z12" s="274">
        <v>0</v>
      </c>
      <c r="AA12" s="275">
        <v>0</v>
      </c>
      <c r="AB12" s="279"/>
      <c r="AC12" s="274">
        <v>279390</v>
      </c>
      <c r="AD12" s="274">
        <v>755840</v>
      </c>
      <c r="AE12" s="274">
        <v>1026160</v>
      </c>
      <c r="AF12" s="274">
        <v>767870</v>
      </c>
      <c r="AG12" s="274">
        <v>388220</v>
      </c>
      <c r="AH12" s="277">
        <v>3217480</v>
      </c>
      <c r="AI12" s="278">
        <v>3217480</v>
      </c>
      <c r="AJ12" s="273">
        <v>0</v>
      </c>
      <c r="AK12" s="274">
        <v>0</v>
      </c>
      <c r="AL12" s="275">
        <v>0</v>
      </c>
      <c r="AM12" s="279"/>
      <c r="AN12" s="274">
        <v>0</v>
      </c>
      <c r="AO12" s="274">
        <v>0</v>
      </c>
      <c r="AP12" s="274">
        <v>0</v>
      </c>
      <c r="AQ12" s="274">
        <v>0</v>
      </c>
      <c r="AR12" s="274">
        <v>0</v>
      </c>
      <c r="AS12" s="277">
        <v>0</v>
      </c>
      <c r="AT12" s="278">
        <v>0</v>
      </c>
      <c r="AU12" s="273">
        <v>0</v>
      </c>
      <c r="AV12" s="274">
        <v>0</v>
      </c>
      <c r="AW12" s="275">
        <v>0</v>
      </c>
      <c r="AX12" s="279"/>
      <c r="AY12" s="274">
        <v>35495</v>
      </c>
      <c r="AZ12" s="274">
        <v>0</v>
      </c>
      <c r="BA12" s="274">
        <v>32705</v>
      </c>
      <c r="BB12" s="274">
        <v>2635</v>
      </c>
      <c r="BC12" s="274">
        <v>70835</v>
      </c>
      <c r="BD12" s="277">
        <v>141670</v>
      </c>
      <c r="BE12" s="278">
        <v>141670</v>
      </c>
      <c r="BF12" s="273">
        <v>0</v>
      </c>
      <c r="BG12" s="274">
        <v>0</v>
      </c>
      <c r="BH12" s="275">
        <v>0</v>
      </c>
      <c r="BI12" s="279"/>
      <c r="BJ12" s="274">
        <v>0</v>
      </c>
      <c r="BK12" s="274">
        <v>2635</v>
      </c>
      <c r="BL12" s="274">
        <v>44775</v>
      </c>
      <c r="BM12" s="274">
        <v>224405</v>
      </c>
      <c r="BN12" s="274">
        <v>58345</v>
      </c>
      <c r="BO12" s="277">
        <v>330160</v>
      </c>
      <c r="BP12" s="278">
        <v>330160</v>
      </c>
      <c r="BQ12" s="273">
        <v>0</v>
      </c>
      <c r="BR12" s="274">
        <v>3480</v>
      </c>
      <c r="BS12" s="275">
        <v>3480</v>
      </c>
      <c r="BT12" s="276">
        <v>0</v>
      </c>
      <c r="BU12" s="274">
        <v>77933</v>
      </c>
      <c r="BV12" s="274">
        <v>146902</v>
      </c>
      <c r="BW12" s="274">
        <v>439807</v>
      </c>
      <c r="BX12" s="274">
        <v>203059</v>
      </c>
      <c r="BY12" s="274">
        <v>137985</v>
      </c>
      <c r="BZ12" s="277">
        <v>1005686</v>
      </c>
      <c r="CA12" s="278">
        <v>1009166</v>
      </c>
      <c r="CB12" s="273">
        <v>0</v>
      </c>
      <c r="CC12" s="274">
        <v>0</v>
      </c>
      <c r="CD12" s="275">
        <v>0</v>
      </c>
      <c r="CE12" s="276">
        <v>0</v>
      </c>
      <c r="CF12" s="274">
        <v>0</v>
      </c>
      <c r="CG12" s="274">
        <v>1070</v>
      </c>
      <c r="CH12" s="274">
        <v>14975</v>
      </c>
      <c r="CI12" s="274">
        <v>0</v>
      </c>
      <c r="CJ12" s="274">
        <v>2852</v>
      </c>
      <c r="CK12" s="277">
        <v>18897</v>
      </c>
      <c r="CL12" s="278">
        <v>18897</v>
      </c>
      <c r="CM12" s="273">
        <v>0</v>
      </c>
      <c r="CN12" s="274">
        <v>0</v>
      </c>
      <c r="CO12" s="275">
        <v>0</v>
      </c>
      <c r="CP12" s="276">
        <v>0</v>
      </c>
      <c r="CQ12" s="274">
        <v>0</v>
      </c>
      <c r="CR12" s="274">
        <v>0</v>
      </c>
      <c r="CS12" s="274">
        <v>0</v>
      </c>
      <c r="CT12" s="274">
        <v>0</v>
      </c>
      <c r="CU12" s="274">
        <v>0</v>
      </c>
      <c r="CV12" s="277">
        <v>0</v>
      </c>
      <c r="CW12" s="278">
        <v>0</v>
      </c>
      <c r="CX12" s="273">
        <v>0</v>
      </c>
      <c r="CY12" s="274">
        <v>0</v>
      </c>
      <c r="CZ12" s="275">
        <v>0</v>
      </c>
      <c r="DA12" s="279"/>
      <c r="DB12" s="274">
        <v>0</v>
      </c>
      <c r="DC12" s="274">
        <v>0</v>
      </c>
      <c r="DD12" s="274">
        <v>0</v>
      </c>
      <c r="DE12" s="274">
        <v>0</v>
      </c>
      <c r="DF12" s="274">
        <v>0</v>
      </c>
      <c r="DG12" s="277">
        <v>0</v>
      </c>
      <c r="DH12" s="278">
        <v>0</v>
      </c>
      <c r="DI12" s="273">
        <v>0</v>
      </c>
      <c r="DJ12" s="274">
        <v>11624</v>
      </c>
      <c r="DK12" s="275">
        <v>11624</v>
      </c>
      <c r="DL12" s="276">
        <v>0</v>
      </c>
      <c r="DM12" s="274">
        <v>470895</v>
      </c>
      <c r="DN12" s="274">
        <v>1116868</v>
      </c>
      <c r="DO12" s="274">
        <v>6090110</v>
      </c>
      <c r="DP12" s="274">
        <v>5794489</v>
      </c>
      <c r="DQ12" s="274">
        <v>3234977</v>
      </c>
      <c r="DR12" s="277">
        <v>16707339</v>
      </c>
      <c r="DS12" s="280">
        <v>16718963</v>
      </c>
      <c r="DT12" s="273">
        <v>0</v>
      </c>
      <c r="DU12" s="274">
        <v>0</v>
      </c>
      <c r="DV12" s="275">
        <v>0</v>
      </c>
      <c r="DW12" s="279"/>
      <c r="DX12" s="274">
        <v>292384</v>
      </c>
      <c r="DY12" s="274">
        <v>766796</v>
      </c>
      <c r="DZ12" s="274">
        <v>4888528</v>
      </c>
      <c r="EA12" s="274">
        <v>4937642</v>
      </c>
      <c r="EB12" s="274">
        <v>2854310</v>
      </c>
      <c r="EC12" s="277">
        <v>13739660</v>
      </c>
      <c r="ED12" s="278">
        <v>13739660</v>
      </c>
      <c r="EE12" s="273">
        <v>0</v>
      </c>
      <c r="EF12" s="274">
        <v>0</v>
      </c>
      <c r="EG12" s="275">
        <v>0</v>
      </c>
      <c r="EH12" s="279"/>
      <c r="EI12" s="274">
        <v>46986</v>
      </c>
      <c r="EJ12" s="274">
        <v>77005</v>
      </c>
      <c r="EK12" s="274">
        <v>127335</v>
      </c>
      <c r="EL12" s="274">
        <v>93786</v>
      </c>
      <c r="EM12" s="274">
        <v>27575</v>
      </c>
      <c r="EN12" s="277">
        <v>372687</v>
      </c>
      <c r="EO12" s="278">
        <v>372687</v>
      </c>
      <c r="EP12" s="273">
        <v>0</v>
      </c>
      <c r="EQ12" s="274">
        <v>0</v>
      </c>
      <c r="ER12" s="275">
        <v>0</v>
      </c>
      <c r="ES12" s="279"/>
      <c r="ET12" s="274">
        <v>0</v>
      </c>
      <c r="EU12" s="274">
        <v>0</v>
      </c>
      <c r="EV12" s="274">
        <v>0</v>
      </c>
      <c r="EW12" s="274">
        <v>0</v>
      </c>
      <c r="EX12" s="274">
        <v>0</v>
      </c>
      <c r="EY12" s="277">
        <v>0</v>
      </c>
      <c r="EZ12" s="278">
        <v>0</v>
      </c>
      <c r="FA12" s="273">
        <v>0</v>
      </c>
      <c r="FB12" s="274">
        <v>0</v>
      </c>
      <c r="FC12" s="275">
        <v>0</v>
      </c>
      <c r="FD12" s="279"/>
      <c r="FE12" s="274">
        <v>11687</v>
      </c>
      <c r="FF12" s="274">
        <v>0</v>
      </c>
      <c r="FG12" s="274">
        <v>217</v>
      </c>
      <c r="FH12" s="274">
        <v>217</v>
      </c>
      <c r="FI12" s="274">
        <v>12121</v>
      </c>
      <c r="FJ12" s="277">
        <v>24242</v>
      </c>
      <c r="FK12" s="278">
        <v>24242</v>
      </c>
      <c r="FL12" s="273">
        <v>0</v>
      </c>
      <c r="FM12" s="274">
        <v>0</v>
      </c>
      <c r="FN12" s="275">
        <v>0</v>
      </c>
      <c r="FO12" s="279"/>
      <c r="FP12" s="274">
        <v>0</v>
      </c>
      <c r="FQ12" s="274">
        <v>21576</v>
      </c>
      <c r="FR12" s="274">
        <v>139774</v>
      </c>
      <c r="FS12" s="274">
        <v>357624</v>
      </c>
      <c r="FT12" s="274">
        <v>133922</v>
      </c>
      <c r="FU12" s="277">
        <v>652896</v>
      </c>
      <c r="FV12" s="278">
        <v>652896</v>
      </c>
      <c r="FW12" s="273">
        <v>0</v>
      </c>
      <c r="FX12" s="274">
        <v>11624</v>
      </c>
      <c r="FY12" s="275">
        <v>11624</v>
      </c>
      <c r="FZ12" s="276">
        <v>0</v>
      </c>
      <c r="GA12" s="274">
        <v>119838</v>
      </c>
      <c r="GB12" s="274">
        <v>251470</v>
      </c>
      <c r="GC12" s="274">
        <v>922110</v>
      </c>
      <c r="GD12" s="274">
        <v>405220</v>
      </c>
      <c r="GE12" s="274">
        <v>205384</v>
      </c>
      <c r="GF12" s="277">
        <v>1904022</v>
      </c>
      <c r="GG12" s="278">
        <v>1915646</v>
      </c>
      <c r="GH12" s="273">
        <v>0</v>
      </c>
      <c r="GI12" s="274">
        <v>0</v>
      </c>
      <c r="GJ12" s="275">
        <v>0</v>
      </c>
      <c r="GK12" s="276">
        <v>0</v>
      </c>
      <c r="GL12" s="274">
        <v>0</v>
      </c>
      <c r="GM12" s="274">
        <v>21</v>
      </c>
      <c r="GN12" s="274">
        <v>12146</v>
      </c>
      <c r="GO12" s="274">
        <v>0</v>
      </c>
      <c r="GP12" s="274">
        <v>1665</v>
      </c>
      <c r="GQ12" s="277">
        <v>13832</v>
      </c>
      <c r="GR12" s="278">
        <v>13832</v>
      </c>
      <c r="GS12" s="273">
        <v>0</v>
      </c>
      <c r="GT12" s="274">
        <v>0</v>
      </c>
      <c r="GU12" s="275">
        <v>0</v>
      </c>
      <c r="GV12" s="276">
        <v>0</v>
      </c>
      <c r="GW12" s="274">
        <v>0</v>
      </c>
      <c r="GX12" s="274">
        <v>0</v>
      </c>
      <c r="GY12" s="274">
        <v>0</v>
      </c>
      <c r="GZ12" s="274">
        <v>0</v>
      </c>
      <c r="HA12" s="274">
        <v>0</v>
      </c>
      <c r="HB12" s="277">
        <v>0</v>
      </c>
      <c r="HC12" s="278">
        <v>0</v>
      </c>
      <c r="HD12" s="273">
        <v>0</v>
      </c>
      <c r="HE12" s="274">
        <v>0</v>
      </c>
      <c r="HF12" s="275">
        <v>0</v>
      </c>
      <c r="HG12" s="279"/>
      <c r="HH12" s="274">
        <v>0</v>
      </c>
      <c r="HI12" s="274">
        <v>0</v>
      </c>
      <c r="HJ12" s="274">
        <v>0</v>
      </c>
      <c r="HK12" s="274">
        <v>0</v>
      </c>
      <c r="HL12" s="274">
        <v>0</v>
      </c>
      <c r="HM12" s="277">
        <v>0</v>
      </c>
      <c r="HN12" s="278">
        <v>0</v>
      </c>
      <c r="HO12" s="273">
        <v>0</v>
      </c>
      <c r="HP12" s="274">
        <v>15104</v>
      </c>
      <c r="HQ12" s="275">
        <v>15104</v>
      </c>
      <c r="HR12" s="276">
        <v>0</v>
      </c>
      <c r="HS12" s="274">
        <v>1077343</v>
      </c>
      <c r="HT12" s="274">
        <v>2388470</v>
      </c>
      <c r="HU12" s="274">
        <v>11021050</v>
      </c>
      <c r="HV12" s="274">
        <v>10747733</v>
      </c>
      <c r="HW12" s="274">
        <v>5975835</v>
      </c>
      <c r="HX12" s="277">
        <v>31210431</v>
      </c>
      <c r="HY12" s="278">
        <v>31225535</v>
      </c>
    </row>
    <row r="13" spans="2:233" ht="21" customHeight="1" x14ac:dyDescent="0.2">
      <c r="B13" s="472" t="s">
        <v>9</v>
      </c>
      <c r="C13" s="273">
        <v>0</v>
      </c>
      <c r="D13" s="274">
        <v>2095</v>
      </c>
      <c r="E13" s="275">
        <v>2095</v>
      </c>
      <c r="F13" s="276">
        <v>0</v>
      </c>
      <c r="G13" s="274">
        <v>209258</v>
      </c>
      <c r="H13" s="274">
        <v>315586</v>
      </c>
      <c r="I13" s="274">
        <v>2107939</v>
      </c>
      <c r="J13" s="274">
        <v>2204586</v>
      </c>
      <c r="K13" s="274">
        <v>1876242</v>
      </c>
      <c r="L13" s="277">
        <v>6713611</v>
      </c>
      <c r="M13" s="278">
        <v>6715706</v>
      </c>
      <c r="N13" s="273">
        <v>0</v>
      </c>
      <c r="O13" s="274">
        <v>0</v>
      </c>
      <c r="P13" s="275">
        <v>0</v>
      </c>
      <c r="Q13" s="279"/>
      <c r="R13" s="274">
        <v>62535</v>
      </c>
      <c r="S13" s="274">
        <v>35340</v>
      </c>
      <c r="T13" s="274">
        <v>1432962</v>
      </c>
      <c r="U13" s="274">
        <v>1662694</v>
      </c>
      <c r="V13" s="274">
        <v>1485683</v>
      </c>
      <c r="W13" s="277">
        <v>4679214</v>
      </c>
      <c r="X13" s="278">
        <v>4679214</v>
      </c>
      <c r="Y13" s="273">
        <v>0</v>
      </c>
      <c r="Z13" s="274">
        <v>0</v>
      </c>
      <c r="AA13" s="275">
        <v>0</v>
      </c>
      <c r="AB13" s="279"/>
      <c r="AC13" s="274">
        <v>112864</v>
      </c>
      <c r="AD13" s="274">
        <v>208005</v>
      </c>
      <c r="AE13" s="274">
        <v>415615</v>
      </c>
      <c r="AF13" s="274">
        <v>482610</v>
      </c>
      <c r="AG13" s="274">
        <v>272715</v>
      </c>
      <c r="AH13" s="277">
        <v>1491809</v>
      </c>
      <c r="AI13" s="278">
        <v>1491809</v>
      </c>
      <c r="AJ13" s="273">
        <v>0</v>
      </c>
      <c r="AK13" s="274">
        <v>0</v>
      </c>
      <c r="AL13" s="275">
        <v>0</v>
      </c>
      <c r="AM13" s="279"/>
      <c r="AN13" s="274">
        <v>0</v>
      </c>
      <c r="AO13" s="274">
        <v>0</v>
      </c>
      <c r="AP13" s="274">
        <v>0</v>
      </c>
      <c r="AQ13" s="274">
        <v>0</v>
      </c>
      <c r="AR13" s="274">
        <v>0</v>
      </c>
      <c r="AS13" s="277">
        <v>0</v>
      </c>
      <c r="AT13" s="278">
        <v>0</v>
      </c>
      <c r="AU13" s="273">
        <v>0</v>
      </c>
      <c r="AV13" s="274">
        <v>0</v>
      </c>
      <c r="AW13" s="275">
        <v>0</v>
      </c>
      <c r="AX13" s="279"/>
      <c r="AY13" s="274">
        <v>0</v>
      </c>
      <c r="AZ13" s="274">
        <v>0</v>
      </c>
      <c r="BA13" s="274">
        <v>0</v>
      </c>
      <c r="BB13" s="274">
        <v>0</v>
      </c>
      <c r="BC13" s="274">
        <v>40610</v>
      </c>
      <c r="BD13" s="277">
        <v>40610</v>
      </c>
      <c r="BE13" s="278">
        <v>40610</v>
      </c>
      <c r="BF13" s="273">
        <v>0</v>
      </c>
      <c r="BG13" s="274">
        <v>0</v>
      </c>
      <c r="BH13" s="275">
        <v>0</v>
      </c>
      <c r="BI13" s="279"/>
      <c r="BJ13" s="274">
        <v>0</v>
      </c>
      <c r="BK13" s="274">
        <v>0</v>
      </c>
      <c r="BL13" s="274">
        <v>0</v>
      </c>
      <c r="BM13" s="274">
        <v>24645</v>
      </c>
      <c r="BN13" s="274">
        <v>0</v>
      </c>
      <c r="BO13" s="277">
        <v>24645</v>
      </c>
      <c r="BP13" s="278">
        <v>24645</v>
      </c>
      <c r="BQ13" s="273">
        <v>0</v>
      </c>
      <c r="BR13" s="274">
        <v>2095</v>
      </c>
      <c r="BS13" s="275">
        <v>2095</v>
      </c>
      <c r="BT13" s="276">
        <v>0</v>
      </c>
      <c r="BU13" s="274">
        <v>33859</v>
      </c>
      <c r="BV13" s="274">
        <v>72046</v>
      </c>
      <c r="BW13" s="274">
        <v>253949</v>
      </c>
      <c r="BX13" s="274">
        <v>31574</v>
      </c>
      <c r="BY13" s="274">
        <v>76919</v>
      </c>
      <c r="BZ13" s="277">
        <v>468347</v>
      </c>
      <c r="CA13" s="278">
        <v>470442</v>
      </c>
      <c r="CB13" s="273">
        <v>0</v>
      </c>
      <c r="CC13" s="274">
        <v>0</v>
      </c>
      <c r="CD13" s="275">
        <v>0</v>
      </c>
      <c r="CE13" s="276">
        <v>0</v>
      </c>
      <c r="CF13" s="274">
        <v>0</v>
      </c>
      <c r="CG13" s="274">
        <v>195</v>
      </c>
      <c r="CH13" s="274">
        <v>5413</v>
      </c>
      <c r="CI13" s="274">
        <v>3063</v>
      </c>
      <c r="CJ13" s="274">
        <v>315</v>
      </c>
      <c r="CK13" s="277">
        <v>8986</v>
      </c>
      <c r="CL13" s="278">
        <v>8986</v>
      </c>
      <c r="CM13" s="273">
        <v>0</v>
      </c>
      <c r="CN13" s="274">
        <v>0</v>
      </c>
      <c r="CO13" s="275">
        <v>0</v>
      </c>
      <c r="CP13" s="276">
        <v>0</v>
      </c>
      <c r="CQ13" s="274">
        <v>0</v>
      </c>
      <c r="CR13" s="274">
        <v>0</v>
      </c>
      <c r="CS13" s="274">
        <v>0</v>
      </c>
      <c r="CT13" s="274">
        <v>0</v>
      </c>
      <c r="CU13" s="274">
        <v>0</v>
      </c>
      <c r="CV13" s="277">
        <v>0</v>
      </c>
      <c r="CW13" s="278">
        <v>0</v>
      </c>
      <c r="CX13" s="273">
        <v>0</v>
      </c>
      <c r="CY13" s="274">
        <v>0</v>
      </c>
      <c r="CZ13" s="275">
        <v>0</v>
      </c>
      <c r="DA13" s="279"/>
      <c r="DB13" s="274">
        <v>0</v>
      </c>
      <c r="DC13" s="274">
        <v>0</v>
      </c>
      <c r="DD13" s="274">
        <v>0</v>
      </c>
      <c r="DE13" s="274">
        <v>0</v>
      </c>
      <c r="DF13" s="274">
        <v>0</v>
      </c>
      <c r="DG13" s="277">
        <v>0</v>
      </c>
      <c r="DH13" s="278">
        <v>0</v>
      </c>
      <c r="DI13" s="273">
        <v>0</v>
      </c>
      <c r="DJ13" s="274">
        <v>4254</v>
      </c>
      <c r="DK13" s="275">
        <v>4254</v>
      </c>
      <c r="DL13" s="276">
        <v>0</v>
      </c>
      <c r="DM13" s="274">
        <v>174695</v>
      </c>
      <c r="DN13" s="274">
        <v>259693</v>
      </c>
      <c r="DO13" s="274">
        <v>2414093</v>
      </c>
      <c r="DP13" s="274">
        <v>2486751</v>
      </c>
      <c r="DQ13" s="274">
        <v>2194584</v>
      </c>
      <c r="DR13" s="277">
        <v>7529816</v>
      </c>
      <c r="DS13" s="280">
        <v>7534070</v>
      </c>
      <c r="DT13" s="273">
        <v>0</v>
      </c>
      <c r="DU13" s="274">
        <v>0</v>
      </c>
      <c r="DV13" s="275">
        <v>0</v>
      </c>
      <c r="DW13" s="279"/>
      <c r="DX13" s="274">
        <v>101494</v>
      </c>
      <c r="DY13" s="274">
        <v>58342</v>
      </c>
      <c r="DZ13" s="274">
        <v>1975968</v>
      </c>
      <c r="EA13" s="274">
        <v>2345384</v>
      </c>
      <c r="EB13" s="274">
        <v>1991727</v>
      </c>
      <c r="EC13" s="277">
        <v>6472915</v>
      </c>
      <c r="ED13" s="278">
        <v>6472915</v>
      </c>
      <c r="EE13" s="273">
        <v>0</v>
      </c>
      <c r="EF13" s="274">
        <v>0</v>
      </c>
      <c r="EG13" s="275">
        <v>0</v>
      </c>
      <c r="EH13" s="279"/>
      <c r="EI13" s="274">
        <v>18957</v>
      </c>
      <c r="EJ13" s="274">
        <v>63272</v>
      </c>
      <c r="EK13" s="274">
        <v>90813</v>
      </c>
      <c r="EL13" s="274">
        <v>33912</v>
      </c>
      <c r="EM13" s="274">
        <v>59148</v>
      </c>
      <c r="EN13" s="277">
        <v>266102</v>
      </c>
      <c r="EO13" s="278">
        <v>266102</v>
      </c>
      <c r="EP13" s="273">
        <v>0</v>
      </c>
      <c r="EQ13" s="274">
        <v>0</v>
      </c>
      <c r="ER13" s="275">
        <v>0</v>
      </c>
      <c r="ES13" s="279"/>
      <c r="ET13" s="274">
        <v>0</v>
      </c>
      <c r="EU13" s="274">
        <v>0</v>
      </c>
      <c r="EV13" s="274">
        <v>0</v>
      </c>
      <c r="EW13" s="274">
        <v>0</v>
      </c>
      <c r="EX13" s="274">
        <v>0</v>
      </c>
      <c r="EY13" s="277">
        <v>0</v>
      </c>
      <c r="EZ13" s="278">
        <v>0</v>
      </c>
      <c r="FA13" s="273">
        <v>0</v>
      </c>
      <c r="FB13" s="274">
        <v>0</v>
      </c>
      <c r="FC13" s="275">
        <v>0</v>
      </c>
      <c r="FD13" s="279"/>
      <c r="FE13" s="274">
        <v>0</v>
      </c>
      <c r="FF13" s="274">
        <v>0</v>
      </c>
      <c r="FG13" s="274">
        <v>0</v>
      </c>
      <c r="FH13" s="274">
        <v>0</v>
      </c>
      <c r="FI13" s="274">
        <v>868</v>
      </c>
      <c r="FJ13" s="277">
        <v>868</v>
      </c>
      <c r="FK13" s="278">
        <v>868</v>
      </c>
      <c r="FL13" s="273">
        <v>0</v>
      </c>
      <c r="FM13" s="274">
        <v>0</v>
      </c>
      <c r="FN13" s="275">
        <v>0</v>
      </c>
      <c r="FO13" s="279"/>
      <c r="FP13" s="274">
        <v>0</v>
      </c>
      <c r="FQ13" s="274">
        <v>0</v>
      </c>
      <c r="FR13" s="274">
        <v>0</v>
      </c>
      <c r="FS13" s="274">
        <v>21576</v>
      </c>
      <c r="FT13" s="274">
        <v>0</v>
      </c>
      <c r="FU13" s="277">
        <v>21576</v>
      </c>
      <c r="FV13" s="278">
        <v>21576</v>
      </c>
      <c r="FW13" s="273">
        <v>0</v>
      </c>
      <c r="FX13" s="274">
        <v>4254</v>
      </c>
      <c r="FY13" s="275">
        <v>4254</v>
      </c>
      <c r="FZ13" s="276">
        <v>0</v>
      </c>
      <c r="GA13" s="274">
        <v>54244</v>
      </c>
      <c r="GB13" s="274">
        <v>138058</v>
      </c>
      <c r="GC13" s="274">
        <v>337955</v>
      </c>
      <c r="GD13" s="274">
        <v>85725</v>
      </c>
      <c r="GE13" s="274">
        <v>142813</v>
      </c>
      <c r="GF13" s="277">
        <v>758795</v>
      </c>
      <c r="GG13" s="278">
        <v>763049</v>
      </c>
      <c r="GH13" s="273">
        <v>0</v>
      </c>
      <c r="GI13" s="274">
        <v>0</v>
      </c>
      <c r="GJ13" s="275">
        <v>0</v>
      </c>
      <c r="GK13" s="276">
        <v>0</v>
      </c>
      <c r="GL13" s="274">
        <v>0</v>
      </c>
      <c r="GM13" s="274">
        <v>21</v>
      </c>
      <c r="GN13" s="274">
        <v>9357</v>
      </c>
      <c r="GO13" s="274">
        <v>154</v>
      </c>
      <c r="GP13" s="274">
        <v>28</v>
      </c>
      <c r="GQ13" s="277">
        <v>9560</v>
      </c>
      <c r="GR13" s="278">
        <v>9560</v>
      </c>
      <c r="GS13" s="273">
        <v>0</v>
      </c>
      <c r="GT13" s="274">
        <v>0</v>
      </c>
      <c r="GU13" s="275">
        <v>0</v>
      </c>
      <c r="GV13" s="276">
        <v>0</v>
      </c>
      <c r="GW13" s="274">
        <v>0</v>
      </c>
      <c r="GX13" s="274">
        <v>0</v>
      </c>
      <c r="GY13" s="274">
        <v>0</v>
      </c>
      <c r="GZ13" s="274">
        <v>0</v>
      </c>
      <c r="HA13" s="274">
        <v>0</v>
      </c>
      <c r="HB13" s="277">
        <v>0</v>
      </c>
      <c r="HC13" s="278">
        <v>0</v>
      </c>
      <c r="HD13" s="273">
        <v>0</v>
      </c>
      <c r="HE13" s="274">
        <v>0</v>
      </c>
      <c r="HF13" s="275">
        <v>0</v>
      </c>
      <c r="HG13" s="279"/>
      <c r="HH13" s="274">
        <v>0</v>
      </c>
      <c r="HI13" s="274">
        <v>0</v>
      </c>
      <c r="HJ13" s="274">
        <v>0</v>
      </c>
      <c r="HK13" s="274">
        <v>0</v>
      </c>
      <c r="HL13" s="274">
        <v>0</v>
      </c>
      <c r="HM13" s="277">
        <v>0</v>
      </c>
      <c r="HN13" s="278">
        <v>0</v>
      </c>
      <c r="HO13" s="273">
        <v>0</v>
      </c>
      <c r="HP13" s="274">
        <v>6349</v>
      </c>
      <c r="HQ13" s="275">
        <v>6349</v>
      </c>
      <c r="HR13" s="276">
        <v>0</v>
      </c>
      <c r="HS13" s="274">
        <v>383953</v>
      </c>
      <c r="HT13" s="274">
        <v>575279</v>
      </c>
      <c r="HU13" s="274">
        <v>4522032</v>
      </c>
      <c r="HV13" s="274">
        <v>4691337</v>
      </c>
      <c r="HW13" s="274">
        <v>4070826</v>
      </c>
      <c r="HX13" s="277">
        <v>14243427</v>
      </c>
      <c r="HY13" s="278">
        <v>14249776</v>
      </c>
    </row>
    <row r="14" spans="2:233" ht="21" customHeight="1" x14ac:dyDescent="0.2">
      <c r="B14" s="472" t="s">
        <v>10</v>
      </c>
      <c r="C14" s="273">
        <v>0</v>
      </c>
      <c r="D14" s="274">
        <v>17590</v>
      </c>
      <c r="E14" s="275">
        <v>17590</v>
      </c>
      <c r="F14" s="276">
        <v>0</v>
      </c>
      <c r="G14" s="274">
        <v>602239</v>
      </c>
      <c r="H14" s="274">
        <v>1000740</v>
      </c>
      <c r="I14" s="274">
        <v>3088941</v>
      </c>
      <c r="J14" s="274">
        <v>4250948</v>
      </c>
      <c r="K14" s="274">
        <v>3726587</v>
      </c>
      <c r="L14" s="277">
        <v>12669455</v>
      </c>
      <c r="M14" s="278">
        <v>12687045</v>
      </c>
      <c r="N14" s="273">
        <v>0</v>
      </c>
      <c r="O14" s="274">
        <v>0</v>
      </c>
      <c r="P14" s="275">
        <v>0</v>
      </c>
      <c r="Q14" s="279"/>
      <c r="R14" s="274">
        <v>46035</v>
      </c>
      <c r="S14" s="274">
        <v>268710</v>
      </c>
      <c r="T14" s="274">
        <v>1929110</v>
      </c>
      <c r="U14" s="274">
        <v>2995983</v>
      </c>
      <c r="V14" s="274">
        <v>2901645</v>
      </c>
      <c r="W14" s="277">
        <v>8141483</v>
      </c>
      <c r="X14" s="278">
        <v>8141483</v>
      </c>
      <c r="Y14" s="273">
        <v>0</v>
      </c>
      <c r="Z14" s="274">
        <v>0</v>
      </c>
      <c r="AA14" s="275">
        <v>0</v>
      </c>
      <c r="AB14" s="279"/>
      <c r="AC14" s="274">
        <v>428555</v>
      </c>
      <c r="AD14" s="274">
        <v>525155</v>
      </c>
      <c r="AE14" s="274">
        <v>1017020</v>
      </c>
      <c r="AF14" s="274">
        <v>825720</v>
      </c>
      <c r="AG14" s="274">
        <v>461810</v>
      </c>
      <c r="AH14" s="277">
        <v>3258260</v>
      </c>
      <c r="AI14" s="278">
        <v>3258260</v>
      </c>
      <c r="AJ14" s="273">
        <v>0</v>
      </c>
      <c r="AK14" s="274">
        <v>0</v>
      </c>
      <c r="AL14" s="275">
        <v>0</v>
      </c>
      <c r="AM14" s="279"/>
      <c r="AN14" s="274">
        <v>0</v>
      </c>
      <c r="AO14" s="274">
        <v>0</v>
      </c>
      <c r="AP14" s="274">
        <v>0</v>
      </c>
      <c r="AQ14" s="274">
        <v>0</v>
      </c>
      <c r="AR14" s="274">
        <v>0</v>
      </c>
      <c r="AS14" s="277">
        <v>0</v>
      </c>
      <c r="AT14" s="278">
        <v>0</v>
      </c>
      <c r="AU14" s="273">
        <v>0</v>
      </c>
      <c r="AV14" s="274">
        <v>0</v>
      </c>
      <c r="AW14" s="275">
        <v>0</v>
      </c>
      <c r="AX14" s="279"/>
      <c r="AY14" s="274">
        <v>0</v>
      </c>
      <c r="AZ14" s="274">
        <v>0</v>
      </c>
      <c r="BA14" s="274">
        <v>0</v>
      </c>
      <c r="BB14" s="274">
        <v>57350</v>
      </c>
      <c r="BC14" s="274">
        <v>198555</v>
      </c>
      <c r="BD14" s="277">
        <v>255905</v>
      </c>
      <c r="BE14" s="278">
        <v>255905</v>
      </c>
      <c r="BF14" s="273">
        <v>0</v>
      </c>
      <c r="BG14" s="274">
        <v>0</v>
      </c>
      <c r="BH14" s="275">
        <v>0</v>
      </c>
      <c r="BI14" s="279"/>
      <c r="BJ14" s="274">
        <v>0</v>
      </c>
      <c r="BK14" s="274">
        <v>0</v>
      </c>
      <c r="BL14" s="274">
        <v>0</v>
      </c>
      <c r="BM14" s="274">
        <v>0</v>
      </c>
      <c r="BN14" s="274">
        <v>35340</v>
      </c>
      <c r="BO14" s="277">
        <v>35340</v>
      </c>
      <c r="BP14" s="278">
        <v>35340</v>
      </c>
      <c r="BQ14" s="273">
        <v>0</v>
      </c>
      <c r="BR14" s="274">
        <v>17590</v>
      </c>
      <c r="BS14" s="275">
        <v>17590</v>
      </c>
      <c r="BT14" s="276">
        <v>0</v>
      </c>
      <c r="BU14" s="274">
        <v>127649</v>
      </c>
      <c r="BV14" s="274">
        <v>206875</v>
      </c>
      <c r="BW14" s="274">
        <v>142811</v>
      </c>
      <c r="BX14" s="274">
        <v>371505</v>
      </c>
      <c r="BY14" s="274">
        <v>111632</v>
      </c>
      <c r="BZ14" s="277">
        <v>960472</v>
      </c>
      <c r="CA14" s="278">
        <v>978062</v>
      </c>
      <c r="CB14" s="273">
        <v>0</v>
      </c>
      <c r="CC14" s="274">
        <v>0</v>
      </c>
      <c r="CD14" s="275">
        <v>0</v>
      </c>
      <c r="CE14" s="276">
        <v>0</v>
      </c>
      <c r="CF14" s="274">
        <v>0</v>
      </c>
      <c r="CG14" s="274">
        <v>0</v>
      </c>
      <c r="CH14" s="274">
        <v>0</v>
      </c>
      <c r="CI14" s="274">
        <v>390</v>
      </c>
      <c r="CJ14" s="274">
        <v>17605</v>
      </c>
      <c r="CK14" s="277">
        <v>17995</v>
      </c>
      <c r="CL14" s="278">
        <v>17995</v>
      </c>
      <c r="CM14" s="273">
        <v>0</v>
      </c>
      <c r="CN14" s="274">
        <v>0</v>
      </c>
      <c r="CO14" s="275">
        <v>0</v>
      </c>
      <c r="CP14" s="276">
        <v>0</v>
      </c>
      <c r="CQ14" s="274">
        <v>0</v>
      </c>
      <c r="CR14" s="274">
        <v>0</v>
      </c>
      <c r="CS14" s="274">
        <v>0</v>
      </c>
      <c r="CT14" s="274">
        <v>0</v>
      </c>
      <c r="CU14" s="274">
        <v>0</v>
      </c>
      <c r="CV14" s="277">
        <v>0</v>
      </c>
      <c r="CW14" s="278">
        <v>0</v>
      </c>
      <c r="CX14" s="273">
        <v>0</v>
      </c>
      <c r="CY14" s="274">
        <v>0</v>
      </c>
      <c r="CZ14" s="275">
        <v>0</v>
      </c>
      <c r="DA14" s="279"/>
      <c r="DB14" s="274">
        <v>0</v>
      </c>
      <c r="DC14" s="274">
        <v>0</v>
      </c>
      <c r="DD14" s="274">
        <v>0</v>
      </c>
      <c r="DE14" s="274">
        <v>0</v>
      </c>
      <c r="DF14" s="274">
        <v>0</v>
      </c>
      <c r="DG14" s="277">
        <v>0</v>
      </c>
      <c r="DH14" s="278">
        <v>0</v>
      </c>
      <c r="DI14" s="273">
        <v>0</v>
      </c>
      <c r="DJ14" s="274">
        <v>19305</v>
      </c>
      <c r="DK14" s="275">
        <v>19305</v>
      </c>
      <c r="DL14" s="276">
        <v>0</v>
      </c>
      <c r="DM14" s="274">
        <v>402785</v>
      </c>
      <c r="DN14" s="274">
        <v>885431</v>
      </c>
      <c r="DO14" s="274">
        <v>3145640</v>
      </c>
      <c r="DP14" s="274">
        <v>4846019</v>
      </c>
      <c r="DQ14" s="274">
        <v>3861735</v>
      </c>
      <c r="DR14" s="277">
        <v>13141610</v>
      </c>
      <c r="DS14" s="280">
        <v>13160915</v>
      </c>
      <c r="DT14" s="273">
        <v>0</v>
      </c>
      <c r="DU14" s="274">
        <v>0</v>
      </c>
      <c r="DV14" s="275">
        <v>0</v>
      </c>
      <c r="DW14" s="279"/>
      <c r="DX14" s="274">
        <v>121954</v>
      </c>
      <c r="DY14" s="274">
        <v>437813</v>
      </c>
      <c r="DZ14" s="274">
        <v>2657147</v>
      </c>
      <c r="EA14" s="274">
        <v>4131511</v>
      </c>
      <c r="EB14" s="274">
        <v>3563308</v>
      </c>
      <c r="EC14" s="277">
        <v>10911733</v>
      </c>
      <c r="ED14" s="278">
        <v>10911733</v>
      </c>
      <c r="EE14" s="273">
        <v>0</v>
      </c>
      <c r="EF14" s="274">
        <v>0</v>
      </c>
      <c r="EG14" s="275">
        <v>0</v>
      </c>
      <c r="EH14" s="279"/>
      <c r="EI14" s="274">
        <v>102727</v>
      </c>
      <c r="EJ14" s="274">
        <v>66978</v>
      </c>
      <c r="EK14" s="274">
        <v>175529</v>
      </c>
      <c r="EL14" s="274">
        <v>142382</v>
      </c>
      <c r="EM14" s="274">
        <v>90764</v>
      </c>
      <c r="EN14" s="277">
        <v>578380</v>
      </c>
      <c r="EO14" s="278">
        <v>578380</v>
      </c>
      <c r="EP14" s="273">
        <v>0</v>
      </c>
      <c r="EQ14" s="274">
        <v>0</v>
      </c>
      <c r="ER14" s="275">
        <v>0</v>
      </c>
      <c r="ES14" s="279"/>
      <c r="ET14" s="274">
        <v>0</v>
      </c>
      <c r="EU14" s="274">
        <v>0</v>
      </c>
      <c r="EV14" s="274">
        <v>0</v>
      </c>
      <c r="EW14" s="274">
        <v>0</v>
      </c>
      <c r="EX14" s="274">
        <v>0</v>
      </c>
      <c r="EY14" s="277">
        <v>0</v>
      </c>
      <c r="EZ14" s="278">
        <v>0</v>
      </c>
      <c r="FA14" s="273">
        <v>0</v>
      </c>
      <c r="FB14" s="274">
        <v>0</v>
      </c>
      <c r="FC14" s="275">
        <v>0</v>
      </c>
      <c r="FD14" s="279"/>
      <c r="FE14" s="274">
        <v>0</v>
      </c>
      <c r="FF14" s="274">
        <v>0</v>
      </c>
      <c r="FG14" s="274">
        <v>0</v>
      </c>
      <c r="FH14" s="274">
        <v>434</v>
      </c>
      <c r="FI14" s="274">
        <v>2821</v>
      </c>
      <c r="FJ14" s="277">
        <v>3255</v>
      </c>
      <c r="FK14" s="278">
        <v>3255</v>
      </c>
      <c r="FL14" s="273">
        <v>0</v>
      </c>
      <c r="FM14" s="274">
        <v>0</v>
      </c>
      <c r="FN14" s="275">
        <v>0</v>
      </c>
      <c r="FO14" s="279"/>
      <c r="FP14" s="274">
        <v>0</v>
      </c>
      <c r="FQ14" s="274">
        <v>0</v>
      </c>
      <c r="FR14" s="274">
        <v>0</v>
      </c>
      <c r="FS14" s="274">
        <v>0</v>
      </c>
      <c r="FT14" s="274">
        <v>34162</v>
      </c>
      <c r="FU14" s="277">
        <v>34162</v>
      </c>
      <c r="FV14" s="278">
        <v>34162</v>
      </c>
      <c r="FW14" s="273">
        <v>0</v>
      </c>
      <c r="FX14" s="274">
        <v>19305</v>
      </c>
      <c r="FY14" s="275">
        <v>19305</v>
      </c>
      <c r="FZ14" s="276">
        <v>0</v>
      </c>
      <c r="GA14" s="274">
        <v>178104</v>
      </c>
      <c r="GB14" s="274">
        <v>380640</v>
      </c>
      <c r="GC14" s="274">
        <v>312964</v>
      </c>
      <c r="GD14" s="274">
        <v>571664</v>
      </c>
      <c r="GE14" s="274">
        <v>164620</v>
      </c>
      <c r="GF14" s="277">
        <v>1607992</v>
      </c>
      <c r="GG14" s="278">
        <v>1627297</v>
      </c>
      <c r="GH14" s="273">
        <v>0</v>
      </c>
      <c r="GI14" s="274">
        <v>0</v>
      </c>
      <c r="GJ14" s="275">
        <v>0</v>
      </c>
      <c r="GK14" s="276">
        <v>0</v>
      </c>
      <c r="GL14" s="274">
        <v>0</v>
      </c>
      <c r="GM14" s="274">
        <v>0</v>
      </c>
      <c r="GN14" s="274">
        <v>0</v>
      </c>
      <c r="GO14" s="274">
        <v>28</v>
      </c>
      <c r="GP14" s="274">
        <v>6060</v>
      </c>
      <c r="GQ14" s="277">
        <v>6088</v>
      </c>
      <c r="GR14" s="278">
        <v>6088</v>
      </c>
      <c r="GS14" s="273">
        <v>0</v>
      </c>
      <c r="GT14" s="274">
        <v>0</v>
      </c>
      <c r="GU14" s="275">
        <v>0</v>
      </c>
      <c r="GV14" s="276">
        <v>0</v>
      </c>
      <c r="GW14" s="274">
        <v>0</v>
      </c>
      <c r="GX14" s="274">
        <v>0</v>
      </c>
      <c r="GY14" s="274">
        <v>0</v>
      </c>
      <c r="GZ14" s="274">
        <v>0</v>
      </c>
      <c r="HA14" s="274">
        <v>0</v>
      </c>
      <c r="HB14" s="277">
        <v>0</v>
      </c>
      <c r="HC14" s="278">
        <v>0</v>
      </c>
      <c r="HD14" s="273">
        <v>0</v>
      </c>
      <c r="HE14" s="274">
        <v>0</v>
      </c>
      <c r="HF14" s="275">
        <v>0</v>
      </c>
      <c r="HG14" s="279"/>
      <c r="HH14" s="274">
        <v>0</v>
      </c>
      <c r="HI14" s="274">
        <v>0</v>
      </c>
      <c r="HJ14" s="274">
        <v>0</v>
      </c>
      <c r="HK14" s="274">
        <v>0</v>
      </c>
      <c r="HL14" s="274">
        <v>0</v>
      </c>
      <c r="HM14" s="277">
        <v>0</v>
      </c>
      <c r="HN14" s="278">
        <v>0</v>
      </c>
      <c r="HO14" s="273">
        <v>0</v>
      </c>
      <c r="HP14" s="274">
        <v>36895</v>
      </c>
      <c r="HQ14" s="275">
        <v>36895</v>
      </c>
      <c r="HR14" s="276">
        <v>0</v>
      </c>
      <c r="HS14" s="274">
        <v>1005024</v>
      </c>
      <c r="HT14" s="274">
        <v>1886171</v>
      </c>
      <c r="HU14" s="274">
        <v>6234581</v>
      </c>
      <c r="HV14" s="274">
        <v>9096967</v>
      </c>
      <c r="HW14" s="274">
        <v>7588322</v>
      </c>
      <c r="HX14" s="277">
        <v>25811065</v>
      </c>
      <c r="HY14" s="278">
        <v>25847960</v>
      </c>
    </row>
    <row r="15" spans="2:233" ht="21" customHeight="1" x14ac:dyDescent="0.2">
      <c r="B15" s="472" t="s">
        <v>11</v>
      </c>
      <c r="C15" s="273">
        <v>0</v>
      </c>
      <c r="D15" s="274">
        <v>3760</v>
      </c>
      <c r="E15" s="275">
        <v>3760</v>
      </c>
      <c r="F15" s="276">
        <v>0</v>
      </c>
      <c r="G15" s="274">
        <v>771735</v>
      </c>
      <c r="H15" s="274">
        <v>953078</v>
      </c>
      <c r="I15" s="274">
        <v>2755256</v>
      </c>
      <c r="J15" s="274">
        <v>4128439</v>
      </c>
      <c r="K15" s="274">
        <v>2320981</v>
      </c>
      <c r="L15" s="277">
        <v>10929489</v>
      </c>
      <c r="M15" s="278">
        <v>10933249</v>
      </c>
      <c r="N15" s="273">
        <v>0</v>
      </c>
      <c r="O15" s="274">
        <v>0</v>
      </c>
      <c r="P15" s="275">
        <v>0</v>
      </c>
      <c r="Q15" s="279"/>
      <c r="R15" s="274">
        <v>0</v>
      </c>
      <c r="S15" s="274">
        <v>123725</v>
      </c>
      <c r="T15" s="274">
        <v>1600070</v>
      </c>
      <c r="U15" s="274">
        <v>2908370</v>
      </c>
      <c r="V15" s="274">
        <v>1546950</v>
      </c>
      <c r="W15" s="277">
        <v>6179115</v>
      </c>
      <c r="X15" s="278">
        <v>6179115</v>
      </c>
      <c r="Y15" s="273">
        <v>0</v>
      </c>
      <c r="Z15" s="274">
        <v>0</v>
      </c>
      <c r="AA15" s="275">
        <v>0</v>
      </c>
      <c r="AB15" s="279"/>
      <c r="AC15" s="274">
        <v>654155</v>
      </c>
      <c r="AD15" s="274">
        <v>585315</v>
      </c>
      <c r="AE15" s="274">
        <v>764780</v>
      </c>
      <c r="AF15" s="274">
        <v>1032224</v>
      </c>
      <c r="AG15" s="274">
        <v>374870</v>
      </c>
      <c r="AH15" s="277">
        <v>3411344</v>
      </c>
      <c r="AI15" s="278">
        <v>3411344</v>
      </c>
      <c r="AJ15" s="273">
        <v>0</v>
      </c>
      <c r="AK15" s="274">
        <v>0</v>
      </c>
      <c r="AL15" s="275">
        <v>0</v>
      </c>
      <c r="AM15" s="279"/>
      <c r="AN15" s="274">
        <v>0</v>
      </c>
      <c r="AO15" s="274">
        <v>0</v>
      </c>
      <c r="AP15" s="274">
        <v>0</v>
      </c>
      <c r="AQ15" s="274">
        <v>0</v>
      </c>
      <c r="AR15" s="274">
        <v>0</v>
      </c>
      <c r="AS15" s="277">
        <v>0</v>
      </c>
      <c r="AT15" s="278">
        <v>0</v>
      </c>
      <c r="AU15" s="273">
        <v>0</v>
      </c>
      <c r="AV15" s="274">
        <v>0</v>
      </c>
      <c r="AW15" s="275">
        <v>0</v>
      </c>
      <c r="AX15" s="279"/>
      <c r="AY15" s="274">
        <v>62775</v>
      </c>
      <c r="AZ15" s="274">
        <v>95480</v>
      </c>
      <c r="BA15" s="274">
        <v>94270</v>
      </c>
      <c r="BB15" s="274">
        <v>79205</v>
      </c>
      <c r="BC15" s="274">
        <v>317860</v>
      </c>
      <c r="BD15" s="277">
        <v>649590</v>
      </c>
      <c r="BE15" s="278">
        <v>649590</v>
      </c>
      <c r="BF15" s="273">
        <v>0</v>
      </c>
      <c r="BG15" s="274">
        <v>0</v>
      </c>
      <c r="BH15" s="275">
        <v>0</v>
      </c>
      <c r="BI15" s="279"/>
      <c r="BJ15" s="274">
        <v>0</v>
      </c>
      <c r="BK15" s="274">
        <v>24645</v>
      </c>
      <c r="BL15" s="274">
        <v>0</v>
      </c>
      <c r="BM15" s="274">
        <v>0</v>
      </c>
      <c r="BN15" s="274">
        <v>0</v>
      </c>
      <c r="BO15" s="277">
        <v>24645</v>
      </c>
      <c r="BP15" s="278">
        <v>24645</v>
      </c>
      <c r="BQ15" s="273">
        <v>0</v>
      </c>
      <c r="BR15" s="274">
        <v>3760</v>
      </c>
      <c r="BS15" s="275">
        <v>3760</v>
      </c>
      <c r="BT15" s="276">
        <v>0</v>
      </c>
      <c r="BU15" s="274">
        <v>54805</v>
      </c>
      <c r="BV15" s="274">
        <v>119858</v>
      </c>
      <c r="BW15" s="274">
        <v>284866</v>
      </c>
      <c r="BX15" s="274">
        <v>108640</v>
      </c>
      <c r="BY15" s="274">
        <v>75756</v>
      </c>
      <c r="BZ15" s="277">
        <v>643925</v>
      </c>
      <c r="CA15" s="278">
        <v>647685</v>
      </c>
      <c r="CB15" s="273">
        <v>0</v>
      </c>
      <c r="CC15" s="274">
        <v>0</v>
      </c>
      <c r="CD15" s="275">
        <v>0</v>
      </c>
      <c r="CE15" s="276">
        <v>0</v>
      </c>
      <c r="CF15" s="274">
        <v>0</v>
      </c>
      <c r="CG15" s="274">
        <v>4055</v>
      </c>
      <c r="CH15" s="274">
        <v>11270</v>
      </c>
      <c r="CI15" s="274">
        <v>0</v>
      </c>
      <c r="CJ15" s="274">
        <v>5545</v>
      </c>
      <c r="CK15" s="277">
        <v>20870</v>
      </c>
      <c r="CL15" s="278">
        <v>20870</v>
      </c>
      <c r="CM15" s="273">
        <v>0</v>
      </c>
      <c r="CN15" s="274">
        <v>0</v>
      </c>
      <c r="CO15" s="275">
        <v>0</v>
      </c>
      <c r="CP15" s="276">
        <v>0</v>
      </c>
      <c r="CQ15" s="274">
        <v>0</v>
      </c>
      <c r="CR15" s="274">
        <v>0</v>
      </c>
      <c r="CS15" s="274">
        <v>0</v>
      </c>
      <c r="CT15" s="274">
        <v>0</v>
      </c>
      <c r="CU15" s="274">
        <v>0</v>
      </c>
      <c r="CV15" s="277">
        <v>0</v>
      </c>
      <c r="CW15" s="278">
        <v>0</v>
      </c>
      <c r="CX15" s="273">
        <v>0</v>
      </c>
      <c r="CY15" s="274">
        <v>0</v>
      </c>
      <c r="CZ15" s="275">
        <v>0</v>
      </c>
      <c r="DA15" s="279"/>
      <c r="DB15" s="274">
        <v>0</v>
      </c>
      <c r="DC15" s="274">
        <v>0</v>
      </c>
      <c r="DD15" s="274">
        <v>0</v>
      </c>
      <c r="DE15" s="274">
        <v>0</v>
      </c>
      <c r="DF15" s="274">
        <v>0</v>
      </c>
      <c r="DG15" s="277">
        <v>0</v>
      </c>
      <c r="DH15" s="278">
        <v>0</v>
      </c>
      <c r="DI15" s="273">
        <v>0</v>
      </c>
      <c r="DJ15" s="274">
        <v>4480</v>
      </c>
      <c r="DK15" s="275">
        <v>4480</v>
      </c>
      <c r="DL15" s="276">
        <v>0</v>
      </c>
      <c r="DM15" s="274">
        <v>226013</v>
      </c>
      <c r="DN15" s="274">
        <v>393360</v>
      </c>
      <c r="DO15" s="274">
        <v>2629352</v>
      </c>
      <c r="DP15" s="274">
        <v>3735618</v>
      </c>
      <c r="DQ15" s="274">
        <v>1949537</v>
      </c>
      <c r="DR15" s="277">
        <v>8933880</v>
      </c>
      <c r="DS15" s="280">
        <v>8938360</v>
      </c>
      <c r="DT15" s="273">
        <v>0</v>
      </c>
      <c r="DU15" s="274">
        <v>0</v>
      </c>
      <c r="DV15" s="275">
        <v>0</v>
      </c>
      <c r="DW15" s="279"/>
      <c r="DX15" s="274">
        <v>0</v>
      </c>
      <c r="DY15" s="274">
        <v>118327</v>
      </c>
      <c r="DZ15" s="274">
        <v>2096859</v>
      </c>
      <c r="EA15" s="274">
        <v>3496246</v>
      </c>
      <c r="EB15" s="274">
        <v>1765727</v>
      </c>
      <c r="EC15" s="277">
        <v>7477159</v>
      </c>
      <c r="ED15" s="278">
        <v>7477159</v>
      </c>
      <c r="EE15" s="273">
        <v>0</v>
      </c>
      <c r="EF15" s="274">
        <v>0</v>
      </c>
      <c r="EG15" s="275">
        <v>0</v>
      </c>
      <c r="EH15" s="279"/>
      <c r="EI15" s="274">
        <v>122838</v>
      </c>
      <c r="EJ15" s="274">
        <v>94946</v>
      </c>
      <c r="EK15" s="274">
        <v>175340</v>
      </c>
      <c r="EL15" s="274">
        <v>127321</v>
      </c>
      <c r="EM15" s="274">
        <v>49817</v>
      </c>
      <c r="EN15" s="277">
        <v>570262</v>
      </c>
      <c r="EO15" s="278">
        <v>570262</v>
      </c>
      <c r="EP15" s="273">
        <v>0</v>
      </c>
      <c r="EQ15" s="274">
        <v>0</v>
      </c>
      <c r="ER15" s="275">
        <v>0</v>
      </c>
      <c r="ES15" s="279"/>
      <c r="ET15" s="274">
        <v>0</v>
      </c>
      <c r="EU15" s="274">
        <v>0</v>
      </c>
      <c r="EV15" s="274">
        <v>0</v>
      </c>
      <c r="EW15" s="274">
        <v>0</v>
      </c>
      <c r="EX15" s="274">
        <v>0</v>
      </c>
      <c r="EY15" s="277">
        <v>0</v>
      </c>
      <c r="EZ15" s="278">
        <v>0</v>
      </c>
      <c r="FA15" s="273">
        <v>0</v>
      </c>
      <c r="FB15" s="274">
        <v>0</v>
      </c>
      <c r="FC15" s="275">
        <v>0</v>
      </c>
      <c r="FD15" s="279"/>
      <c r="FE15" s="274">
        <v>12121</v>
      </c>
      <c r="FF15" s="274">
        <v>23219</v>
      </c>
      <c r="FG15" s="274">
        <v>12178</v>
      </c>
      <c r="FH15" s="274">
        <v>1085</v>
      </c>
      <c r="FI15" s="274">
        <v>48484</v>
      </c>
      <c r="FJ15" s="277">
        <v>97087</v>
      </c>
      <c r="FK15" s="278">
        <v>97087</v>
      </c>
      <c r="FL15" s="273">
        <v>0</v>
      </c>
      <c r="FM15" s="274">
        <v>0</v>
      </c>
      <c r="FN15" s="275">
        <v>0</v>
      </c>
      <c r="FO15" s="279"/>
      <c r="FP15" s="274">
        <v>0</v>
      </c>
      <c r="FQ15" s="274">
        <v>21576</v>
      </c>
      <c r="FR15" s="274">
        <v>0</v>
      </c>
      <c r="FS15" s="274">
        <v>0</v>
      </c>
      <c r="FT15" s="274">
        <v>0</v>
      </c>
      <c r="FU15" s="277">
        <v>21576</v>
      </c>
      <c r="FV15" s="278">
        <v>21576</v>
      </c>
      <c r="FW15" s="273">
        <v>0</v>
      </c>
      <c r="FX15" s="274">
        <v>4480</v>
      </c>
      <c r="FY15" s="275">
        <v>4480</v>
      </c>
      <c r="FZ15" s="276">
        <v>0</v>
      </c>
      <c r="GA15" s="274">
        <v>91054</v>
      </c>
      <c r="GB15" s="274">
        <v>135257</v>
      </c>
      <c r="GC15" s="274">
        <v>344084</v>
      </c>
      <c r="GD15" s="274">
        <v>110966</v>
      </c>
      <c r="GE15" s="274">
        <v>82175</v>
      </c>
      <c r="GF15" s="277">
        <v>763536</v>
      </c>
      <c r="GG15" s="278">
        <v>768016</v>
      </c>
      <c r="GH15" s="273">
        <v>0</v>
      </c>
      <c r="GI15" s="274">
        <v>0</v>
      </c>
      <c r="GJ15" s="275">
        <v>0</v>
      </c>
      <c r="GK15" s="276">
        <v>0</v>
      </c>
      <c r="GL15" s="274">
        <v>0</v>
      </c>
      <c r="GM15" s="274">
        <v>35</v>
      </c>
      <c r="GN15" s="274">
        <v>891</v>
      </c>
      <c r="GO15" s="274">
        <v>0</v>
      </c>
      <c r="GP15" s="274">
        <v>3334</v>
      </c>
      <c r="GQ15" s="277">
        <v>4260</v>
      </c>
      <c r="GR15" s="278">
        <v>4260</v>
      </c>
      <c r="GS15" s="273">
        <v>0</v>
      </c>
      <c r="GT15" s="274">
        <v>0</v>
      </c>
      <c r="GU15" s="275">
        <v>0</v>
      </c>
      <c r="GV15" s="276">
        <v>0</v>
      </c>
      <c r="GW15" s="274">
        <v>0</v>
      </c>
      <c r="GX15" s="274">
        <v>0</v>
      </c>
      <c r="GY15" s="274">
        <v>0</v>
      </c>
      <c r="GZ15" s="274">
        <v>0</v>
      </c>
      <c r="HA15" s="274">
        <v>0</v>
      </c>
      <c r="HB15" s="277">
        <v>0</v>
      </c>
      <c r="HC15" s="278">
        <v>0</v>
      </c>
      <c r="HD15" s="273">
        <v>0</v>
      </c>
      <c r="HE15" s="274">
        <v>0</v>
      </c>
      <c r="HF15" s="275">
        <v>0</v>
      </c>
      <c r="HG15" s="279"/>
      <c r="HH15" s="274">
        <v>0</v>
      </c>
      <c r="HI15" s="274">
        <v>0</v>
      </c>
      <c r="HJ15" s="274">
        <v>0</v>
      </c>
      <c r="HK15" s="274">
        <v>0</v>
      </c>
      <c r="HL15" s="274">
        <v>0</v>
      </c>
      <c r="HM15" s="277">
        <v>0</v>
      </c>
      <c r="HN15" s="278">
        <v>0</v>
      </c>
      <c r="HO15" s="273">
        <v>0</v>
      </c>
      <c r="HP15" s="274">
        <v>8240</v>
      </c>
      <c r="HQ15" s="275">
        <v>8240</v>
      </c>
      <c r="HR15" s="276">
        <v>0</v>
      </c>
      <c r="HS15" s="274">
        <v>997748</v>
      </c>
      <c r="HT15" s="274">
        <v>1346438</v>
      </c>
      <c r="HU15" s="274">
        <v>5384608</v>
      </c>
      <c r="HV15" s="274">
        <v>7864057</v>
      </c>
      <c r="HW15" s="274">
        <v>4270518</v>
      </c>
      <c r="HX15" s="277">
        <v>19863369</v>
      </c>
      <c r="HY15" s="278">
        <v>19871609</v>
      </c>
    </row>
    <row r="16" spans="2:233" ht="21" customHeight="1" x14ac:dyDescent="0.2">
      <c r="B16" s="472" t="s">
        <v>12</v>
      </c>
      <c r="C16" s="273">
        <v>4770</v>
      </c>
      <c r="D16" s="274">
        <v>18905</v>
      </c>
      <c r="E16" s="275">
        <v>23675</v>
      </c>
      <c r="F16" s="276">
        <v>0</v>
      </c>
      <c r="G16" s="274">
        <v>149395</v>
      </c>
      <c r="H16" s="274">
        <v>586798</v>
      </c>
      <c r="I16" s="274">
        <v>2396802</v>
      </c>
      <c r="J16" s="274">
        <v>3581351</v>
      </c>
      <c r="K16" s="274">
        <v>1808517</v>
      </c>
      <c r="L16" s="277">
        <v>8522863</v>
      </c>
      <c r="M16" s="278">
        <v>8546538</v>
      </c>
      <c r="N16" s="273">
        <v>0</v>
      </c>
      <c r="O16" s="274">
        <v>0</v>
      </c>
      <c r="P16" s="275">
        <v>0</v>
      </c>
      <c r="Q16" s="279"/>
      <c r="R16" s="274">
        <v>5270</v>
      </c>
      <c r="S16" s="274">
        <v>69980</v>
      </c>
      <c r="T16" s="274">
        <v>1560830</v>
      </c>
      <c r="U16" s="274">
        <v>2515886</v>
      </c>
      <c r="V16" s="274">
        <v>1228970</v>
      </c>
      <c r="W16" s="277">
        <v>5380936</v>
      </c>
      <c r="X16" s="278">
        <v>5380936</v>
      </c>
      <c r="Y16" s="273">
        <v>0</v>
      </c>
      <c r="Z16" s="274">
        <v>0</v>
      </c>
      <c r="AA16" s="275">
        <v>0</v>
      </c>
      <c r="AB16" s="279"/>
      <c r="AC16" s="274">
        <v>107875</v>
      </c>
      <c r="AD16" s="274">
        <v>459220</v>
      </c>
      <c r="AE16" s="274">
        <v>653654</v>
      </c>
      <c r="AF16" s="274">
        <v>769102</v>
      </c>
      <c r="AG16" s="274">
        <v>394445</v>
      </c>
      <c r="AH16" s="277">
        <v>2384296</v>
      </c>
      <c r="AI16" s="278">
        <v>2384296</v>
      </c>
      <c r="AJ16" s="273">
        <v>0</v>
      </c>
      <c r="AK16" s="274">
        <v>0</v>
      </c>
      <c r="AL16" s="275">
        <v>0</v>
      </c>
      <c r="AM16" s="279"/>
      <c r="AN16" s="274">
        <v>0</v>
      </c>
      <c r="AO16" s="274">
        <v>0</v>
      </c>
      <c r="AP16" s="274">
        <v>0</v>
      </c>
      <c r="AQ16" s="274">
        <v>0</v>
      </c>
      <c r="AR16" s="274">
        <v>2635</v>
      </c>
      <c r="AS16" s="277">
        <v>2635</v>
      </c>
      <c r="AT16" s="278">
        <v>2635</v>
      </c>
      <c r="AU16" s="273">
        <v>0</v>
      </c>
      <c r="AV16" s="274">
        <v>0</v>
      </c>
      <c r="AW16" s="275">
        <v>0</v>
      </c>
      <c r="AX16" s="279"/>
      <c r="AY16" s="274">
        <v>0</v>
      </c>
      <c r="AZ16" s="274">
        <v>0</v>
      </c>
      <c r="BA16" s="274">
        <v>0</v>
      </c>
      <c r="BB16" s="274">
        <v>40610</v>
      </c>
      <c r="BC16" s="274">
        <v>40200</v>
      </c>
      <c r="BD16" s="277">
        <v>80810</v>
      </c>
      <c r="BE16" s="278">
        <v>80810</v>
      </c>
      <c r="BF16" s="273">
        <v>0</v>
      </c>
      <c r="BG16" s="274">
        <v>0</v>
      </c>
      <c r="BH16" s="275">
        <v>0</v>
      </c>
      <c r="BI16" s="279"/>
      <c r="BJ16" s="274">
        <v>0</v>
      </c>
      <c r="BK16" s="274">
        <v>0</v>
      </c>
      <c r="BL16" s="274">
        <v>92535</v>
      </c>
      <c r="BM16" s="274">
        <v>100595</v>
      </c>
      <c r="BN16" s="274">
        <v>37975</v>
      </c>
      <c r="BO16" s="277">
        <v>231105</v>
      </c>
      <c r="BP16" s="278">
        <v>231105</v>
      </c>
      <c r="BQ16" s="273">
        <v>4770</v>
      </c>
      <c r="BR16" s="274">
        <v>18905</v>
      </c>
      <c r="BS16" s="275">
        <v>23675</v>
      </c>
      <c r="BT16" s="276">
        <v>0</v>
      </c>
      <c r="BU16" s="274">
        <v>34800</v>
      </c>
      <c r="BV16" s="274">
        <v>54483</v>
      </c>
      <c r="BW16" s="274">
        <v>88188</v>
      </c>
      <c r="BX16" s="274">
        <v>155158</v>
      </c>
      <c r="BY16" s="274">
        <v>104292</v>
      </c>
      <c r="BZ16" s="277">
        <v>436921</v>
      </c>
      <c r="CA16" s="278">
        <v>460596</v>
      </c>
      <c r="CB16" s="273">
        <v>0</v>
      </c>
      <c r="CC16" s="274">
        <v>0</v>
      </c>
      <c r="CD16" s="275">
        <v>0</v>
      </c>
      <c r="CE16" s="276">
        <v>0</v>
      </c>
      <c r="CF16" s="274">
        <v>1450</v>
      </c>
      <c r="CG16" s="274">
        <v>3115</v>
      </c>
      <c r="CH16" s="274">
        <v>1595</v>
      </c>
      <c r="CI16" s="274">
        <v>0</v>
      </c>
      <c r="CJ16" s="274">
        <v>0</v>
      </c>
      <c r="CK16" s="277">
        <v>6160</v>
      </c>
      <c r="CL16" s="278">
        <v>6160</v>
      </c>
      <c r="CM16" s="273">
        <v>0</v>
      </c>
      <c r="CN16" s="274">
        <v>0</v>
      </c>
      <c r="CO16" s="275">
        <v>0</v>
      </c>
      <c r="CP16" s="276">
        <v>0</v>
      </c>
      <c r="CQ16" s="274">
        <v>0</v>
      </c>
      <c r="CR16" s="274">
        <v>0</v>
      </c>
      <c r="CS16" s="274">
        <v>0</v>
      </c>
      <c r="CT16" s="274">
        <v>0</v>
      </c>
      <c r="CU16" s="274">
        <v>0</v>
      </c>
      <c r="CV16" s="277">
        <v>0</v>
      </c>
      <c r="CW16" s="278">
        <v>0</v>
      </c>
      <c r="CX16" s="273">
        <v>0</v>
      </c>
      <c r="CY16" s="274">
        <v>0</v>
      </c>
      <c r="CZ16" s="275">
        <v>0</v>
      </c>
      <c r="DA16" s="279"/>
      <c r="DB16" s="274">
        <v>0</v>
      </c>
      <c r="DC16" s="274">
        <v>0</v>
      </c>
      <c r="DD16" s="274">
        <v>0</v>
      </c>
      <c r="DE16" s="274">
        <v>0</v>
      </c>
      <c r="DF16" s="274">
        <v>0</v>
      </c>
      <c r="DG16" s="277">
        <v>0</v>
      </c>
      <c r="DH16" s="278">
        <v>0</v>
      </c>
      <c r="DI16" s="273">
        <v>3606</v>
      </c>
      <c r="DJ16" s="274">
        <v>27448</v>
      </c>
      <c r="DK16" s="275">
        <v>31054</v>
      </c>
      <c r="DL16" s="276">
        <v>0</v>
      </c>
      <c r="DM16" s="274">
        <v>157990</v>
      </c>
      <c r="DN16" s="274">
        <v>436962</v>
      </c>
      <c r="DO16" s="274">
        <v>2778198</v>
      </c>
      <c r="DP16" s="274">
        <v>3750623</v>
      </c>
      <c r="DQ16" s="274">
        <v>2043008</v>
      </c>
      <c r="DR16" s="277">
        <v>9166781</v>
      </c>
      <c r="DS16" s="280">
        <v>9197835</v>
      </c>
      <c r="DT16" s="273">
        <v>0</v>
      </c>
      <c r="DU16" s="274">
        <v>0</v>
      </c>
      <c r="DV16" s="275">
        <v>0</v>
      </c>
      <c r="DW16" s="279"/>
      <c r="DX16" s="274">
        <v>43152</v>
      </c>
      <c r="DY16" s="274">
        <v>289365</v>
      </c>
      <c r="DZ16" s="274">
        <v>2275892</v>
      </c>
      <c r="EA16" s="274">
        <v>3123093</v>
      </c>
      <c r="EB16" s="274">
        <v>1713911</v>
      </c>
      <c r="EC16" s="277">
        <v>7445413</v>
      </c>
      <c r="ED16" s="278">
        <v>7445413</v>
      </c>
      <c r="EE16" s="273">
        <v>0</v>
      </c>
      <c r="EF16" s="274">
        <v>0</v>
      </c>
      <c r="EG16" s="275">
        <v>0</v>
      </c>
      <c r="EH16" s="279"/>
      <c r="EI16" s="274">
        <v>36970</v>
      </c>
      <c r="EJ16" s="274">
        <v>28967</v>
      </c>
      <c r="EK16" s="274">
        <v>131964</v>
      </c>
      <c r="EL16" s="274">
        <v>159215</v>
      </c>
      <c r="EM16" s="274">
        <v>38098</v>
      </c>
      <c r="EN16" s="277">
        <v>395214</v>
      </c>
      <c r="EO16" s="278">
        <v>395214</v>
      </c>
      <c r="EP16" s="273">
        <v>0</v>
      </c>
      <c r="EQ16" s="274">
        <v>0</v>
      </c>
      <c r="ER16" s="275">
        <v>0</v>
      </c>
      <c r="ES16" s="279"/>
      <c r="ET16" s="274">
        <v>0</v>
      </c>
      <c r="EU16" s="274">
        <v>0</v>
      </c>
      <c r="EV16" s="274">
        <v>0</v>
      </c>
      <c r="EW16" s="274">
        <v>0</v>
      </c>
      <c r="EX16" s="274">
        <v>217</v>
      </c>
      <c r="EY16" s="277">
        <v>217</v>
      </c>
      <c r="EZ16" s="278">
        <v>217</v>
      </c>
      <c r="FA16" s="273">
        <v>0</v>
      </c>
      <c r="FB16" s="274">
        <v>0</v>
      </c>
      <c r="FC16" s="275">
        <v>0</v>
      </c>
      <c r="FD16" s="279"/>
      <c r="FE16" s="274">
        <v>0</v>
      </c>
      <c r="FF16" s="274">
        <v>0</v>
      </c>
      <c r="FG16" s="274">
        <v>0</v>
      </c>
      <c r="FH16" s="274">
        <v>868</v>
      </c>
      <c r="FI16" s="274">
        <v>1498</v>
      </c>
      <c r="FJ16" s="277">
        <v>2366</v>
      </c>
      <c r="FK16" s="278">
        <v>2366</v>
      </c>
      <c r="FL16" s="273">
        <v>0</v>
      </c>
      <c r="FM16" s="274">
        <v>0</v>
      </c>
      <c r="FN16" s="275">
        <v>0</v>
      </c>
      <c r="FO16" s="279"/>
      <c r="FP16" s="274">
        <v>0</v>
      </c>
      <c r="FQ16" s="274">
        <v>0</v>
      </c>
      <c r="FR16" s="274">
        <v>166222</v>
      </c>
      <c r="FS16" s="274">
        <v>181412</v>
      </c>
      <c r="FT16" s="274">
        <v>79918</v>
      </c>
      <c r="FU16" s="277">
        <v>427552</v>
      </c>
      <c r="FV16" s="278">
        <v>427552</v>
      </c>
      <c r="FW16" s="273">
        <v>3606</v>
      </c>
      <c r="FX16" s="274">
        <v>27448</v>
      </c>
      <c r="FY16" s="275">
        <v>31054</v>
      </c>
      <c r="FZ16" s="276">
        <v>0</v>
      </c>
      <c r="GA16" s="274">
        <v>73909</v>
      </c>
      <c r="GB16" s="274">
        <v>118630</v>
      </c>
      <c r="GC16" s="274">
        <v>200490</v>
      </c>
      <c r="GD16" s="274">
        <v>286035</v>
      </c>
      <c r="GE16" s="274">
        <v>209366</v>
      </c>
      <c r="GF16" s="277">
        <v>888430</v>
      </c>
      <c r="GG16" s="278">
        <v>919484</v>
      </c>
      <c r="GH16" s="273">
        <v>0</v>
      </c>
      <c r="GI16" s="274">
        <v>0</v>
      </c>
      <c r="GJ16" s="275">
        <v>0</v>
      </c>
      <c r="GK16" s="276">
        <v>0</v>
      </c>
      <c r="GL16" s="274">
        <v>3959</v>
      </c>
      <c r="GM16" s="274">
        <v>0</v>
      </c>
      <c r="GN16" s="274">
        <v>3630</v>
      </c>
      <c r="GO16" s="274">
        <v>0</v>
      </c>
      <c r="GP16" s="274">
        <v>0</v>
      </c>
      <c r="GQ16" s="277">
        <v>7589</v>
      </c>
      <c r="GR16" s="278">
        <v>7589</v>
      </c>
      <c r="GS16" s="273">
        <v>0</v>
      </c>
      <c r="GT16" s="274">
        <v>0</v>
      </c>
      <c r="GU16" s="275">
        <v>0</v>
      </c>
      <c r="GV16" s="276">
        <v>0</v>
      </c>
      <c r="GW16" s="274">
        <v>0</v>
      </c>
      <c r="GX16" s="274">
        <v>0</v>
      </c>
      <c r="GY16" s="274">
        <v>0</v>
      </c>
      <c r="GZ16" s="274">
        <v>0</v>
      </c>
      <c r="HA16" s="274">
        <v>0</v>
      </c>
      <c r="HB16" s="277">
        <v>0</v>
      </c>
      <c r="HC16" s="278">
        <v>0</v>
      </c>
      <c r="HD16" s="273">
        <v>0</v>
      </c>
      <c r="HE16" s="274">
        <v>0</v>
      </c>
      <c r="HF16" s="275">
        <v>0</v>
      </c>
      <c r="HG16" s="279"/>
      <c r="HH16" s="274">
        <v>0</v>
      </c>
      <c r="HI16" s="274">
        <v>0</v>
      </c>
      <c r="HJ16" s="274">
        <v>0</v>
      </c>
      <c r="HK16" s="274">
        <v>0</v>
      </c>
      <c r="HL16" s="274">
        <v>0</v>
      </c>
      <c r="HM16" s="277">
        <v>0</v>
      </c>
      <c r="HN16" s="278">
        <v>0</v>
      </c>
      <c r="HO16" s="273">
        <v>8376</v>
      </c>
      <c r="HP16" s="274">
        <v>46353</v>
      </c>
      <c r="HQ16" s="275">
        <v>54729</v>
      </c>
      <c r="HR16" s="276">
        <v>0</v>
      </c>
      <c r="HS16" s="274">
        <v>307385</v>
      </c>
      <c r="HT16" s="274">
        <v>1023760</v>
      </c>
      <c r="HU16" s="274">
        <v>5175000</v>
      </c>
      <c r="HV16" s="274">
        <v>7331974</v>
      </c>
      <c r="HW16" s="274">
        <v>3851525</v>
      </c>
      <c r="HX16" s="277">
        <v>17689644</v>
      </c>
      <c r="HY16" s="278">
        <v>17744373</v>
      </c>
    </row>
    <row r="17" spans="2:233" ht="21" customHeight="1" x14ac:dyDescent="0.2">
      <c r="B17" s="472" t="s">
        <v>13</v>
      </c>
      <c r="C17" s="273">
        <v>0</v>
      </c>
      <c r="D17" s="274">
        <v>0</v>
      </c>
      <c r="E17" s="275">
        <v>0</v>
      </c>
      <c r="F17" s="276">
        <v>0</v>
      </c>
      <c r="G17" s="274">
        <v>37770</v>
      </c>
      <c r="H17" s="274">
        <v>115500</v>
      </c>
      <c r="I17" s="274">
        <v>451850</v>
      </c>
      <c r="J17" s="274">
        <v>1000443</v>
      </c>
      <c r="K17" s="274">
        <v>789742</v>
      </c>
      <c r="L17" s="277">
        <v>2395305</v>
      </c>
      <c r="M17" s="278">
        <v>2395305</v>
      </c>
      <c r="N17" s="273">
        <v>0</v>
      </c>
      <c r="O17" s="274">
        <v>0</v>
      </c>
      <c r="P17" s="275">
        <v>0</v>
      </c>
      <c r="Q17" s="279"/>
      <c r="R17" s="274">
        <v>2635</v>
      </c>
      <c r="S17" s="274">
        <v>4745</v>
      </c>
      <c r="T17" s="274">
        <v>327255</v>
      </c>
      <c r="U17" s="274">
        <v>849870</v>
      </c>
      <c r="V17" s="274">
        <v>658392</v>
      </c>
      <c r="W17" s="277">
        <v>1842897</v>
      </c>
      <c r="X17" s="278">
        <v>1842897</v>
      </c>
      <c r="Y17" s="273">
        <v>0</v>
      </c>
      <c r="Z17" s="274">
        <v>0</v>
      </c>
      <c r="AA17" s="275">
        <v>0</v>
      </c>
      <c r="AB17" s="279"/>
      <c r="AC17" s="274">
        <v>26140</v>
      </c>
      <c r="AD17" s="274">
        <v>95965</v>
      </c>
      <c r="AE17" s="274">
        <v>56405</v>
      </c>
      <c r="AF17" s="274">
        <v>87602</v>
      </c>
      <c r="AG17" s="274">
        <v>83855</v>
      </c>
      <c r="AH17" s="277">
        <v>349967</v>
      </c>
      <c r="AI17" s="278">
        <v>349967</v>
      </c>
      <c r="AJ17" s="273">
        <v>0</v>
      </c>
      <c r="AK17" s="274">
        <v>0</v>
      </c>
      <c r="AL17" s="275">
        <v>0</v>
      </c>
      <c r="AM17" s="279"/>
      <c r="AN17" s="274">
        <v>0</v>
      </c>
      <c r="AO17" s="274">
        <v>0</v>
      </c>
      <c r="AP17" s="274">
        <v>0</v>
      </c>
      <c r="AQ17" s="274">
        <v>0</v>
      </c>
      <c r="AR17" s="274">
        <v>0</v>
      </c>
      <c r="AS17" s="277">
        <v>0</v>
      </c>
      <c r="AT17" s="278">
        <v>0</v>
      </c>
      <c r="AU17" s="273">
        <v>0</v>
      </c>
      <c r="AV17" s="274">
        <v>0</v>
      </c>
      <c r="AW17" s="275">
        <v>0</v>
      </c>
      <c r="AX17" s="279"/>
      <c r="AY17" s="274">
        <v>0</v>
      </c>
      <c r="AZ17" s="274">
        <v>0</v>
      </c>
      <c r="BA17" s="274">
        <v>0</v>
      </c>
      <c r="BB17" s="274">
        <v>0</v>
      </c>
      <c r="BC17" s="274">
        <v>0</v>
      </c>
      <c r="BD17" s="277">
        <v>0</v>
      </c>
      <c r="BE17" s="278">
        <v>0</v>
      </c>
      <c r="BF17" s="273">
        <v>0</v>
      </c>
      <c r="BG17" s="274">
        <v>0</v>
      </c>
      <c r="BH17" s="275">
        <v>0</v>
      </c>
      <c r="BI17" s="279"/>
      <c r="BJ17" s="274">
        <v>0</v>
      </c>
      <c r="BK17" s="274">
        <v>0</v>
      </c>
      <c r="BL17" s="274">
        <v>0</v>
      </c>
      <c r="BM17" s="274">
        <v>0</v>
      </c>
      <c r="BN17" s="274">
        <v>0</v>
      </c>
      <c r="BO17" s="277">
        <v>0</v>
      </c>
      <c r="BP17" s="278">
        <v>0</v>
      </c>
      <c r="BQ17" s="273">
        <v>0</v>
      </c>
      <c r="BR17" s="274">
        <v>0</v>
      </c>
      <c r="BS17" s="275">
        <v>0</v>
      </c>
      <c r="BT17" s="276">
        <v>0</v>
      </c>
      <c r="BU17" s="274">
        <v>8705</v>
      </c>
      <c r="BV17" s="274">
        <v>14790</v>
      </c>
      <c r="BW17" s="274">
        <v>68190</v>
      </c>
      <c r="BX17" s="274">
        <v>52276</v>
      </c>
      <c r="BY17" s="274">
        <v>47495</v>
      </c>
      <c r="BZ17" s="277">
        <v>191456</v>
      </c>
      <c r="CA17" s="278">
        <v>191456</v>
      </c>
      <c r="CB17" s="273">
        <v>0</v>
      </c>
      <c r="CC17" s="274">
        <v>0</v>
      </c>
      <c r="CD17" s="275">
        <v>0</v>
      </c>
      <c r="CE17" s="276">
        <v>0</v>
      </c>
      <c r="CF17" s="274">
        <v>290</v>
      </c>
      <c r="CG17" s="274">
        <v>0</v>
      </c>
      <c r="CH17" s="274">
        <v>0</v>
      </c>
      <c r="CI17" s="274">
        <v>10695</v>
      </c>
      <c r="CJ17" s="274">
        <v>0</v>
      </c>
      <c r="CK17" s="277">
        <v>10985</v>
      </c>
      <c r="CL17" s="278">
        <v>10985</v>
      </c>
      <c r="CM17" s="273">
        <v>0</v>
      </c>
      <c r="CN17" s="274">
        <v>0</v>
      </c>
      <c r="CO17" s="275">
        <v>0</v>
      </c>
      <c r="CP17" s="276">
        <v>0</v>
      </c>
      <c r="CQ17" s="274">
        <v>0</v>
      </c>
      <c r="CR17" s="274">
        <v>0</v>
      </c>
      <c r="CS17" s="274">
        <v>0</v>
      </c>
      <c r="CT17" s="274">
        <v>0</v>
      </c>
      <c r="CU17" s="274">
        <v>0</v>
      </c>
      <c r="CV17" s="277">
        <v>0</v>
      </c>
      <c r="CW17" s="278">
        <v>0</v>
      </c>
      <c r="CX17" s="273">
        <v>0</v>
      </c>
      <c r="CY17" s="274">
        <v>0</v>
      </c>
      <c r="CZ17" s="275">
        <v>0</v>
      </c>
      <c r="DA17" s="279"/>
      <c r="DB17" s="274">
        <v>0</v>
      </c>
      <c r="DC17" s="274">
        <v>0</v>
      </c>
      <c r="DD17" s="274">
        <v>0</v>
      </c>
      <c r="DE17" s="274">
        <v>0</v>
      </c>
      <c r="DF17" s="274">
        <v>0</v>
      </c>
      <c r="DG17" s="277">
        <v>0</v>
      </c>
      <c r="DH17" s="278">
        <v>0</v>
      </c>
      <c r="DI17" s="273">
        <v>0</v>
      </c>
      <c r="DJ17" s="274">
        <v>0</v>
      </c>
      <c r="DK17" s="275">
        <v>0</v>
      </c>
      <c r="DL17" s="276">
        <v>0</v>
      </c>
      <c r="DM17" s="274">
        <v>51503</v>
      </c>
      <c r="DN17" s="274">
        <v>34128</v>
      </c>
      <c r="DO17" s="274">
        <v>650364</v>
      </c>
      <c r="DP17" s="274">
        <v>1054158</v>
      </c>
      <c r="DQ17" s="274">
        <v>819846</v>
      </c>
      <c r="DR17" s="277">
        <v>2609999</v>
      </c>
      <c r="DS17" s="280">
        <v>2609999</v>
      </c>
      <c r="DT17" s="273">
        <v>0</v>
      </c>
      <c r="DU17" s="274">
        <v>0</v>
      </c>
      <c r="DV17" s="275">
        <v>0</v>
      </c>
      <c r="DW17" s="279"/>
      <c r="DX17" s="274">
        <v>21576</v>
      </c>
      <c r="DY17" s="274">
        <v>16537</v>
      </c>
      <c r="DZ17" s="274">
        <v>447584</v>
      </c>
      <c r="EA17" s="274">
        <v>934993</v>
      </c>
      <c r="EB17" s="274">
        <v>746607</v>
      </c>
      <c r="EC17" s="277">
        <v>2167297</v>
      </c>
      <c r="ED17" s="278">
        <v>2167297</v>
      </c>
      <c r="EE17" s="273">
        <v>0</v>
      </c>
      <c r="EF17" s="274">
        <v>0</v>
      </c>
      <c r="EG17" s="275">
        <v>0</v>
      </c>
      <c r="EH17" s="279"/>
      <c r="EI17" s="274">
        <v>11308</v>
      </c>
      <c r="EJ17" s="274">
        <v>1127</v>
      </c>
      <c r="EK17" s="274">
        <v>16850</v>
      </c>
      <c r="EL17" s="274">
        <v>2079</v>
      </c>
      <c r="EM17" s="274">
        <v>23109</v>
      </c>
      <c r="EN17" s="277">
        <v>54473</v>
      </c>
      <c r="EO17" s="278">
        <v>54473</v>
      </c>
      <c r="EP17" s="273">
        <v>0</v>
      </c>
      <c r="EQ17" s="274">
        <v>0</v>
      </c>
      <c r="ER17" s="275">
        <v>0</v>
      </c>
      <c r="ES17" s="279"/>
      <c r="ET17" s="274">
        <v>0</v>
      </c>
      <c r="EU17" s="274">
        <v>0</v>
      </c>
      <c r="EV17" s="274">
        <v>0</v>
      </c>
      <c r="EW17" s="274">
        <v>0</v>
      </c>
      <c r="EX17" s="274">
        <v>0</v>
      </c>
      <c r="EY17" s="277">
        <v>0</v>
      </c>
      <c r="EZ17" s="278">
        <v>0</v>
      </c>
      <c r="FA17" s="273">
        <v>0</v>
      </c>
      <c r="FB17" s="274">
        <v>0</v>
      </c>
      <c r="FC17" s="275">
        <v>0</v>
      </c>
      <c r="FD17" s="279"/>
      <c r="FE17" s="274">
        <v>0</v>
      </c>
      <c r="FF17" s="274">
        <v>0</v>
      </c>
      <c r="FG17" s="274">
        <v>0</v>
      </c>
      <c r="FH17" s="274">
        <v>0</v>
      </c>
      <c r="FI17" s="274">
        <v>0</v>
      </c>
      <c r="FJ17" s="277">
        <v>0</v>
      </c>
      <c r="FK17" s="278">
        <v>0</v>
      </c>
      <c r="FL17" s="273">
        <v>0</v>
      </c>
      <c r="FM17" s="274">
        <v>0</v>
      </c>
      <c r="FN17" s="275">
        <v>0</v>
      </c>
      <c r="FO17" s="279"/>
      <c r="FP17" s="274">
        <v>0</v>
      </c>
      <c r="FQ17" s="274">
        <v>0</v>
      </c>
      <c r="FR17" s="274">
        <v>0</v>
      </c>
      <c r="FS17" s="274">
        <v>0</v>
      </c>
      <c r="FT17" s="274">
        <v>0</v>
      </c>
      <c r="FU17" s="277">
        <v>0</v>
      </c>
      <c r="FV17" s="278">
        <v>0</v>
      </c>
      <c r="FW17" s="273">
        <v>0</v>
      </c>
      <c r="FX17" s="274">
        <v>0</v>
      </c>
      <c r="FY17" s="275">
        <v>0</v>
      </c>
      <c r="FZ17" s="276">
        <v>0</v>
      </c>
      <c r="GA17" s="274">
        <v>17187</v>
      </c>
      <c r="GB17" s="274">
        <v>16464</v>
      </c>
      <c r="GC17" s="274">
        <v>185930</v>
      </c>
      <c r="GD17" s="274">
        <v>116967</v>
      </c>
      <c r="GE17" s="274">
        <v>50130</v>
      </c>
      <c r="GF17" s="277">
        <v>386678</v>
      </c>
      <c r="GG17" s="278">
        <v>386678</v>
      </c>
      <c r="GH17" s="273">
        <v>0</v>
      </c>
      <c r="GI17" s="274">
        <v>0</v>
      </c>
      <c r="GJ17" s="275">
        <v>0</v>
      </c>
      <c r="GK17" s="276">
        <v>0</v>
      </c>
      <c r="GL17" s="274">
        <v>1432</v>
      </c>
      <c r="GM17" s="274">
        <v>0</v>
      </c>
      <c r="GN17" s="274">
        <v>0</v>
      </c>
      <c r="GO17" s="274">
        <v>119</v>
      </c>
      <c r="GP17" s="274">
        <v>0</v>
      </c>
      <c r="GQ17" s="277">
        <v>1551</v>
      </c>
      <c r="GR17" s="278">
        <v>1551</v>
      </c>
      <c r="GS17" s="273">
        <v>0</v>
      </c>
      <c r="GT17" s="274">
        <v>0</v>
      </c>
      <c r="GU17" s="275">
        <v>0</v>
      </c>
      <c r="GV17" s="276">
        <v>0</v>
      </c>
      <c r="GW17" s="274">
        <v>0</v>
      </c>
      <c r="GX17" s="274">
        <v>0</v>
      </c>
      <c r="GY17" s="274">
        <v>0</v>
      </c>
      <c r="GZ17" s="274">
        <v>0</v>
      </c>
      <c r="HA17" s="274">
        <v>0</v>
      </c>
      <c r="HB17" s="277">
        <v>0</v>
      </c>
      <c r="HC17" s="278">
        <v>0</v>
      </c>
      <c r="HD17" s="273">
        <v>0</v>
      </c>
      <c r="HE17" s="274">
        <v>0</v>
      </c>
      <c r="HF17" s="275">
        <v>0</v>
      </c>
      <c r="HG17" s="279"/>
      <c r="HH17" s="274">
        <v>0</v>
      </c>
      <c r="HI17" s="274">
        <v>0</v>
      </c>
      <c r="HJ17" s="274">
        <v>0</v>
      </c>
      <c r="HK17" s="274">
        <v>0</v>
      </c>
      <c r="HL17" s="274">
        <v>0</v>
      </c>
      <c r="HM17" s="277">
        <v>0</v>
      </c>
      <c r="HN17" s="278">
        <v>0</v>
      </c>
      <c r="HO17" s="273">
        <v>0</v>
      </c>
      <c r="HP17" s="274">
        <v>0</v>
      </c>
      <c r="HQ17" s="275">
        <v>0</v>
      </c>
      <c r="HR17" s="276">
        <v>0</v>
      </c>
      <c r="HS17" s="274">
        <v>89273</v>
      </c>
      <c r="HT17" s="274">
        <v>149628</v>
      </c>
      <c r="HU17" s="274">
        <v>1102214</v>
      </c>
      <c r="HV17" s="274">
        <v>2054601</v>
      </c>
      <c r="HW17" s="274">
        <v>1609588</v>
      </c>
      <c r="HX17" s="277">
        <v>5005304</v>
      </c>
      <c r="HY17" s="278">
        <v>5005304</v>
      </c>
    </row>
    <row r="18" spans="2:233" ht="21" customHeight="1" x14ac:dyDescent="0.2">
      <c r="B18" s="472" t="s">
        <v>15</v>
      </c>
      <c r="C18" s="273">
        <v>0</v>
      </c>
      <c r="D18" s="274">
        <v>0</v>
      </c>
      <c r="E18" s="275">
        <v>0</v>
      </c>
      <c r="F18" s="276">
        <v>0</v>
      </c>
      <c r="G18" s="274">
        <v>181172</v>
      </c>
      <c r="H18" s="274">
        <v>399067</v>
      </c>
      <c r="I18" s="274">
        <v>1595857</v>
      </c>
      <c r="J18" s="274">
        <v>2303320</v>
      </c>
      <c r="K18" s="274">
        <v>1286028</v>
      </c>
      <c r="L18" s="277">
        <v>5765444</v>
      </c>
      <c r="M18" s="278">
        <v>5765444</v>
      </c>
      <c r="N18" s="273">
        <v>0</v>
      </c>
      <c r="O18" s="274">
        <v>0</v>
      </c>
      <c r="P18" s="275">
        <v>0</v>
      </c>
      <c r="Q18" s="279"/>
      <c r="R18" s="274">
        <v>2635</v>
      </c>
      <c r="S18" s="274">
        <v>0</v>
      </c>
      <c r="T18" s="274">
        <v>1117615</v>
      </c>
      <c r="U18" s="274">
        <v>1394410</v>
      </c>
      <c r="V18" s="274">
        <v>1024425</v>
      </c>
      <c r="W18" s="277">
        <v>3539085</v>
      </c>
      <c r="X18" s="278">
        <v>3539085</v>
      </c>
      <c r="Y18" s="273">
        <v>0</v>
      </c>
      <c r="Z18" s="274">
        <v>0</v>
      </c>
      <c r="AA18" s="275">
        <v>0</v>
      </c>
      <c r="AB18" s="279"/>
      <c r="AC18" s="274">
        <v>177180</v>
      </c>
      <c r="AD18" s="274">
        <v>361060</v>
      </c>
      <c r="AE18" s="274">
        <v>242965</v>
      </c>
      <c r="AF18" s="274">
        <v>648189</v>
      </c>
      <c r="AG18" s="274">
        <v>159732</v>
      </c>
      <c r="AH18" s="277">
        <v>1589126</v>
      </c>
      <c r="AI18" s="278">
        <v>1589126</v>
      </c>
      <c r="AJ18" s="273">
        <v>0</v>
      </c>
      <c r="AK18" s="274">
        <v>0</v>
      </c>
      <c r="AL18" s="275">
        <v>0</v>
      </c>
      <c r="AM18" s="279"/>
      <c r="AN18" s="274">
        <v>0</v>
      </c>
      <c r="AO18" s="274">
        <v>0</v>
      </c>
      <c r="AP18" s="274">
        <v>0</v>
      </c>
      <c r="AQ18" s="274">
        <v>0</v>
      </c>
      <c r="AR18" s="274">
        <v>0</v>
      </c>
      <c r="AS18" s="277">
        <v>0</v>
      </c>
      <c r="AT18" s="278">
        <v>0</v>
      </c>
      <c r="AU18" s="273">
        <v>0</v>
      </c>
      <c r="AV18" s="274">
        <v>0</v>
      </c>
      <c r="AW18" s="275">
        <v>0</v>
      </c>
      <c r="AX18" s="279"/>
      <c r="AY18" s="274">
        <v>0</v>
      </c>
      <c r="AZ18" s="274">
        <v>0</v>
      </c>
      <c r="BA18" s="274">
        <v>0</v>
      </c>
      <c r="BB18" s="274">
        <v>0</v>
      </c>
      <c r="BC18" s="274">
        <v>0</v>
      </c>
      <c r="BD18" s="277">
        <v>0</v>
      </c>
      <c r="BE18" s="278">
        <v>0</v>
      </c>
      <c r="BF18" s="273">
        <v>0</v>
      </c>
      <c r="BG18" s="274">
        <v>0</v>
      </c>
      <c r="BH18" s="275">
        <v>0</v>
      </c>
      <c r="BI18" s="279"/>
      <c r="BJ18" s="274">
        <v>0</v>
      </c>
      <c r="BK18" s="274">
        <v>0</v>
      </c>
      <c r="BL18" s="274">
        <v>71530</v>
      </c>
      <c r="BM18" s="274">
        <v>100595</v>
      </c>
      <c r="BN18" s="274">
        <v>49585</v>
      </c>
      <c r="BO18" s="277">
        <v>221710</v>
      </c>
      <c r="BP18" s="278">
        <v>221710</v>
      </c>
      <c r="BQ18" s="273">
        <v>0</v>
      </c>
      <c r="BR18" s="274">
        <v>0</v>
      </c>
      <c r="BS18" s="275">
        <v>0</v>
      </c>
      <c r="BT18" s="276">
        <v>0</v>
      </c>
      <c r="BU18" s="274">
        <v>1357</v>
      </c>
      <c r="BV18" s="274">
        <v>36992</v>
      </c>
      <c r="BW18" s="274">
        <v>162561</v>
      </c>
      <c r="BX18" s="274">
        <v>157780</v>
      </c>
      <c r="BY18" s="274">
        <v>52286</v>
      </c>
      <c r="BZ18" s="277">
        <v>410976</v>
      </c>
      <c r="CA18" s="278">
        <v>410976</v>
      </c>
      <c r="CB18" s="273">
        <v>0</v>
      </c>
      <c r="CC18" s="274">
        <v>0</v>
      </c>
      <c r="CD18" s="275">
        <v>0</v>
      </c>
      <c r="CE18" s="276">
        <v>0</v>
      </c>
      <c r="CF18" s="274">
        <v>0</v>
      </c>
      <c r="CG18" s="274">
        <v>1015</v>
      </c>
      <c r="CH18" s="274">
        <v>1186</v>
      </c>
      <c r="CI18" s="274">
        <v>2346</v>
      </c>
      <c r="CJ18" s="274">
        <v>0</v>
      </c>
      <c r="CK18" s="277">
        <v>4547</v>
      </c>
      <c r="CL18" s="278">
        <v>4547</v>
      </c>
      <c r="CM18" s="273">
        <v>0</v>
      </c>
      <c r="CN18" s="274">
        <v>0</v>
      </c>
      <c r="CO18" s="275">
        <v>0</v>
      </c>
      <c r="CP18" s="276">
        <v>0</v>
      </c>
      <c r="CQ18" s="274">
        <v>0</v>
      </c>
      <c r="CR18" s="274">
        <v>0</v>
      </c>
      <c r="CS18" s="274">
        <v>0</v>
      </c>
      <c r="CT18" s="274">
        <v>0</v>
      </c>
      <c r="CU18" s="274">
        <v>0</v>
      </c>
      <c r="CV18" s="277">
        <v>0</v>
      </c>
      <c r="CW18" s="278">
        <v>0</v>
      </c>
      <c r="CX18" s="273">
        <v>0</v>
      </c>
      <c r="CY18" s="274">
        <v>0</v>
      </c>
      <c r="CZ18" s="275">
        <v>0</v>
      </c>
      <c r="DA18" s="279"/>
      <c r="DB18" s="274">
        <v>0</v>
      </c>
      <c r="DC18" s="274">
        <v>0</v>
      </c>
      <c r="DD18" s="274">
        <v>0</v>
      </c>
      <c r="DE18" s="274">
        <v>0</v>
      </c>
      <c r="DF18" s="274">
        <v>0</v>
      </c>
      <c r="DG18" s="277">
        <v>0</v>
      </c>
      <c r="DH18" s="278">
        <v>0</v>
      </c>
      <c r="DI18" s="273">
        <v>0</v>
      </c>
      <c r="DJ18" s="274">
        <v>0</v>
      </c>
      <c r="DK18" s="275">
        <v>0</v>
      </c>
      <c r="DL18" s="276">
        <v>0</v>
      </c>
      <c r="DM18" s="274">
        <v>25225</v>
      </c>
      <c r="DN18" s="274">
        <v>107226</v>
      </c>
      <c r="DO18" s="274">
        <v>1643544</v>
      </c>
      <c r="DP18" s="274">
        <v>2087166</v>
      </c>
      <c r="DQ18" s="274">
        <v>1391132</v>
      </c>
      <c r="DR18" s="277">
        <v>5254293</v>
      </c>
      <c r="DS18" s="280">
        <v>5254293</v>
      </c>
      <c r="DT18" s="273">
        <v>0</v>
      </c>
      <c r="DU18" s="274">
        <v>0</v>
      </c>
      <c r="DV18" s="275">
        <v>0</v>
      </c>
      <c r="DW18" s="279"/>
      <c r="DX18" s="274">
        <v>10881</v>
      </c>
      <c r="DY18" s="274">
        <v>0</v>
      </c>
      <c r="DZ18" s="274">
        <v>1158900</v>
      </c>
      <c r="EA18" s="274">
        <v>1635424</v>
      </c>
      <c r="EB18" s="274">
        <v>1205048</v>
      </c>
      <c r="EC18" s="277">
        <v>4010253</v>
      </c>
      <c r="ED18" s="278">
        <v>4010253</v>
      </c>
      <c r="EE18" s="273">
        <v>0</v>
      </c>
      <c r="EF18" s="274">
        <v>0</v>
      </c>
      <c r="EG18" s="275">
        <v>0</v>
      </c>
      <c r="EH18" s="279"/>
      <c r="EI18" s="274">
        <v>13374</v>
      </c>
      <c r="EJ18" s="274">
        <v>61179</v>
      </c>
      <c r="EK18" s="274">
        <v>25080</v>
      </c>
      <c r="EL18" s="274">
        <v>53217</v>
      </c>
      <c r="EM18" s="274">
        <v>32680</v>
      </c>
      <c r="EN18" s="277">
        <v>185530</v>
      </c>
      <c r="EO18" s="278">
        <v>185530</v>
      </c>
      <c r="EP18" s="273">
        <v>0</v>
      </c>
      <c r="EQ18" s="274">
        <v>0</v>
      </c>
      <c r="ER18" s="275">
        <v>0</v>
      </c>
      <c r="ES18" s="279"/>
      <c r="ET18" s="274">
        <v>0</v>
      </c>
      <c r="EU18" s="274">
        <v>0</v>
      </c>
      <c r="EV18" s="274">
        <v>0</v>
      </c>
      <c r="EW18" s="274">
        <v>0</v>
      </c>
      <c r="EX18" s="274">
        <v>0</v>
      </c>
      <c r="EY18" s="277">
        <v>0</v>
      </c>
      <c r="EZ18" s="278">
        <v>0</v>
      </c>
      <c r="FA18" s="273">
        <v>0</v>
      </c>
      <c r="FB18" s="274">
        <v>0</v>
      </c>
      <c r="FC18" s="275">
        <v>0</v>
      </c>
      <c r="FD18" s="279"/>
      <c r="FE18" s="274">
        <v>0</v>
      </c>
      <c r="FF18" s="274">
        <v>0</v>
      </c>
      <c r="FG18" s="274">
        <v>0</v>
      </c>
      <c r="FH18" s="274">
        <v>0</v>
      </c>
      <c r="FI18" s="274">
        <v>0</v>
      </c>
      <c r="FJ18" s="277">
        <v>0</v>
      </c>
      <c r="FK18" s="278">
        <v>0</v>
      </c>
      <c r="FL18" s="273">
        <v>0</v>
      </c>
      <c r="FM18" s="274">
        <v>0</v>
      </c>
      <c r="FN18" s="275">
        <v>0</v>
      </c>
      <c r="FO18" s="279"/>
      <c r="FP18" s="274">
        <v>0</v>
      </c>
      <c r="FQ18" s="274">
        <v>0</v>
      </c>
      <c r="FR18" s="274">
        <v>124340</v>
      </c>
      <c r="FS18" s="274">
        <v>181412</v>
      </c>
      <c r="FT18" s="274">
        <v>55742</v>
      </c>
      <c r="FU18" s="277">
        <v>361494</v>
      </c>
      <c r="FV18" s="278">
        <v>361494</v>
      </c>
      <c r="FW18" s="273">
        <v>0</v>
      </c>
      <c r="FX18" s="274">
        <v>0</v>
      </c>
      <c r="FY18" s="275">
        <v>0</v>
      </c>
      <c r="FZ18" s="276">
        <v>0</v>
      </c>
      <c r="GA18" s="274">
        <v>970</v>
      </c>
      <c r="GB18" s="274">
        <v>45998</v>
      </c>
      <c r="GC18" s="274">
        <v>331644</v>
      </c>
      <c r="GD18" s="274">
        <v>216278</v>
      </c>
      <c r="GE18" s="274">
        <v>97662</v>
      </c>
      <c r="GF18" s="277">
        <v>692552</v>
      </c>
      <c r="GG18" s="278">
        <v>692552</v>
      </c>
      <c r="GH18" s="273">
        <v>0</v>
      </c>
      <c r="GI18" s="274">
        <v>0</v>
      </c>
      <c r="GJ18" s="275">
        <v>0</v>
      </c>
      <c r="GK18" s="276">
        <v>0</v>
      </c>
      <c r="GL18" s="274">
        <v>0</v>
      </c>
      <c r="GM18" s="274">
        <v>49</v>
      </c>
      <c r="GN18" s="274">
        <v>3580</v>
      </c>
      <c r="GO18" s="274">
        <v>835</v>
      </c>
      <c r="GP18" s="274">
        <v>0</v>
      </c>
      <c r="GQ18" s="277">
        <v>4464</v>
      </c>
      <c r="GR18" s="278">
        <v>4464</v>
      </c>
      <c r="GS18" s="273">
        <v>0</v>
      </c>
      <c r="GT18" s="274">
        <v>0</v>
      </c>
      <c r="GU18" s="275">
        <v>0</v>
      </c>
      <c r="GV18" s="276">
        <v>0</v>
      </c>
      <c r="GW18" s="274">
        <v>0</v>
      </c>
      <c r="GX18" s="274">
        <v>0</v>
      </c>
      <c r="GY18" s="274">
        <v>0</v>
      </c>
      <c r="GZ18" s="274">
        <v>0</v>
      </c>
      <c r="HA18" s="274">
        <v>0</v>
      </c>
      <c r="HB18" s="277">
        <v>0</v>
      </c>
      <c r="HC18" s="278">
        <v>0</v>
      </c>
      <c r="HD18" s="273">
        <v>0</v>
      </c>
      <c r="HE18" s="274">
        <v>0</v>
      </c>
      <c r="HF18" s="275">
        <v>0</v>
      </c>
      <c r="HG18" s="279"/>
      <c r="HH18" s="274">
        <v>0</v>
      </c>
      <c r="HI18" s="274">
        <v>0</v>
      </c>
      <c r="HJ18" s="274">
        <v>0</v>
      </c>
      <c r="HK18" s="274">
        <v>0</v>
      </c>
      <c r="HL18" s="274">
        <v>0</v>
      </c>
      <c r="HM18" s="277">
        <v>0</v>
      </c>
      <c r="HN18" s="278">
        <v>0</v>
      </c>
      <c r="HO18" s="273">
        <v>0</v>
      </c>
      <c r="HP18" s="274">
        <v>0</v>
      </c>
      <c r="HQ18" s="275">
        <v>0</v>
      </c>
      <c r="HR18" s="276">
        <v>0</v>
      </c>
      <c r="HS18" s="274">
        <v>206397</v>
      </c>
      <c r="HT18" s="274">
        <v>506293</v>
      </c>
      <c r="HU18" s="274">
        <v>3239401</v>
      </c>
      <c r="HV18" s="274">
        <v>4390486</v>
      </c>
      <c r="HW18" s="274">
        <v>2677160</v>
      </c>
      <c r="HX18" s="277">
        <v>11019737</v>
      </c>
      <c r="HY18" s="278">
        <v>11019737</v>
      </c>
    </row>
    <row r="19" spans="2:233" ht="21" customHeight="1" x14ac:dyDescent="0.2">
      <c r="B19" s="472" t="s">
        <v>16</v>
      </c>
      <c r="C19" s="273">
        <v>0</v>
      </c>
      <c r="D19" s="274">
        <v>0</v>
      </c>
      <c r="E19" s="275">
        <v>0</v>
      </c>
      <c r="F19" s="276">
        <v>0</v>
      </c>
      <c r="G19" s="274">
        <v>327704</v>
      </c>
      <c r="H19" s="274">
        <v>636389</v>
      </c>
      <c r="I19" s="274">
        <v>2827063</v>
      </c>
      <c r="J19" s="274">
        <v>3471060</v>
      </c>
      <c r="K19" s="274">
        <v>2247696</v>
      </c>
      <c r="L19" s="277">
        <v>9509912</v>
      </c>
      <c r="M19" s="278">
        <v>9509912</v>
      </c>
      <c r="N19" s="273">
        <v>0</v>
      </c>
      <c r="O19" s="274">
        <v>0</v>
      </c>
      <c r="P19" s="275">
        <v>0</v>
      </c>
      <c r="Q19" s="279"/>
      <c r="R19" s="274">
        <v>80422</v>
      </c>
      <c r="S19" s="274">
        <v>28160</v>
      </c>
      <c r="T19" s="274">
        <v>1792945</v>
      </c>
      <c r="U19" s="274">
        <v>2443220</v>
      </c>
      <c r="V19" s="274">
        <v>1640083</v>
      </c>
      <c r="W19" s="277">
        <v>5984830</v>
      </c>
      <c r="X19" s="278">
        <v>5984830</v>
      </c>
      <c r="Y19" s="273">
        <v>0</v>
      </c>
      <c r="Z19" s="274">
        <v>0</v>
      </c>
      <c r="AA19" s="275">
        <v>0</v>
      </c>
      <c r="AB19" s="279"/>
      <c r="AC19" s="274">
        <v>174760</v>
      </c>
      <c r="AD19" s="274">
        <v>509245</v>
      </c>
      <c r="AE19" s="274">
        <v>941217</v>
      </c>
      <c r="AF19" s="274">
        <v>737170</v>
      </c>
      <c r="AG19" s="274">
        <v>311680</v>
      </c>
      <c r="AH19" s="277">
        <v>2674072</v>
      </c>
      <c r="AI19" s="278">
        <v>2674072</v>
      </c>
      <c r="AJ19" s="273">
        <v>0</v>
      </c>
      <c r="AK19" s="274">
        <v>0</v>
      </c>
      <c r="AL19" s="275">
        <v>0</v>
      </c>
      <c r="AM19" s="279"/>
      <c r="AN19" s="274">
        <v>0</v>
      </c>
      <c r="AO19" s="274">
        <v>0</v>
      </c>
      <c r="AP19" s="274">
        <v>0</v>
      </c>
      <c r="AQ19" s="274">
        <v>0</v>
      </c>
      <c r="AR19" s="274">
        <v>0</v>
      </c>
      <c r="AS19" s="277">
        <v>0</v>
      </c>
      <c r="AT19" s="278">
        <v>0</v>
      </c>
      <c r="AU19" s="273">
        <v>0</v>
      </c>
      <c r="AV19" s="274">
        <v>0</v>
      </c>
      <c r="AW19" s="275">
        <v>0</v>
      </c>
      <c r="AX19" s="279"/>
      <c r="AY19" s="274">
        <v>0</v>
      </c>
      <c r="AZ19" s="274">
        <v>0</v>
      </c>
      <c r="BA19" s="274">
        <v>0</v>
      </c>
      <c r="BB19" s="274">
        <v>114235</v>
      </c>
      <c r="BC19" s="274">
        <v>112450</v>
      </c>
      <c r="BD19" s="277">
        <v>226685</v>
      </c>
      <c r="BE19" s="278">
        <v>226685</v>
      </c>
      <c r="BF19" s="273">
        <v>0</v>
      </c>
      <c r="BG19" s="274">
        <v>0</v>
      </c>
      <c r="BH19" s="275">
        <v>0</v>
      </c>
      <c r="BI19" s="279"/>
      <c r="BJ19" s="274">
        <v>2635</v>
      </c>
      <c r="BK19" s="274">
        <v>27280</v>
      </c>
      <c r="BL19" s="274">
        <v>29915</v>
      </c>
      <c r="BM19" s="274">
        <v>61825</v>
      </c>
      <c r="BN19" s="274">
        <v>143180</v>
      </c>
      <c r="BO19" s="277">
        <v>264835</v>
      </c>
      <c r="BP19" s="278">
        <v>264835</v>
      </c>
      <c r="BQ19" s="273">
        <v>0</v>
      </c>
      <c r="BR19" s="274">
        <v>0</v>
      </c>
      <c r="BS19" s="275">
        <v>0</v>
      </c>
      <c r="BT19" s="276">
        <v>0</v>
      </c>
      <c r="BU19" s="274">
        <v>69742</v>
      </c>
      <c r="BV19" s="274">
        <v>71376</v>
      </c>
      <c r="BW19" s="274">
        <v>62986</v>
      </c>
      <c r="BX19" s="274">
        <v>107420</v>
      </c>
      <c r="BY19" s="274">
        <v>40303</v>
      </c>
      <c r="BZ19" s="277">
        <v>351827</v>
      </c>
      <c r="CA19" s="278">
        <v>351827</v>
      </c>
      <c r="CB19" s="273">
        <v>0</v>
      </c>
      <c r="CC19" s="274">
        <v>0</v>
      </c>
      <c r="CD19" s="275">
        <v>0</v>
      </c>
      <c r="CE19" s="276">
        <v>0</v>
      </c>
      <c r="CF19" s="274">
        <v>145</v>
      </c>
      <c r="CG19" s="274">
        <v>328</v>
      </c>
      <c r="CH19" s="274">
        <v>0</v>
      </c>
      <c r="CI19" s="274">
        <v>7190</v>
      </c>
      <c r="CJ19" s="274">
        <v>0</v>
      </c>
      <c r="CK19" s="277">
        <v>7663</v>
      </c>
      <c r="CL19" s="278">
        <v>7663</v>
      </c>
      <c r="CM19" s="273">
        <v>0</v>
      </c>
      <c r="CN19" s="274">
        <v>0</v>
      </c>
      <c r="CO19" s="275">
        <v>0</v>
      </c>
      <c r="CP19" s="276">
        <v>0</v>
      </c>
      <c r="CQ19" s="274">
        <v>0</v>
      </c>
      <c r="CR19" s="274">
        <v>0</v>
      </c>
      <c r="CS19" s="274">
        <v>0</v>
      </c>
      <c r="CT19" s="274">
        <v>0</v>
      </c>
      <c r="CU19" s="274">
        <v>0</v>
      </c>
      <c r="CV19" s="277">
        <v>0</v>
      </c>
      <c r="CW19" s="278">
        <v>0</v>
      </c>
      <c r="CX19" s="273">
        <v>0</v>
      </c>
      <c r="CY19" s="274">
        <v>0</v>
      </c>
      <c r="CZ19" s="275">
        <v>0</v>
      </c>
      <c r="DA19" s="279"/>
      <c r="DB19" s="274">
        <v>0</v>
      </c>
      <c r="DC19" s="274">
        <v>0</v>
      </c>
      <c r="DD19" s="274">
        <v>0</v>
      </c>
      <c r="DE19" s="274">
        <v>0</v>
      </c>
      <c r="DF19" s="274">
        <v>0</v>
      </c>
      <c r="DG19" s="277">
        <v>0</v>
      </c>
      <c r="DH19" s="278">
        <v>0</v>
      </c>
      <c r="DI19" s="273">
        <v>1392</v>
      </c>
      <c r="DJ19" s="274">
        <v>0</v>
      </c>
      <c r="DK19" s="275">
        <v>1392</v>
      </c>
      <c r="DL19" s="276">
        <v>0</v>
      </c>
      <c r="DM19" s="274">
        <v>407471</v>
      </c>
      <c r="DN19" s="274">
        <v>603145</v>
      </c>
      <c r="DO19" s="274">
        <v>3143774</v>
      </c>
      <c r="DP19" s="274">
        <v>3921548</v>
      </c>
      <c r="DQ19" s="274">
        <v>2407411</v>
      </c>
      <c r="DR19" s="277">
        <v>10483349</v>
      </c>
      <c r="DS19" s="280">
        <v>10484741</v>
      </c>
      <c r="DT19" s="273">
        <v>0</v>
      </c>
      <c r="DU19" s="274">
        <v>0</v>
      </c>
      <c r="DV19" s="275">
        <v>0</v>
      </c>
      <c r="DW19" s="279"/>
      <c r="DX19" s="274">
        <v>91027</v>
      </c>
      <c r="DY19" s="274">
        <v>195672</v>
      </c>
      <c r="DZ19" s="274">
        <v>2622095</v>
      </c>
      <c r="EA19" s="274">
        <v>3386132</v>
      </c>
      <c r="EB19" s="274">
        <v>2006897</v>
      </c>
      <c r="EC19" s="277">
        <v>8301823</v>
      </c>
      <c r="ED19" s="278">
        <v>8301823</v>
      </c>
      <c r="EE19" s="273">
        <v>0</v>
      </c>
      <c r="EF19" s="274">
        <v>0</v>
      </c>
      <c r="EG19" s="275">
        <v>0</v>
      </c>
      <c r="EH19" s="279"/>
      <c r="EI19" s="274">
        <v>201459</v>
      </c>
      <c r="EJ19" s="274">
        <v>236603</v>
      </c>
      <c r="EK19" s="274">
        <v>315113</v>
      </c>
      <c r="EL19" s="274">
        <v>183866</v>
      </c>
      <c r="EM19" s="274">
        <v>126494</v>
      </c>
      <c r="EN19" s="277">
        <v>1063535</v>
      </c>
      <c r="EO19" s="278">
        <v>1063535</v>
      </c>
      <c r="EP19" s="273">
        <v>0</v>
      </c>
      <c r="EQ19" s="274">
        <v>0</v>
      </c>
      <c r="ER19" s="275">
        <v>0</v>
      </c>
      <c r="ES19" s="279"/>
      <c r="ET19" s="274">
        <v>0</v>
      </c>
      <c r="EU19" s="274">
        <v>0</v>
      </c>
      <c r="EV19" s="274">
        <v>0</v>
      </c>
      <c r="EW19" s="274">
        <v>0</v>
      </c>
      <c r="EX19" s="274">
        <v>0</v>
      </c>
      <c r="EY19" s="277">
        <v>0</v>
      </c>
      <c r="EZ19" s="278">
        <v>0</v>
      </c>
      <c r="FA19" s="273">
        <v>0</v>
      </c>
      <c r="FB19" s="274">
        <v>0</v>
      </c>
      <c r="FC19" s="275">
        <v>0</v>
      </c>
      <c r="FD19" s="279"/>
      <c r="FE19" s="274">
        <v>0</v>
      </c>
      <c r="FF19" s="274">
        <v>0</v>
      </c>
      <c r="FG19" s="274">
        <v>0</v>
      </c>
      <c r="FH19" s="274">
        <v>24459</v>
      </c>
      <c r="FI19" s="274">
        <v>24410</v>
      </c>
      <c r="FJ19" s="277">
        <v>48869</v>
      </c>
      <c r="FK19" s="278">
        <v>48869</v>
      </c>
      <c r="FL19" s="273">
        <v>0</v>
      </c>
      <c r="FM19" s="274">
        <v>0</v>
      </c>
      <c r="FN19" s="275">
        <v>0</v>
      </c>
      <c r="FO19" s="279"/>
      <c r="FP19" s="274">
        <v>21576</v>
      </c>
      <c r="FQ19" s="274">
        <v>43152</v>
      </c>
      <c r="FR19" s="274">
        <v>64728</v>
      </c>
      <c r="FS19" s="274">
        <v>101494</v>
      </c>
      <c r="FT19" s="274">
        <v>193044</v>
      </c>
      <c r="FU19" s="277">
        <v>423994</v>
      </c>
      <c r="FV19" s="278">
        <v>423994</v>
      </c>
      <c r="FW19" s="273">
        <v>1392</v>
      </c>
      <c r="FX19" s="274">
        <v>0</v>
      </c>
      <c r="FY19" s="275">
        <v>1392</v>
      </c>
      <c r="FZ19" s="276">
        <v>0</v>
      </c>
      <c r="GA19" s="274">
        <v>93395</v>
      </c>
      <c r="GB19" s="274">
        <v>127697</v>
      </c>
      <c r="GC19" s="274">
        <v>141838</v>
      </c>
      <c r="GD19" s="274">
        <v>219994</v>
      </c>
      <c r="GE19" s="274">
        <v>56566</v>
      </c>
      <c r="GF19" s="277">
        <v>639490</v>
      </c>
      <c r="GG19" s="278">
        <v>640882</v>
      </c>
      <c r="GH19" s="273">
        <v>0</v>
      </c>
      <c r="GI19" s="274">
        <v>0</v>
      </c>
      <c r="GJ19" s="275">
        <v>0</v>
      </c>
      <c r="GK19" s="276">
        <v>0</v>
      </c>
      <c r="GL19" s="274">
        <v>14</v>
      </c>
      <c r="GM19" s="274">
        <v>21</v>
      </c>
      <c r="GN19" s="274">
        <v>0</v>
      </c>
      <c r="GO19" s="274">
        <v>5603</v>
      </c>
      <c r="GP19" s="274">
        <v>0</v>
      </c>
      <c r="GQ19" s="277">
        <v>5638</v>
      </c>
      <c r="GR19" s="278">
        <v>5638</v>
      </c>
      <c r="GS19" s="273">
        <v>0</v>
      </c>
      <c r="GT19" s="274">
        <v>0</v>
      </c>
      <c r="GU19" s="275">
        <v>0</v>
      </c>
      <c r="GV19" s="276">
        <v>0</v>
      </c>
      <c r="GW19" s="274">
        <v>0</v>
      </c>
      <c r="GX19" s="274">
        <v>0</v>
      </c>
      <c r="GY19" s="274">
        <v>0</v>
      </c>
      <c r="GZ19" s="274">
        <v>0</v>
      </c>
      <c r="HA19" s="274">
        <v>0</v>
      </c>
      <c r="HB19" s="277">
        <v>0</v>
      </c>
      <c r="HC19" s="278">
        <v>0</v>
      </c>
      <c r="HD19" s="273">
        <v>0</v>
      </c>
      <c r="HE19" s="274">
        <v>0</v>
      </c>
      <c r="HF19" s="275">
        <v>0</v>
      </c>
      <c r="HG19" s="279"/>
      <c r="HH19" s="274">
        <v>0</v>
      </c>
      <c r="HI19" s="274">
        <v>0</v>
      </c>
      <c r="HJ19" s="274">
        <v>0</v>
      </c>
      <c r="HK19" s="274">
        <v>0</v>
      </c>
      <c r="HL19" s="274">
        <v>0</v>
      </c>
      <c r="HM19" s="277">
        <v>0</v>
      </c>
      <c r="HN19" s="278">
        <v>0</v>
      </c>
      <c r="HO19" s="273">
        <v>1392</v>
      </c>
      <c r="HP19" s="274">
        <v>0</v>
      </c>
      <c r="HQ19" s="275">
        <v>1392</v>
      </c>
      <c r="HR19" s="276">
        <v>0</v>
      </c>
      <c r="HS19" s="274">
        <v>735175</v>
      </c>
      <c r="HT19" s="274">
        <v>1239534</v>
      </c>
      <c r="HU19" s="274">
        <v>5970837</v>
      </c>
      <c r="HV19" s="274">
        <v>7392608</v>
      </c>
      <c r="HW19" s="274">
        <v>4655107</v>
      </c>
      <c r="HX19" s="277">
        <v>19993261</v>
      </c>
      <c r="HY19" s="278">
        <v>19994653</v>
      </c>
    </row>
    <row r="20" spans="2:233" ht="21" customHeight="1" x14ac:dyDescent="0.2">
      <c r="B20" s="472" t="s">
        <v>17</v>
      </c>
      <c r="C20" s="273">
        <v>3290</v>
      </c>
      <c r="D20" s="274">
        <v>725</v>
      </c>
      <c r="E20" s="275">
        <v>4015</v>
      </c>
      <c r="F20" s="276">
        <v>0</v>
      </c>
      <c r="G20" s="274">
        <v>233355</v>
      </c>
      <c r="H20" s="274">
        <v>1076881</v>
      </c>
      <c r="I20" s="274">
        <v>2795670</v>
      </c>
      <c r="J20" s="274">
        <v>3389493</v>
      </c>
      <c r="K20" s="274">
        <v>2737905</v>
      </c>
      <c r="L20" s="277">
        <v>10233304</v>
      </c>
      <c r="M20" s="278">
        <v>10237319</v>
      </c>
      <c r="N20" s="273">
        <v>0</v>
      </c>
      <c r="O20" s="274">
        <v>0</v>
      </c>
      <c r="P20" s="275">
        <v>0</v>
      </c>
      <c r="Q20" s="279"/>
      <c r="R20" s="274">
        <v>55415</v>
      </c>
      <c r="S20" s="274">
        <v>167110</v>
      </c>
      <c r="T20" s="274">
        <v>1540930</v>
      </c>
      <c r="U20" s="274">
        <v>2197525</v>
      </c>
      <c r="V20" s="274">
        <v>2009725</v>
      </c>
      <c r="W20" s="277">
        <v>5970705</v>
      </c>
      <c r="X20" s="278">
        <v>5970705</v>
      </c>
      <c r="Y20" s="273">
        <v>0</v>
      </c>
      <c r="Z20" s="274">
        <v>0</v>
      </c>
      <c r="AA20" s="275">
        <v>0</v>
      </c>
      <c r="AB20" s="279"/>
      <c r="AC20" s="274">
        <v>154625</v>
      </c>
      <c r="AD20" s="274">
        <v>857521</v>
      </c>
      <c r="AE20" s="274">
        <v>907750</v>
      </c>
      <c r="AF20" s="274">
        <v>638368</v>
      </c>
      <c r="AG20" s="274">
        <v>265740</v>
      </c>
      <c r="AH20" s="277">
        <v>2824004</v>
      </c>
      <c r="AI20" s="278">
        <v>2824004</v>
      </c>
      <c r="AJ20" s="273">
        <v>0</v>
      </c>
      <c r="AK20" s="274">
        <v>0</v>
      </c>
      <c r="AL20" s="275">
        <v>0</v>
      </c>
      <c r="AM20" s="279"/>
      <c r="AN20" s="274">
        <v>0</v>
      </c>
      <c r="AO20" s="274">
        <v>0</v>
      </c>
      <c r="AP20" s="274">
        <v>0</v>
      </c>
      <c r="AQ20" s="274">
        <v>0</v>
      </c>
      <c r="AR20" s="274">
        <v>2635</v>
      </c>
      <c r="AS20" s="277">
        <v>2635</v>
      </c>
      <c r="AT20" s="278">
        <v>2635</v>
      </c>
      <c r="AU20" s="273">
        <v>0</v>
      </c>
      <c r="AV20" s="274">
        <v>0</v>
      </c>
      <c r="AW20" s="275">
        <v>0</v>
      </c>
      <c r="AX20" s="279"/>
      <c r="AY20" s="274">
        <v>0</v>
      </c>
      <c r="AZ20" s="274">
        <v>0</v>
      </c>
      <c r="BA20" s="274">
        <v>0</v>
      </c>
      <c r="BB20" s="274">
        <v>2635</v>
      </c>
      <c r="BC20" s="274">
        <v>90055</v>
      </c>
      <c r="BD20" s="277">
        <v>92690</v>
      </c>
      <c r="BE20" s="278">
        <v>92690</v>
      </c>
      <c r="BF20" s="273">
        <v>0</v>
      </c>
      <c r="BG20" s="274">
        <v>0</v>
      </c>
      <c r="BH20" s="275">
        <v>0</v>
      </c>
      <c r="BI20" s="279"/>
      <c r="BJ20" s="274">
        <v>0</v>
      </c>
      <c r="BK20" s="274">
        <v>2635</v>
      </c>
      <c r="BL20" s="274">
        <v>186715</v>
      </c>
      <c r="BM20" s="274">
        <v>257025</v>
      </c>
      <c r="BN20" s="274">
        <v>198655</v>
      </c>
      <c r="BO20" s="277">
        <v>645030</v>
      </c>
      <c r="BP20" s="278">
        <v>645030</v>
      </c>
      <c r="BQ20" s="273">
        <v>3290</v>
      </c>
      <c r="BR20" s="274">
        <v>0</v>
      </c>
      <c r="BS20" s="275">
        <v>3290</v>
      </c>
      <c r="BT20" s="276">
        <v>0</v>
      </c>
      <c r="BU20" s="274">
        <v>23315</v>
      </c>
      <c r="BV20" s="274">
        <v>39505</v>
      </c>
      <c r="BW20" s="274">
        <v>159840</v>
      </c>
      <c r="BX20" s="274">
        <v>261435</v>
      </c>
      <c r="BY20" s="274">
        <v>152395</v>
      </c>
      <c r="BZ20" s="277">
        <v>636490</v>
      </c>
      <c r="CA20" s="278">
        <v>639780</v>
      </c>
      <c r="CB20" s="273">
        <v>0</v>
      </c>
      <c r="CC20" s="274">
        <v>725</v>
      </c>
      <c r="CD20" s="275">
        <v>725</v>
      </c>
      <c r="CE20" s="276">
        <v>0</v>
      </c>
      <c r="CF20" s="274">
        <v>0</v>
      </c>
      <c r="CG20" s="274">
        <v>10110</v>
      </c>
      <c r="CH20" s="274">
        <v>435</v>
      </c>
      <c r="CI20" s="274">
        <v>32505</v>
      </c>
      <c r="CJ20" s="274">
        <v>18700</v>
      </c>
      <c r="CK20" s="277">
        <v>61750</v>
      </c>
      <c r="CL20" s="278">
        <v>62475</v>
      </c>
      <c r="CM20" s="273">
        <v>0</v>
      </c>
      <c r="CN20" s="274">
        <v>0</v>
      </c>
      <c r="CO20" s="275">
        <v>0</v>
      </c>
      <c r="CP20" s="276">
        <v>0</v>
      </c>
      <c r="CQ20" s="274">
        <v>0</v>
      </c>
      <c r="CR20" s="274">
        <v>0</v>
      </c>
      <c r="CS20" s="274">
        <v>0</v>
      </c>
      <c r="CT20" s="274">
        <v>0</v>
      </c>
      <c r="CU20" s="274">
        <v>0</v>
      </c>
      <c r="CV20" s="277">
        <v>0</v>
      </c>
      <c r="CW20" s="278">
        <v>0</v>
      </c>
      <c r="CX20" s="273">
        <v>0</v>
      </c>
      <c r="CY20" s="274">
        <v>0</v>
      </c>
      <c r="CZ20" s="275">
        <v>0</v>
      </c>
      <c r="DA20" s="279"/>
      <c r="DB20" s="274">
        <v>0</v>
      </c>
      <c r="DC20" s="274">
        <v>0</v>
      </c>
      <c r="DD20" s="274">
        <v>0</v>
      </c>
      <c r="DE20" s="274">
        <v>0</v>
      </c>
      <c r="DF20" s="274">
        <v>0</v>
      </c>
      <c r="DG20" s="277">
        <v>0</v>
      </c>
      <c r="DH20" s="278">
        <v>0</v>
      </c>
      <c r="DI20" s="273">
        <v>3558</v>
      </c>
      <c r="DJ20" s="274">
        <v>63</v>
      </c>
      <c r="DK20" s="275">
        <v>3621</v>
      </c>
      <c r="DL20" s="276">
        <v>0</v>
      </c>
      <c r="DM20" s="274">
        <v>60319</v>
      </c>
      <c r="DN20" s="274">
        <v>379698</v>
      </c>
      <c r="DO20" s="274">
        <v>2849645</v>
      </c>
      <c r="DP20" s="274">
        <v>3814618</v>
      </c>
      <c r="DQ20" s="274">
        <v>2858914</v>
      </c>
      <c r="DR20" s="277">
        <v>9963194</v>
      </c>
      <c r="DS20" s="280">
        <v>9966815</v>
      </c>
      <c r="DT20" s="273">
        <v>0</v>
      </c>
      <c r="DU20" s="274">
        <v>0</v>
      </c>
      <c r="DV20" s="275">
        <v>0</v>
      </c>
      <c r="DW20" s="279"/>
      <c r="DX20" s="274">
        <v>30070</v>
      </c>
      <c r="DY20" s="274">
        <v>223565</v>
      </c>
      <c r="DZ20" s="274">
        <v>2183507</v>
      </c>
      <c r="EA20" s="274">
        <v>3120075</v>
      </c>
      <c r="EB20" s="274">
        <v>2294049</v>
      </c>
      <c r="EC20" s="277">
        <v>7851266</v>
      </c>
      <c r="ED20" s="278">
        <v>7851266</v>
      </c>
      <c r="EE20" s="273">
        <v>0</v>
      </c>
      <c r="EF20" s="274">
        <v>0</v>
      </c>
      <c r="EG20" s="275">
        <v>0</v>
      </c>
      <c r="EH20" s="279"/>
      <c r="EI20" s="274">
        <v>3374</v>
      </c>
      <c r="EJ20" s="274">
        <v>53466</v>
      </c>
      <c r="EK20" s="274">
        <v>89844</v>
      </c>
      <c r="EL20" s="274">
        <v>54797</v>
      </c>
      <c r="EM20" s="274">
        <v>4641</v>
      </c>
      <c r="EN20" s="277">
        <v>206122</v>
      </c>
      <c r="EO20" s="278">
        <v>206122</v>
      </c>
      <c r="EP20" s="273">
        <v>0</v>
      </c>
      <c r="EQ20" s="274">
        <v>0</v>
      </c>
      <c r="ER20" s="275">
        <v>0</v>
      </c>
      <c r="ES20" s="279"/>
      <c r="ET20" s="274">
        <v>0</v>
      </c>
      <c r="EU20" s="274">
        <v>0</v>
      </c>
      <c r="EV20" s="274">
        <v>0</v>
      </c>
      <c r="EW20" s="274">
        <v>0</v>
      </c>
      <c r="EX20" s="274">
        <v>217</v>
      </c>
      <c r="EY20" s="277">
        <v>217</v>
      </c>
      <c r="EZ20" s="278">
        <v>217</v>
      </c>
      <c r="FA20" s="273">
        <v>0</v>
      </c>
      <c r="FB20" s="274">
        <v>0</v>
      </c>
      <c r="FC20" s="275">
        <v>0</v>
      </c>
      <c r="FD20" s="279"/>
      <c r="FE20" s="274">
        <v>0</v>
      </c>
      <c r="FF20" s="274">
        <v>0</v>
      </c>
      <c r="FG20" s="274">
        <v>0</v>
      </c>
      <c r="FH20" s="274">
        <v>217</v>
      </c>
      <c r="FI20" s="274">
        <v>31097</v>
      </c>
      <c r="FJ20" s="277">
        <v>31314</v>
      </c>
      <c r="FK20" s="278">
        <v>31314</v>
      </c>
      <c r="FL20" s="273">
        <v>0</v>
      </c>
      <c r="FM20" s="274">
        <v>0</v>
      </c>
      <c r="FN20" s="275">
        <v>0</v>
      </c>
      <c r="FO20" s="279"/>
      <c r="FP20" s="274">
        <v>0</v>
      </c>
      <c r="FQ20" s="274">
        <v>10881</v>
      </c>
      <c r="FR20" s="274">
        <v>328852</v>
      </c>
      <c r="FS20" s="274">
        <v>354207</v>
      </c>
      <c r="FT20" s="274">
        <v>372403</v>
      </c>
      <c r="FU20" s="277">
        <v>1066343</v>
      </c>
      <c r="FV20" s="278">
        <v>1066343</v>
      </c>
      <c r="FW20" s="273">
        <v>3558</v>
      </c>
      <c r="FX20" s="274">
        <v>0</v>
      </c>
      <c r="FY20" s="275">
        <v>3558</v>
      </c>
      <c r="FZ20" s="276">
        <v>0</v>
      </c>
      <c r="GA20" s="274">
        <v>26875</v>
      </c>
      <c r="GB20" s="274">
        <v>89775</v>
      </c>
      <c r="GC20" s="274">
        <v>247421</v>
      </c>
      <c r="GD20" s="274">
        <v>284965</v>
      </c>
      <c r="GE20" s="274">
        <v>147950</v>
      </c>
      <c r="GF20" s="277">
        <v>796986</v>
      </c>
      <c r="GG20" s="278">
        <v>800544</v>
      </c>
      <c r="GH20" s="273">
        <v>0</v>
      </c>
      <c r="GI20" s="274">
        <v>63</v>
      </c>
      <c r="GJ20" s="275">
        <v>63</v>
      </c>
      <c r="GK20" s="276">
        <v>0</v>
      </c>
      <c r="GL20" s="274">
        <v>0</v>
      </c>
      <c r="GM20" s="274">
        <v>2011</v>
      </c>
      <c r="GN20" s="274">
        <v>21</v>
      </c>
      <c r="GO20" s="274">
        <v>357</v>
      </c>
      <c r="GP20" s="274">
        <v>8557</v>
      </c>
      <c r="GQ20" s="277">
        <v>10946</v>
      </c>
      <c r="GR20" s="278">
        <v>11009</v>
      </c>
      <c r="GS20" s="273">
        <v>0</v>
      </c>
      <c r="GT20" s="274">
        <v>0</v>
      </c>
      <c r="GU20" s="275">
        <v>0</v>
      </c>
      <c r="GV20" s="276">
        <v>0</v>
      </c>
      <c r="GW20" s="274">
        <v>0</v>
      </c>
      <c r="GX20" s="274">
        <v>0</v>
      </c>
      <c r="GY20" s="274">
        <v>0</v>
      </c>
      <c r="GZ20" s="274">
        <v>0</v>
      </c>
      <c r="HA20" s="274">
        <v>0</v>
      </c>
      <c r="HB20" s="277">
        <v>0</v>
      </c>
      <c r="HC20" s="278">
        <v>0</v>
      </c>
      <c r="HD20" s="273">
        <v>0</v>
      </c>
      <c r="HE20" s="274">
        <v>0</v>
      </c>
      <c r="HF20" s="275">
        <v>0</v>
      </c>
      <c r="HG20" s="279"/>
      <c r="HH20" s="274">
        <v>0</v>
      </c>
      <c r="HI20" s="274">
        <v>0</v>
      </c>
      <c r="HJ20" s="274">
        <v>0</v>
      </c>
      <c r="HK20" s="274">
        <v>0</v>
      </c>
      <c r="HL20" s="274">
        <v>0</v>
      </c>
      <c r="HM20" s="277">
        <v>0</v>
      </c>
      <c r="HN20" s="278">
        <v>0</v>
      </c>
      <c r="HO20" s="273">
        <v>6848</v>
      </c>
      <c r="HP20" s="274">
        <v>788</v>
      </c>
      <c r="HQ20" s="275">
        <v>7636</v>
      </c>
      <c r="HR20" s="276">
        <v>0</v>
      </c>
      <c r="HS20" s="274">
        <v>293674</v>
      </c>
      <c r="HT20" s="274">
        <v>1456579</v>
      </c>
      <c r="HU20" s="274">
        <v>5645315</v>
      </c>
      <c r="HV20" s="274">
        <v>7204111</v>
      </c>
      <c r="HW20" s="274">
        <v>5596819</v>
      </c>
      <c r="HX20" s="277">
        <v>20196498</v>
      </c>
      <c r="HY20" s="278">
        <v>20204134</v>
      </c>
    </row>
    <row r="21" spans="2:233" ht="21" customHeight="1" x14ac:dyDescent="0.2">
      <c r="B21" s="472" t="s">
        <v>18</v>
      </c>
      <c r="C21" s="273">
        <v>9295</v>
      </c>
      <c r="D21" s="274">
        <v>590</v>
      </c>
      <c r="E21" s="275">
        <v>9885</v>
      </c>
      <c r="F21" s="276">
        <v>0</v>
      </c>
      <c r="G21" s="274">
        <v>277720</v>
      </c>
      <c r="H21" s="274">
        <v>655465</v>
      </c>
      <c r="I21" s="274">
        <v>2082840</v>
      </c>
      <c r="J21" s="274">
        <v>3811352</v>
      </c>
      <c r="K21" s="274">
        <v>2235557</v>
      </c>
      <c r="L21" s="277">
        <v>9062934</v>
      </c>
      <c r="M21" s="278">
        <v>9072819</v>
      </c>
      <c r="N21" s="273">
        <v>0</v>
      </c>
      <c r="O21" s="274">
        <v>0</v>
      </c>
      <c r="P21" s="275">
        <v>0</v>
      </c>
      <c r="Q21" s="279"/>
      <c r="R21" s="274">
        <v>25265</v>
      </c>
      <c r="S21" s="274">
        <v>86280</v>
      </c>
      <c r="T21" s="274">
        <v>1311735</v>
      </c>
      <c r="U21" s="274">
        <v>2898682</v>
      </c>
      <c r="V21" s="274">
        <v>1699557</v>
      </c>
      <c r="W21" s="277">
        <v>6021519</v>
      </c>
      <c r="X21" s="278">
        <v>6021519</v>
      </c>
      <c r="Y21" s="273">
        <v>0</v>
      </c>
      <c r="Z21" s="274">
        <v>0</v>
      </c>
      <c r="AA21" s="275">
        <v>0</v>
      </c>
      <c r="AB21" s="279"/>
      <c r="AC21" s="274">
        <v>202220</v>
      </c>
      <c r="AD21" s="274">
        <v>497805</v>
      </c>
      <c r="AE21" s="274">
        <v>557705</v>
      </c>
      <c r="AF21" s="274">
        <v>355930</v>
      </c>
      <c r="AG21" s="274">
        <v>279990</v>
      </c>
      <c r="AH21" s="277">
        <v>1893650</v>
      </c>
      <c r="AI21" s="278">
        <v>1893650</v>
      </c>
      <c r="AJ21" s="273">
        <v>0</v>
      </c>
      <c r="AK21" s="274">
        <v>0</v>
      </c>
      <c r="AL21" s="275">
        <v>0</v>
      </c>
      <c r="AM21" s="279"/>
      <c r="AN21" s="274">
        <v>0</v>
      </c>
      <c r="AO21" s="274">
        <v>0</v>
      </c>
      <c r="AP21" s="274">
        <v>0</v>
      </c>
      <c r="AQ21" s="274">
        <v>2635</v>
      </c>
      <c r="AR21" s="274">
        <v>0</v>
      </c>
      <c r="AS21" s="277">
        <v>2635</v>
      </c>
      <c r="AT21" s="278">
        <v>2635</v>
      </c>
      <c r="AU21" s="273">
        <v>0</v>
      </c>
      <c r="AV21" s="274">
        <v>0</v>
      </c>
      <c r="AW21" s="275">
        <v>0</v>
      </c>
      <c r="AX21" s="279"/>
      <c r="AY21" s="274">
        <v>0</v>
      </c>
      <c r="AZ21" s="274">
        <v>0</v>
      </c>
      <c r="BA21" s="274">
        <v>0</v>
      </c>
      <c r="BB21" s="274">
        <v>29915</v>
      </c>
      <c r="BC21" s="274">
        <v>65255</v>
      </c>
      <c r="BD21" s="277">
        <v>95170</v>
      </c>
      <c r="BE21" s="278">
        <v>95170</v>
      </c>
      <c r="BF21" s="273">
        <v>0</v>
      </c>
      <c r="BG21" s="274">
        <v>0</v>
      </c>
      <c r="BH21" s="275">
        <v>0</v>
      </c>
      <c r="BI21" s="279"/>
      <c r="BJ21" s="274">
        <v>0</v>
      </c>
      <c r="BK21" s="274">
        <v>2635</v>
      </c>
      <c r="BL21" s="274">
        <v>35340</v>
      </c>
      <c r="BM21" s="274">
        <v>53920</v>
      </c>
      <c r="BN21" s="274">
        <v>35340</v>
      </c>
      <c r="BO21" s="277">
        <v>127235</v>
      </c>
      <c r="BP21" s="278">
        <v>127235</v>
      </c>
      <c r="BQ21" s="273">
        <v>9295</v>
      </c>
      <c r="BR21" s="274">
        <v>590</v>
      </c>
      <c r="BS21" s="275">
        <v>9885</v>
      </c>
      <c r="BT21" s="276">
        <v>0</v>
      </c>
      <c r="BU21" s="274">
        <v>48545</v>
      </c>
      <c r="BV21" s="274">
        <v>68745</v>
      </c>
      <c r="BW21" s="274">
        <v>178060</v>
      </c>
      <c r="BX21" s="274">
        <v>459715</v>
      </c>
      <c r="BY21" s="274">
        <v>155415</v>
      </c>
      <c r="BZ21" s="277">
        <v>910480</v>
      </c>
      <c r="CA21" s="278">
        <v>920365</v>
      </c>
      <c r="CB21" s="273">
        <v>0</v>
      </c>
      <c r="CC21" s="274">
        <v>0</v>
      </c>
      <c r="CD21" s="275">
        <v>0</v>
      </c>
      <c r="CE21" s="276">
        <v>0</v>
      </c>
      <c r="CF21" s="274">
        <v>1690</v>
      </c>
      <c r="CG21" s="274">
        <v>0</v>
      </c>
      <c r="CH21" s="274">
        <v>0</v>
      </c>
      <c r="CI21" s="274">
        <v>10555</v>
      </c>
      <c r="CJ21" s="274">
        <v>0</v>
      </c>
      <c r="CK21" s="277">
        <v>12245</v>
      </c>
      <c r="CL21" s="278">
        <v>12245</v>
      </c>
      <c r="CM21" s="273">
        <v>0</v>
      </c>
      <c r="CN21" s="274">
        <v>0</v>
      </c>
      <c r="CO21" s="275">
        <v>0</v>
      </c>
      <c r="CP21" s="276">
        <v>0</v>
      </c>
      <c r="CQ21" s="274">
        <v>0</v>
      </c>
      <c r="CR21" s="274">
        <v>0</v>
      </c>
      <c r="CS21" s="274">
        <v>0</v>
      </c>
      <c r="CT21" s="274">
        <v>0</v>
      </c>
      <c r="CU21" s="274">
        <v>0</v>
      </c>
      <c r="CV21" s="277">
        <v>0</v>
      </c>
      <c r="CW21" s="278">
        <v>0</v>
      </c>
      <c r="CX21" s="273">
        <v>0</v>
      </c>
      <c r="CY21" s="274">
        <v>0</v>
      </c>
      <c r="CZ21" s="275">
        <v>0</v>
      </c>
      <c r="DA21" s="279"/>
      <c r="DB21" s="274">
        <v>0</v>
      </c>
      <c r="DC21" s="274">
        <v>0</v>
      </c>
      <c r="DD21" s="274">
        <v>0</v>
      </c>
      <c r="DE21" s="274">
        <v>0</v>
      </c>
      <c r="DF21" s="274">
        <v>0</v>
      </c>
      <c r="DG21" s="277">
        <v>0</v>
      </c>
      <c r="DH21" s="278">
        <v>0</v>
      </c>
      <c r="DI21" s="273">
        <v>8261</v>
      </c>
      <c r="DJ21" s="274">
        <v>4176</v>
      </c>
      <c r="DK21" s="275">
        <v>12437</v>
      </c>
      <c r="DL21" s="276">
        <v>0</v>
      </c>
      <c r="DM21" s="274">
        <v>152789</v>
      </c>
      <c r="DN21" s="274">
        <v>356325</v>
      </c>
      <c r="DO21" s="274">
        <v>2509413</v>
      </c>
      <c r="DP21" s="274">
        <v>4342328</v>
      </c>
      <c r="DQ21" s="274">
        <v>2722177</v>
      </c>
      <c r="DR21" s="277">
        <v>10083032</v>
      </c>
      <c r="DS21" s="280">
        <v>10095469</v>
      </c>
      <c r="DT21" s="273">
        <v>0</v>
      </c>
      <c r="DU21" s="274">
        <v>0</v>
      </c>
      <c r="DV21" s="275">
        <v>0</v>
      </c>
      <c r="DW21" s="279"/>
      <c r="DX21" s="274">
        <v>42036</v>
      </c>
      <c r="DY21" s="274">
        <v>122926</v>
      </c>
      <c r="DZ21" s="274">
        <v>1984330</v>
      </c>
      <c r="EA21" s="274">
        <v>3545979</v>
      </c>
      <c r="EB21" s="274">
        <v>2381542</v>
      </c>
      <c r="EC21" s="277">
        <v>8076813</v>
      </c>
      <c r="ED21" s="278">
        <v>8076813</v>
      </c>
      <c r="EE21" s="273">
        <v>0</v>
      </c>
      <c r="EF21" s="274">
        <v>0</v>
      </c>
      <c r="EG21" s="275">
        <v>0</v>
      </c>
      <c r="EH21" s="279"/>
      <c r="EI21" s="274">
        <v>35153</v>
      </c>
      <c r="EJ21" s="274">
        <v>61767</v>
      </c>
      <c r="EK21" s="274">
        <v>137711</v>
      </c>
      <c r="EL21" s="274">
        <v>31869</v>
      </c>
      <c r="EM21" s="274">
        <v>47378</v>
      </c>
      <c r="EN21" s="277">
        <v>313878</v>
      </c>
      <c r="EO21" s="278">
        <v>313878</v>
      </c>
      <c r="EP21" s="273">
        <v>0</v>
      </c>
      <c r="EQ21" s="274">
        <v>0</v>
      </c>
      <c r="ER21" s="275">
        <v>0</v>
      </c>
      <c r="ES21" s="279"/>
      <c r="ET21" s="274">
        <v>0</v>
      </c>
      <c r="EU21" s="274">
        <v>0</v>
      </c>
      <c r="EV21" s="274">
        <v>0</v>
      </c>
      <c r="EW21" s="274">
        <v>217</v>
      </c>
      <c r="EX21" s="274">
        <v>0</v>
      </c>
      <c r="EY21" s="277">
        <v>217</v>
      </c>
      <c r="EZ21" s="278">
        <v>217</v>
      </c>
      <c r="FA21" s="273">
        <v>0</v>
      </c>
      <c r="FB21" s="274">
        <v>0</v>
      </c>
      <c r="FC21" s="275">
        <v>0</v>
      </c>
      <c r="FD21" s="279"/>
      <c r="FE21" s="274">
        <v>0</v>
      </c>
      <c r="FF21" s="274">
        <v>0</v>
      </c>
      <c r="FG21" s="274">
        <v>0</v>
      </c>
      <c r="FH21" s="274">
        <v>651</v>
      </c>
      <c r="FI21" s="274">
        <v>1085</v>
      </c>
      <c r="FJ21" s="277">
        <v>1736</v>
      </c>
      <c r="FK21" s="278">
        <v>1736</v>
      </c>
      <c r="FL21" s="273">
        <v>0</v>
      </c>
      <c r="FM21" s="274">
        <v>0</v>
      </c>
      <c r="FN21" s="275">
        <v>0</v>
      </c>
      <c r="FO21" s="279"/>
      <c r="FP21" s="274">
        <v>0</v>
      </c>
      <c r="FQ21" s="274">
        <v>21576</v>
      </c>
      <c r="FR21" s="274">
        <v>58342</v>
      </c>
      <c r="FS21" s="274">
        <v>180454</v>
      </c>
      <c r="FT21" s="274">
        <v>58342</v>
      </c>
      <c r="FU21" s="277">
        <v>318714</v>
      </c>
      <c r="FV21" s="278">
        <v>318714</v>
      </c>
      <c r="FW21" s="273">
        <v>8261</v>
      </c>
      <c r="FX21" s="274">
        <v>4176</v>
      </c>
      <c r="FY21" s="275">
        <v>12437</v>
      </c>
      <c r="FZ21" s="276">
        <v>0</v>
      </c>
      <c r="GA21" s="274">
        <v>73244</v>
      </c>
      <c r="GB21" s="274">
        <v>150056</v>
      </c>
      <c r="GC21" s="274">
        <v>329030</v>
      </c>
      <c r="GD21" s="274">
        <v>579388</v>
      </c>
      <c r="GE21" s="274">
        <v>233830</v>
      </c>
      <c r="GF21" s="277">
        <v>1365548</v>
      </c>
      <c r="GG21" s="278">
        <v>1377985</v>
      </c>
      <c r="GH21" s="273">
        <v>0</v>
      </c>
      <c r="GI21" s="274">
        <v>0</v>
      </c>
      <c r="GJ21" s="275">
        <v>0</v>
      </c>
      <c r="GK21" s="276">
        <v>0</v>
      </c>
      <c r="GL21" s="274">
        <v>2356</v>
      </c>
      <c r="GM21" s="274">
        <v>0</v>
      </c>
      <c r="GN21" s="274">
        <v>0</v>
      </c>
      <c r="GO21" s="274">
        <v>3770</v>
      </c>
      <c r="GP21" s="274">
        <v>0</v>
      </c>
      <c r="GQ21" s="277">
        <v>6126</v>
      </c>
      <c r="GR21" s="278">
        <v>6126</v>
      </c>
      <c r="GS21" s="273">
        <v>0</v>
      </c>
      <c r="GT21" s="274">
        <v>0</v>
      </c>
      <c r="GU21" s="275">
        <v>0</v>
      </c>
      <c r="GV21" s="276">
        <v>0</v>
      </c>
      <c r="GW21" s="274">
        <v>0</v>
      </c>
      <c r="GX21" s="274">
        <v>0</v>
      </c>
      <c r="GY21" s="274">
        <v>0</v>
      </c>
      <c r="GZ21" s="274">
        <v>0</v>
      </c>
      <c r="HA21" s="274">
        <v>0</v>
      </c>
      <c r="HB21" s="277">
        <v>0</v>
      </c>
      <c r="HC21" s="278">
        <v>0</v>
      </c>
      <c r="HD21" s="273">
        <v>0</v>
      </c>
      <c r="HE21" s="274">
        <v>0</v>
      </c>
      <c r="HF21" s="275">
        <v>0</v>
      </c>
      <c r="HG21" s="279"/>
      <c r="HH21" s="274">
        <v>0</v>
      </c>
      <c r="HI21" s="274">
        <v>0</v>
      </c>
      <c r="HJ21" s="274">
        <v>0</v>
      </c>
      <c r="HK21" s="274">
        <v>0</v>
      </c>
      <c r="HL21" s="274">
        <v>0</v>
      </c>
      <c r="HM21" s="277">
        <v>0</v>
      </c>
      <c r="HN21" s="278">
        <v>0</v>
      </c>
      <c r="HO21" s="273">
        <v>17556</v>
      </c>
      <c r="HP21" s="274">
        <v>4766</v>
      </c>
      <c r="HQ21" s="275">
        <v>22322</v>
      </c>
      <c r="HR21" s="276">
        <v>0</v>
      </c>
      <c r="HS21" s="274">
        <v>430509</v>
      </c>
      <c r="HT21" s="274">
        <v>1011790</v>
      </c>
      <c r="HU21" s="274">
        <v>4592253</v>
      </c>
      <c r="HV21" s="274">
        <v>8153680</v>
      </c>
      <c r="HW21" s="274">
        <v>4957734</v>
      </c>
      <c r="HX21" s="277">
        <v>19145966</v>
      </c>
      <c r="HY21" s="278">
        <v>19168288</v>
      </c>
    </row>
    <row r="22" spans="2:233" ht="21" customHeight="1" x14ac:dyDescent="0.2">
      <c r="B22" s="472" t="s">
        <v>19</v>
      </c>
      <c r="C22" s="273">
        <v>0</v>
      </c>
      <c r="D22" s="274">
        <v>0</v>
      </c>
      <c r="E22" s="275">
        <v>0</v>
      </c>
      <c r="F22" s="276">
        <v>0</v>
      </c>
      <c r="G22" s="274">
        <v>139460</v>
      </c>
      <c r="H22" s="274">
        <v>363962</v>
      </c>
      <c r="I22" s="274">
        <v>1340635</v>
      </c>
      <c r="J22" s="274">
        <v>1267695</v>
      </c>
      <c r="K22" s="274">
        <v>1105870</v>
      </c>
      <c r="L22" s="277">
        <v>4217622</v>
      </c>
      <c r="M22" s="278">
        <v>4217622</v>
      </c>
      <c r="N22" s="273">
        <v>0</v>
      </c>
      <c r="O22" s="274">
        <v>0</v>
      </c>
      <c r="P22" s="275">
        <v>0</v>
      </c>
      <c r="Q22" s="279"/>
      <c r="R22" s="274">
        <v>24645</v>
      </c>
      <c r="S22" s="274">
        <v>46035</v>
      </c>
      <c r="T22" s="274">
        <v>905905</v>
      </c>
      <c r="U22" s="274">
        <v>978855</v>
      </c>
      <c r="V22" s="274">
        <v>928840</v>
      </c>
      <c r="W22" s="277">
        <v>2884280</v>
      </c>
      <c r="X22" s="278">
        <v>2884280</v>
      </c>
      <c r="Y22" s="273">
        <v>0</v>
      </c>
      <c r="Z22" s="274">
        <v>0</v>
      </c>
      <c r="AA22" s="275">
        <v>0</v>
      </c>
      <c r="AB22" s="279"/>
      <c r="AC22" s="274">
        <v>100595</v>
      </c>
      <c r="AD22" s="274">
        <v>275749</v>
      </c>
      <c r="AE22" s="274">
        <v>376995</v>
      </c>
      <c r="AF22" s="274">
        <v>171800</v>
      </c>
      <c r="AG22" s="274">
        <v>121360</v>
      </c>
      <c r="AH22" s="277">
        <v>1046499</v>
      </c>
      <c r="AI22" s="278">
        <v>1046499</v>
      </c>
      <c r="AJ22" s="273">
        <v>0</v>
      </c>
      <c r="AK22" s="274">
        <v>0</v>
      </c>
      <c r="AL22" s="275">
        <v>0</v>
      </c>
      <c r="AM22" s="279"/>
      <c r="AN22" s="274">
        <v>0</v>
      </c>
      <c r="AO22" s="274">
        <v>0</v>
      </c>
      <c r="AP22" s="274">
        <v>0</v>
      </c>
      <c r="AQ22" s="274">
        <v>0</v>
      </c>
      <c r="AR22" s="274">
        <v>0</v>
      </c>
      <c r="AS22" s="277">
        <v>0</v>
      </c>
      <c r="AT22" s="278">
        <v>0</v>
      </c>
      <c r="AU22" s="273">
        <v>0</v>
      </c>
      <c r="AV22" s="274">
        <v>0</v>
      </c>
      <c r="AW22" s="275">
        <v>0</v>
      </c>
      <c r="AX22" s="279"/>
      <c r="AY22" s="274">
        <v>0</v>
      </c>
      <c r="AZ22" s="274">
        <v>0</v>
      </c>
      <c r="BA22" s="274">
        <v>0</v>
      </c>
      <c r="BB22" s="274">
        <v>0</v>
      </c>
      <c r="BC22" s="274">
        <v>0</v>
      </c>
      <c r="BD22" s="277">
        <v>0</v>
      </c>
      <c r="BE22" s="278">
        <v>0</v>
      </c>
      <c r="BF22" s="273">
        <v>0</v>
      </c>
      <c r="BG22" s="274">
        <v>0</v>
      </c>
      <c r="BH22" s="275">
        <v>0</v>
      </c>
      <c r="BI22" s="279"/>
      <c r="BJ22" s="274">
        <v>0</v>
      </c>
      <c r="BK22" s="274">
        <v>0</v>
      </c>
      <c r="BL22" s="274">
        <v>0</v>
      </c>
      <c r="BM22" s="274">
        <v>0</v>
      </c>
      <c r="BN22" s="274">
        <v>0</v>
      </c>
      <c r="BO22" s="277">
        <v>0</v>
      </c>
      <c r="BP22" s="278">
        <v>0</v>
      </c>
      <c r="BQ22" s="273">
        <v>0</v>
      </c>
      <c r="BR22" s="274">
        <v>0</v>
      </c>
      <c r="BS22" s="275">
        <v>0</v>
      </c>
      <c r="BT22" s="276">
        <v>0</v>
      </c>
      <c r="BU22" s="274">
        <v>14220</v>
      </c>
      <c r="BV22" s="274">
        <v>40003</v>
      </c>
      <c r="BW22" s="274">
        <v>57735</v>
      </c>
      <c r="BX22" s="274">
        <v>104775</v>
      </c>
      <c r="BY22" s="274">
        <v>53640</v>
      </c>
      <c r="BZ22" s="277">
        <v>270373</v>
      </c>
      <c r="CA22" s="278">
        <v>270373</v>
      </c>
      <c r="CB22" s="273">
        <v>0</v>
      </c>
      <c r="CC22" s="274">
        <v>0</v>
      </c>
      <c r="CD22" s="275">
        <v>0</v>
      </c>
      <c r="CE22" s="276">
        <v>0</v>
      </c>
      <c r="CF22" s="274">
        <v>0</v>
      </c>
      <c r="CG22" s="274">
        <v>2175</v>
      </c>
      <c r="CH22" s="274">
        <v>0</v>
      </c>
      <c r="CI22" s="274">
        <v>12265</v>
      </c>
      <c r="CJ22" s="274">
        <v>2030</v>
      </c>
      <c r="CK22" s="277">
        <v>16470</v>
      </c>
      <c r="CL22" s="278">
        <v>16470</v>
      </c>
      <c r="CM22" s="273">
        <v>0</v>
      </c>
      <c r="CN22" s="274">
        <v>0</v>
      </c>
      <c r="CO22" s="275">
        <v>0</v>
      </c>
      <c r="CP22" s="276">
        <v>0</v>
      </c>
      <c r="CQ22" s="274">
        <v>0</v>
      </c>
      <c r="CR22" s="274">
        <v>0</v>
      </c>
      <c r="CS22" s="274">
        <v>0</v>
      </c>
      <c r="CT22" s="274">
        <v>0</v>
      </c>
      <c r="CU22" s="274">
        <v>0</v>
      </c>
      <c r="CV22" s="277">
        <v>0</v>
      </c>
      <c r="CW22" s="278">
        <v>0</v>
      </c>
      <c r="CX22" s="273">
        <v>0</v>
      </c>
      <c r="CY22" s="274">
        <v>0</v>
      </c>
      <c r="CZ22" s="275">
        <v>0</v>
      </c>
      <c r="DA22" s="279"/>
      <c r="DB22" s="274">
        <v>0</v>
      </c>
      <c r="DC22" s="274">
        <v>0</v>
      </c>
      <c r="DD22" s="274">
        <v>0</v>
      </c>
      <c r="DE22" s="274">
        <v>0</v>
      </c>
      <c r="DF22" s="274">
        <v>0</v>
      </c>
      <c r="DG22" s="277">
        <v>0</v>
      </c>
      <c r="DH22" s="278">
        <v>0</v>
      </c>
      <c r="DI22" s="273">
        <v>0</v>
      </c>
      <c r="DJ22" s="274">
        <v>0</v>
      </c>
      <c r="DK22" s="275">
        <v>0</v>
      </c>
      <c r="DL22" s="276">
        <v>0</v>
      </c>
      <c r="DM22" s="274">
        <v>44109</v>
      </c>
      <c r="DN22" s="274">
        <v>191066</v>
      </c>
      <c r="DO22" s="274">
        <v>1413195</v>
      </c>
      <c r="DP22" s="274">
        <v>1604661</v>
      </c>
      <c r="DQ22" s="274">
        <v>1171688</v>
      </c>
      <c r="DR22" s="277">
        <v>4424719</v>
      </c>
      <c r="DS22" s="280">
        <v>4424719</v>
      </c>
      <c r="DT22" s="273">
        <v>0</v>
      </c>
      <c r="DU22" s="274">
        <v>0</v>
      </c>
      <c r="DV22" s="275">
        <v>0</v>
      </c>
      <c r="DW22" s="279"/>
      <c r="DX22" s="274">
        <v>15035</v>
      </c>
      <c r="DY22" s="274">
        <v>99262</v>
      </c>
      <c r="DZ22" s="274">
        <v>1340522</v>
      </c>
      <c r="EA22" s="274">
        <v>1441803</v>
      </c>
      <c r="EB22" s="274">
        <v>1106620</v>
      </c>
      <c r="EC22" s="277">
        <v>4003242</v>
      </c>
      <c r="ED22" s="278">
        <v>4003242</v>
      </c>
      <c r="EE22" s="273">
        <v>0</v>
      </c>
      <c r="EF22" s="274">
        <v>0</v>
      </c>
      <c r="EG22" s="275">
        <v>0</v>
      </c>
      <c r="EH22" s="279"/>
      <c r="EI22" s="274">
        <v>12989</v>
      </c>
      <c r="EJ22" s="274">
        <v>29761</v>
      </c>
      <c r="EK22" s="274">
        <v>5251</v>
      </c>
      <c r="EL22" s="274">
        <v>34856</v>
      </c>
      <c r="EM22" s="274">
        <v>11553</v>
      </c>
      <c r="EN22" s="277">
        <v>94410</v>
      </c>
      <c r="EO22" s="278">
        <v>94410</v>
      </c>
      <c r="EP22" s="273">
        <v>0</v>
      </c>
      <c r="EQ22" s="274">
        <v>0</v>
      </c>
      <c r="ER22" s="275">
        <v>0</v>
      </c>
      <c r="ES22" s="279"/>
      <c r="ET22" s="274">
        <v>0</v>
      </c>
      <c r="EU22" s="274">
        <v>0</v>
      </c>
      <c r="EV22" s="274">
        <v>0</v>
      </c>
      <c r="EW22" s="274">
        <v>0</v>
      </c>
      <c r="EX22" s="274">
        <v>0</v>
      </c>
      <c r="EY22" s="277">
        <v>0</v>
      </c>
      <c r="EZ22" s="278">
        <v>0</v>
      </c>
      <c r="FA22" s="273">
        <v>0</v>
      </c>
      <c r="FB22" s="274">
        <v>0</v>
      </c>
      <c r="FC22" s="275">
        <v>0</v>
      </c>
      <c r="FD22" s="279"/>
      <c r="FE22" s="274">
        <v>0</v>
      </c>
      <c r="FF22" s="274">
        <v>0</v>
      </c>
      <c r="FG22" s="274">
        <v>0</v>
      </c>
      <c r="FH22" s="274">
        <v>0</v>
      </c>
      <c r="FI22" s="274">
        <v>0</v>
      </c>
      <c r="FJ22" s="277">
        <v>0</v>
      </c>
      <c r="FK22" s="278">
        <v>0</v>
      </c>
      <c r="FL22" s="273">
        <v>0</v>
      </c>
      <c r="FM22" s="274">
        <v>0</v>
      </c>
      <c r="FN22" s="275">
        <v>0</v>
      </c>
      <c r="FO22" s="279"/>
      <c r="FP22" s="274">
        <v>0</v>
      </c>
      <c r="FQ22" s="274">
        <v>0</v>
      </c>
      <c r="FR22" s="274">
        <v>0</v>
      </c>
      <c r="FS22" s="274">
        <v>0</v>
      </c>
      <c r="FT22" s="274">
        <v>0</v>
      </c>
      <c r="FU22" s="277">
        <v>0</v>
      </c>
      <c r="FV22" s="278">
        <v>0</v>
      </c>
      <c r="FW22" s="273">
        <v>0</v>
      </c>
      <c r="FX22" s="274">
        <v>0</v>
      </c>
      <c r="FY22" s="275">
        <v>0</v>
      </c>
      <c r="FZ22" s="276">
        <v>0</v>
      </c>
      <c r="GA22" s="274">
        <v>16085</v>
      </c>
      <c r="GB22" s="274">
        <v>54883</v>
      </c>
      <c r="GC22" s="274">
        <v>67422</v>
      </c>
      <c r="GD22" s="274">
        <v>116890</v>
      </c>
      <c r="GE22" s="274">
        <v>51430</v>
      </c>
      <c r="GF22" s="277">
        <v>306710</v>
      </c>
      <c r="GG22" s="278">
        <v>306710</v>
      </c>
      <c r="GH22" s="273">
        <v>0</v>
      </c>
      <c r="GI22" s="274">
        <v>0</v>
      </c>
      <c r="GJ22" s="275">
        <v>0</v>
      </c>
      <c r="GK22" s="276">
        <v>0</v>
      </c>
      <c r="GL22" s="274">
        <v>0</v>
      </c>
      <c r="GM22" s="274">
        <v>7160</v>
      </c>
      <c r="GN22" s="274">
        <v>0</v>
      </c>
      <c r="GO22" s="274">
        <v>11112</v>
      </c>
      <c r="GP22" s="274">
        <v>2085</v>
      </c>
      <c r="GQ22" s="277">
        <v>20357</v>
      </c>
      <c r="GR22" s="278">
        <v>20357</v>
      </c>
      <c r="GS22" s="273">
        <v>0</v>
      </c>
      <c r="GT22" s="274">
        <v>0</v>
      </c>
      <c r="GU22" s="275">
        <v>0</v>
      </c>
      <c r="GV22" s="276">
        <v>0</v>
      </c>
      <c r="GW22" s="274">
        <v>0</v>
      </c>
      <c r="GX22" s="274">
        <v>0</v>
      </c>
      <c r="GY22" s="274">
        <v>0</v>
      </c>
      <c r="GZ22" s="274">
        <v>0</v>
      </c>
      <c r="HA22" s="274">
        <v>0</v>
      </c>
      <c r="HB22" s="277">
        <v>0</v>
      </c>
      <c r="HC22" s="278">
        <v>0</v>
      </c>
      <c r="HD22" s="273">
        <v>0</v>
      </c>
      <c r="HE22" s="274">
        <v>0</v>
      </c>
      <c r="HF22" s="275">
        <v>0</v>
      </c>
      <c r="HG22" s="279"/>
      <c r="HH22" s="274">
        <v>0</v>
      </c>
      <c r="HI22" s="274">
        <v>0</v>
      </c>
      <c r="HJ22" s="274">
        <v>0</v>
      </c>
      <c r="HK22" s="274">
        <v>0</v>
      </c>
      <c r="HL22" s="274">
        <v>0</v>
      </c>
      <c r="HM22" s="277">
        <v>0</v>
      </c>
      <c r="HN22" s="278">
        <v>0</v>
      </c>
      <c r="HO22" s="273">
        <v>0</v>
      </c>
      <c r="HP22" s="274">
        <v>0</v>
      </c>
      <c r="HQ22" s="275">
        <v>0</v>
      </c>
      <c r="HR22" s="276">
        <v>0</v>
      </c>
      <c r="HS22" s="274">
        <v>183569</v>
      </c>
      <c r="HT22" s="274">
        <v>555028</v>
      </c>
      <c r="HU22" s="274">
        <v>2753830</v>
      </c>
      <c r="HV22" s="274">
        <v>2872356</v>
      </c>
      <c r="HW22" s="274">
        <v>2277558</v>
      </c>
      <c r="HX22" s="277">
        <v>8642341</v>
      </c>
      <c r="HY22" s="278">
        <v>8642341</v>
      </c>
    </row>
    <row r="23" spans="2:233" ht="21" customHeight="1" x14ac:dyDescent="0.2">
      <c r="B23" s="472" t="s">
        <v>20</v>
      </c>
      <c r="C23" s="273">
        <v>0</v>
      </c>
      <c r="D23" s="274">
        <v>2595</v>
      </c>
      <c r="E23" s="275">
        <v>2595</v>
      </c>
      <c r="F23" s="276">
        <v>0</v>
      </c>
      <c r="G23" s="274">
        <v>201545</v>
      </c>
      <c r="H23" s="274">
        <v>373740</v>
      </c>
      <c r="I23" s="274">
        <v>1580770</v>
      </c>
      <c r="J23" s="274">
        <v>1421088</v>
      </c>
      <c r="K23" s="274">
        <v>706155</v>
      </c>
      <c r="L23" s="277">
        <v>4283298</v>
      </c>
      <c r="M23" s="278">
        <v>4285893</v>
      </c>
      <c r="N23" s="273">
        <v>0</v>
      </c>
      <c r="O23" s="274">
        <v>0</v>
      </c>
      <c r="P23" s="275">
        <v>0</v>
      </c>
      <c r="Q23" s="279"/>
      <c r="R23" s="274">
        <v>40680</v>
      </c>
      <c r="S23" s="274">
        <v>208725</v>
      </c>
      <c r="T23" s="274">
        <v>1183195</v>
      </c>
      <c r="U23" s="274">
        <v>1209780</v>
      </c>
      <c r="V23" s="274">
        <v>605880</v>
      </c>
      <c r="W23" s="277">
        <v>3248260</v>
      </c>
      <c r="X23" s="278">
        <v>3248260</v>
      </c>
      <c r="Y23" s="273">
        <v>0</v>
      </c>
      <c r="Z23" s="274">
        <v>0</v>
      </c>
      <c r="AA23" s="275">
        <v>0</v>
      </c>
      <c r="AB23" s="279"/>
      <c r="AC23" s="274">
        <v>136245</v>
      </c>
      <c r="AD23" s="274">
        <v>127380</v>
      </c>
      <c r="AE23" s="274">
        <v>295105</v>
      </c>
      <c r="AF23" s="274">
        <v>114970</v>
      </c>
      <c r="AG23" s="274">
        <v>92535</v>
      </c>
      <c r="AH23" s="277">
        <v>766235</v>
      </c>
      <c r="AI23" s="278">
        <v>766235</v>
      </c>
      <c r="AJ23" s="273">
        <v>0</v>
      </c>
      <c r="AK23" s="274">
        <v>0</v>
      </c>
      <c r="AL23" s="275">
        <v>0</v>
      </c>
      <c r="AM23" s="279"/>
      <c r="AN23" s="274">
        <v>0</v>
      </c>
      <c r="AO23" s="274">
        <v>0</v>
      </c>
      <c r="AP23" s="274">
        <v>0</v>
      </c>
      <c r="AQ23" s="274">
        <v>0</v>
      </c>
      <c r="AR23" s="274">
        <v>0</v>
      </c>
      <c r="AS23" s="277">
        <v>0</v>
      </c>
      <c r="AT23" s="278">
        <v>0</v>
      </c>
      <c r="AU23" s="273">
        <v>0</v>
      </c>
      <c r="AV23" s="274">
        <v>0</v>
      </c>
      <c r="AW23" s="275">
        <v>0</v>
      </c>
      <c r="AX23" s="279"/>
      <c r="AY23" s="274">
        <v>0</v>
      </c>
      <c r="AZ23" s="274">
        <v>0</v>
      </c>
      <c r="BA23" s="274">
        <v>0</v>
      </c>
      <c r="BB23" s="274">
        <v>0</v>
      </c>
      <c r="BC23" s="274">
        <v>0</v>
      </c>
      <c r="BD23" s="277">
        <v>0</v>
      </c>
      <c r="BE23" s="278">
        <v>0</v>
      </c>
      <c r="BF23" s="273">
        <v>0</v>
      </c>
      <c r="BG23" s="274">
        <v>0</v>
      </c>
      <c r="BH23" s="275">
        <v>0</v>
      </c>
      <c r="BI23" s="279"/>
      <c r="BJ23" s="274">
        <v>0</v>
      </c>
      <c r="BK23" s="274">
        <v>0</v>
      </c>
      <c r="BL23" s="274">
        <v>0</v>
      </c>
      <c r="BM23" s="274">
        <v>0</v>
      </c>
      <c r="BN23" s="274">
        <v>0</v>
      </c>
      <c r="BO23" s="277">
        <v>0</v>
      </c>
      <c r="BP23" s="278">
        <v>0</v>
      </c>
      <c r="BQ23" s="273">
        <v>0</v>
      </c>
      <c r="BR23" s="274">
        <v>2595</v>
      </c>
      <c r="BS23" s="275">
        <v>2595</v>
      </c>
      <c r="BT23" s="276">
        <v>0</v>
      </c>
      <c r="BU23" s="274">
        <v>23035</v>
      </c>
      <c r="BV23" s="274">
        <v>37345</v>
      </c>
      <c r="BW23" s="274">
        <v>101745</v>
      </c>
      <c r="BX23" s="274">
        <v>93873</v>
      </c>
      <c r="BY23" s="274">
        <v>7740</v>
      </c>
      <c r="BZ23" s="277">
        <v>263738</v>
      </c>
      <c r="CA23" s="278">
        <v>266333</v>
      </c>
      <c r="CB23" s="273">
        <v>0</v>
      </c>
      <c r="CC23" s="274">
        <v>0</v>
      </c>
      <c r="CD23" s="275">
        <v>0</v>
      </c>
      <c r="CE23" s="276">
        <v>0</v>
      </c>
      <c r="CF23" s="274">
        <v>1585</v>
      </c>
      <c r="CG23" s="274">
        <v>290</v>
      </c>
      <c r="CH23" s="274">
        <v>725</v>
      </c>
      <c r="CI23" s="274">
        <v>2465</v>
      </c>
      <c r="CJ23" s="274">
        <v>0</v>
      </c>
      <c r="CK23" s="277">
        <v>5065</v>
      </c>
      <c r="CL23" s="278">
        <v>5065</v>
      </c>
      <c r="CM23" s="273">
        <v>0</v>
      </c>
      <c r="CN23" s="274">
        <v>0</v>
      </c>
      <c r="CO23" s="275">
        <v>0</v>
      </c>
      <c r="CP23" s="276">
        <v>0</v>
      </c>
      <c r="CQ23" s="274">
        <v>0</v>
      </c>
      <c r="CR23" s="274">
        <v>0</v>
      </c>
      <c r="CS23" s="274">
        <v>0</v>
      </c>
      <c r="CT23" s="274">
        <v>0</v>
      </c>
      <c r="CU23" s="274">
        <v>0</v>
      </c>
      <c r="CV23" s="277">
        <v>0</v>
      </c>
      <c r="CW23" s="278">
        <v>0</v>
      </c>
      <c r="CX23" s="273">
        <v>0</v>
      </c>
      <c r="CY23" s="274">
        <v>0</v>
      </c>
      <c r="CZ23" s="275">
        <v>0</v>
      </c>
      <c r="DA23" s="279"/>
      <c r="DB23" s="274">
        <v>0</v>
      </c>
      <c r="DC23" s="274">
        <v>0</v>
      </c>
      <c r="DD23" s="274">
        <v>0</v>
      </c>
      <c r="DE23" s="274">
        <v>0</v>
      </c>
      <c r="DF23" s="274">
        <v>0</v>
      </c>
      <c r="DG23" s="277">
        <v>0</v>
      </c>
      <c r="DH23" s="278">
        <v>0</v>
      </c>
      <c r="DI23" s="273">
        <v>0</v>
      </c>
      <c r="DJ23" s="274">
        <v>13920</v>
      </c>
      <c r="DK23" s="275">
        <v>13920</v>
      </c>
      <c r="DL23" s="276">
        <v>0</v>
      </c>
      <c r="DM23" s="274">
        <v>145182</v>
      </c>
      <c r="DN23" s="274">
        <v>452959</v>
      </c>
      <c r="DO23" s="274">
        <v>1946953</v>
      </c>
      <c r="DP23" s="274">
        <v>2511708</v>
      </c>
      <c r="DQ23" s="274">
        <v>955821</v>
      </c>
      <c r="DR23" s="277">
        <v>6012623</v>
      </c>
      <c r="DS23" s="280">
        <v>6026543</v>
      </c>
      <c r="DT23" s="273">
        <v>0</v>
      </c>
      <c r="DU23" s="274">
        <v>0</v>
      </c>
      <c r="DV23" s="275">
        <v>0</v>
      </c>
      <c r="DW23" s="279"/>
      <c r="DX23" s="274">
        <v>62682</v>
      </c>
      <c r="DY23" s="274">
        <v>346876</v>
      </c>
      <c r="DZ23" s="274">
        <v>1724835</v>
      </c>
      <c r="EA23" s="274">
        <v>2199595</v>
      </c>
      <c r="EB23" s="274">
        <v>906911</v>
      </c>
      <c r="EC23" s="277">
        <v>5240899</v>
      </c>
      <c r="ED23" s="278">
        <v>5240899</v>
      </c>
      <c r="EE23" s="273">
        <v>0</v>
      </c>
      <c r="EF23" s="274">
        <v>0</v>
      </c>
      <c r="EG23" s="275">
        <v>0</v>
      </c>
      <c r="EH23" s="279"/>
      <c r="EI23" s="274">
        <v>24459</v>
      </c>
      <c r="EJ23" s="274">
        <v>13457</v>
      </c>
      <c r="EK23" s="274">
        <v>35718</v>
      </c>
      <c r="EL23" s="274">
        <v>14276</v>
      </c>
      <c r="EM23" s="274">
        <v>1519</v>
      </c>
      <c r="EN23" s="277">
        <v>89429</v>
      </c>
      <c r="EO23" s="278">
        <v>89429</v>
      </c>
      <c r="EP23" s="273">
        <v>0</v>
      </c>
      <c r="EQ23" s="274">
        <v>0</v>
      </c>
      <c r="ER23" s="275">
        <v>0</v>
      </c>
      <c r="ES23" s="279"/>
      <c r="ET23" s="274">
        <v>0</v>
      </c>
      <c r="EU23" s="274">
        <v>0</v>
      </c>
      <c r="EV23" s="274">
        <v>0</v>
      </c>
      <c r="EW23" s="274">
        <v>0</v>
      </c>
      <c r="EX23" s="274">
        <v>0</v>
      </c>
      <c r="EY23" s="277">
        <v>0</v>
      </c>
      <c r="EZ23" s="278">
        <v>0</v>
      </c>
      <c r="FA23" s="273">
        <v>0</v>
      </c>
      <c r="FB23" s="274">
        <v>0</v>
      </c>
      <c r="FC23" s="275">
        <v>0</v>
      </c>
      <c r="FD23" s="279"/>
      <c r="FE23" s="274">
        <v>0</v>
      </c>
      <c r="FF23" s="274">
        <v>0</v>
      </c>
      <c r="FG23" s="274">
        <v>0</v>
      </c>
      <c r="FH23" s="274">
        <v>0</v>
      </c>
      <c r="FI23" s="274">
        <v>0</v>
      </c>
      <c r="FJ23" s="277">
        <v>0</v>
      </c>
      <c r="FK23" s="278">
        <v>0</v>
      </c>
      <c r="FL23" s="273">
        <v>0</v>
      </c>
      <c r="FM23" s="274">
        <v>0</v>
      </c>
      <c r="FN23" s="275">
        <v>0</v>
      </c>
      <c r="FO23" s="279"/>
      <c r="FP23" s="274">
        <v>0</v>
      </c>
      <c r="FQ23" s="274">
        <v>0</v>
      </c>
      <c r="FR23" s="274">
        <v>0</v>
      </c>
      <c r="FS23" s="274">
        <v>0</v>
      </c>
      <c r="FT23" s="274">
        <v>0</v>
      </c>
      <c r="FU23" s="277">
        <v>0</v>
      </c>
      <c r="FV23" s="278">
        <v>0</v>
      </c>
      <c r="FW23" s="273">
        <v>0</v>
      </c>
      <c r="FX23" s="274">
        <v>13920</v>
      </c>
      <c r="FY23" s="275">
        <v>13920</v>
      </c>
      <c r="FZ23" s="276">
        <v>0</v>
      </c>
      <c r="GA23" s="274">
        <v>56609</v>
      </c>
      <c r="GB23" s="274">
        <v>91194</v>
      </c>
      <c r="GC23" s="274">
        <v>183894</v>
      </c>
      <c r="GD23" s="274">
        <v>295612</v>
      </c>
      <c r="GE23" s="274">
        <v>47391</v>
      </c>
      <c r="GF23" s="277">
        <v>674700</v>
      </c>
      <c r="GG23" s="278">
        <v>688620</v>
      </c>
      <c r="GH23" s="273">
        <v>0</v>
      </c>
      <c r="GI23" s="274">
        <v>0</v>
      </c>
      <c r="GJ23" s="275">
        <v>0</v>
      </c>
      <c r="GK23" s="276">
        <v>0</v>
      </c>
      <c r="GL23" s="274">
        <v>1432</v>
      </c>
      <c r="GM23" s="274">
        <v>1432</v>
      </c>
      <c r="GN23" s="274">
        <v>2506</v>
      </c>
      <c r="GO23" s="274">
        <v>2225</v>
      </c>
      <c r="GP23" s="274">
        <v>0</v>
      </c>
      <c r="GQ23" s="277">
        <v>7595</v>
      </c>
      <c r="GR23" s="278">
        <v>7595</v>
      </c>
      <c r="GS23" s="273">
        <v>0</v>
      </c>
      <c r="GT23" s="274">
        <v>0</v>
      </c>
      <c r="GU23" s="275">
        <v>0</v>
      </c>
      <c r="GV23" s="276">
        <v>0</v>
      </c>
      <c r="GW23" s="274">
        <v>0</v>
      </c>
      <c r="GX23" s="274">
        <v>0</v>
      </c>
      <c r="GY23" s="274">
        <v>0</v>
      </c>
      <c r="GZ23" s="274">
        <v>0</v>
      </c>
      <c r="HA23" s="274">
        <v>0</v>
      </c>
      <c r="HB23" s="277">
        <v>0</v>
      </c>
      <c r="HC23" s="278">
        <v>0</v>
      </c>
      <c r="HD23" s="273">
        <v>0</v>
      </c>
      <c r="HE23" s="274">
        <v>0</v>
      </c>
      <c r="HF23" s="275">
        <v>0</v>
      </c>
      <c r="HG23" s="279"/>
      <c r="HH23" s="274">
        <v>0</v>
      </c>
      <c r="HI23" s="274">
        <v>0</v>
      </c>
      <c r="HJ23" s="274">
        <v>0</v>
      </c>
      <c r="HK23" s="274">
        <v>0</v>
      </c>
      <c r="HL23" s="274">
        <v>0</v>
      </c>
      <c r="HM23" s="277">
        <v>0</v>
      </c>
      <c r="HN23" s="278">
        <v>0</v>
      </c>
      <c r="HO23" s="273">
        <v>0</v>
      </c>
      <c r="HP23" s="274">
        <v>16515</v>
      </c>
      <c r="HQ23" s="275">
        <v>16515</v>
      </c>
      <c r="HR23" s="276">
        <v>0</v>
      </c>
      <c r="HS23" s="274">
        <v>346727</v>
      </c>
      <c r="HT23" s="274">
        <v>826699</v>
      </c>
      <c r="HU23" s="274">
        <v>3527723</v>
      </c>
      <c r="HV23" s="274">
        <v>3932796</v>
      </c>
      <c r="HW23" s="274">
        <v>1661976</v>
      </c>
      <c r="HX23" s="277">
        <v>10295921</v>
      </c>
      <c r="HY23" s="278">
        <v>10312436</v>
      </c>
    </row>
    <row r="24" spans="2:233" ht="21" customHeight="1" x14ac:dyDescent="0.2">
      <c r="B24" s="472" t="s">
        <v>21</v>
      </c>
      <c r="C24" s="273">
        <v>0</v>
      </c>
      <c r="D24" s="274">
        <v>0</v>
      </c>
      <c r="E24" s="275">
        <v>0</v>
      </c>
      <c r="F24" s="276">
        <v>0</v>
      </c>
      <c r="G24" s="274">
        <v>150931</v>
      </c>
      <c r="H24" s="274">
        <v>422509</v>
      </c>
      <c r="I24" s="274">
        <v>1812134</v>
      </c>
      <c r="J24" s="274">
        <v>1543746</v>
      </c>
      <c r="K24" s="274">
        <v>1446027</v>
      </c>
      <c r="L24" s="277">
        <v>5375347</v>
      </c>
      <c r="M24" s="278">
        <v>5375347</v>
      </c>
      <c r="N24" s="273">
        <v>0</v>
      </c>
      <c r="O24" s="274">
        <v>0</v>
      </c>
      <c r="P24" s="275">
        <v>0</v>
      </c>
      <c r="Q24" s="279"/>
      <c r="R24" s="274">
        <v>35495</v>
      </c>
      <c r="S24" s="274">
        <v>188170</v>
      </c>
      <c r="T24" s="274">
        <v>1470261</v>
      </c>
      <c r="U24" s="274">
        <v>1143297</v>
      </c>
      <c r="V24" s="274">
        <v>1083536</v>
      </c>
      <c r="W24" s="277">
        <v>3920759</v>
      </c>
      <c r="X24" s="278">
        <v>3920759</v>
      </c>
      <c r="Y24" s="273">
        <v>0</v>
      </c>
      <c r="Z24" s="274">
        <v>0</v>
      </c>
      <c r="AA24" s="275">
        <v>0</v>
      </c>
      <c r="AB24" s="279"/>
      <c r="AC24" s="274">
        <v>81065</v>
      </c>
      <c r="AD24" s="274">
        <v>181425</v>
      </c>
      <c r="AE24" s="274">
        <v>241160</v>
      </c>
      <c r="AF24" s="274">
        <v>206215</v>
      </c>
      <c r="AG24" s="274">
        <v>168640</v>
      </c>
      <c r="AH24" s="277">
        <v>878505</v>
      </c>
      <c r="AI24" s="278">
        <v>878505</v>
      </c>
      <c r="AJ24" s="273">
        <v>0</v>
      </c>
      <c r="AK24" s="274">
        <v>0</v>
      </c>
      <c r="AL24" s="275">
        <v>0</v>
      </c>
      <c r="AM24" s="279"/>
      <c r="AN24" s="274">
        <v>0</v>
      </c>
      <c r="AO24" s="274">
        <v>0</v>
      </c>
      <c r="AP24" s="274">
        <v>0</v>
      </c>
      <c r="AQ24" s="274">
        <v>32705</v>
      </c>
      <c r="AR24" s="274">
        <v>40765</v>
      </c>
      <c r="AS24" s="277">
        <v>73470</v>
      </c>
      <c r="AT24" s="278">
        <v>73470</v>
      </c>
      <c r="AU24" s="273">
        <v>0</v>
      </c>
      <c r="AV24" s="274">
        <v>0</v>
      </c>
      <c r="AW24" s="275">
        <v>0</v>
      </c>
      <c r="AX24" s="279"/>
      <c r="AY24" s="274">
        <v>0</v>
      </c>
      <c r="AZ24" s="274">
        <v>0</v>
      </c>
      <c r="BA24" s="274">
        <v>35495</v>
      </c>
      <c r="BB24" s="274">
        <v>38595</v>
      </c>
      <c r="BC24" s="274">
        <v>81360</v>
      </c>
      <c r="BD24" s="277">
        <v>155450</v>
      </c>
      <c r="BE24" s="278">
        <v>155450</v>
      </c>
      <c r="BF24" s="273">
        <v>0</v>
      </c>
      <c r="BG24" s="274">
        <v>0</v>
      </c>
      <c r="BH24" s="275">
        <v>0</v>
      </c>
      <c r="BI24" s="279"/>
      <c r="BJ24" s="274">
        <v>0</v>
      </c>
      <c r="BK24" s="274">
        <v>0</v>
      </c>
      <c r="BL24" s="274">
        <v>0</v>
      </c>
      <c r="BM24" s="274">
        <v>0</v>
      </c>
      <c r="BN24" s="274">
        <v>0</v>
      </c>
      <c r="BO24" s="277">
        <v>0</v>
      </c>
      <c r="BP24" s="278">
        <v>0</v>
      </c>
      <c r="BQ24" s="273">
        <v>0</v>
      </c>
      <c r="BR24" s="274">
        <v>0</v>
      </c>
      <c r="BS24" s="275">
        <v>0</v>
      </c>
      <c r="BT24" s="276">
        <v>0</v>
      </c>
      <c r="BU24" s="274">
        <v>27670</v>
      </c>
      <c r="BV24" s="274">
        <v>52914</v>
      </c>
      <c r="BW24" s="274">
        <v>63055</v>
      </c>
      <c r="BX24" s="274">
        <v>116005</v>
      </c>
      <c r="BY24" s="274">
        <v>71726</v>
      </c>
      <c r="BZ24" s="277">
        <v>331370</v>
      </c>
      <c r="CA24" s="278">
        <v>331370</v>
      </c>
      <c r="CB24" s="273">
        <v>0</v>
      </c>
      <c r="CC24" s="274">
        <v>0</v>
      </c>
      <c r="CD24" s="275">
        <v>0</v>
      </c>
      <c r="CE24" s="276">
        <v>0</v>
      </c>
      <c r="CF24" s="274">
        <v>6701</v>
      </c>
      <c r="CG24" s="274">
        <v>0</v>
      </c>
      <c r="CH24" s="274">
        <v>2163</v>
      </c>
      <c r="CI24" s="274">
        <v>6929</v>
      </c>
      <c r="CJ24" s="274">
        <v>0</v>
      </c>
      <c r="CK24" s="277">
        <v>15793</v>
      </c>
      <c r="CL24" s="278">
        <v>15793</v>
      </c>
      <c r="CM24" s="273">
        <v>0</v>
      </c>
      <c r="CN24" s="274">
        <v>0</v>
      </c>
      <c r="CO24" s="275">
        <v>0</v>
      </c>
      <c r="CP24" s="276">
        <v>0</v>
      </c>
      <c r="CQ24" s="274">
        <v>0</v>
      </c>
      <c r="CR24" s="274">
        <v>0</v>
      </c>
      <c r="CS24" s="274">
        <v>0</v>
      </c>
      <c r="CT24" s="274">
        <v>0</v>
      </c>
      <c r="CU24" s="274">
        <v>0</v>
      </c>
      <c r="CV24" s="277">
        <v>0</v>
      </c>
      <c r="CW24" s="278">
        <v>0</v>
      </c>
      <c r="CX24" s="273">
        <v>0</v>
      </c>
      <c r="CY24" s="274">
        <v>0</v>
      </c>
      <c r="CZ24" s="275">
        <v>0</v>
      </c>
      <c r="DA24" s="279"/>
      <c r="DB24" s="274">
        <v>0</v>
      </c>
      <c r="DC24" s="274">
        <v>0</v>
      </c>
      <c r="DD24" s="274">
        <v>0</v>
      </c>
      <c r="DE24" s="274">
        <v>0</v>
      </c>
      <c r="DF24" s="274">
        <v>0</v>
      </c>
      <c r="DG24" s="277">
        <v>0</v>
      </c>
      <c r="DH24" s="278">
        <v>0</v>
      </c>
      <c r="DI24" s="273">
        <v>0</v>
      </c>
      <c r="DJ24" s="274">
        <v>0</v>
      </c>
      <c r="DK24" s="275">
        <v>0</v>
      </c>
      <c r="DL24" s="276">
        <v>0</v>
      </c>
      <c r="DM24" s="274">
        <v>92642</v>
      </c>
      <c r="DN24" s="274">
        <v>317557</v>
      </c>
      <c r="DO24" s="274">
        <v>1817454</v>
      </c>
      <c r="DP24" s="274">
        <v>1950808</v>
      </c>
      <c r="DQ24" s="274">
        <v>1597362</v>
      </c>
      <c r="DR24" s="277">
        <v>5775823</v>
      </c>
      <c r="DS24" s="280">
        <v>5775823</v>
      </c>
      <c r="DT24" s="273">
        <v>0</v>
      </c>
      <c r="DU24" s="274">
        <v>0</v>
      </c>
      <c r="DV24" s="275">
        <v>0</v>
      </c>
      <c r="DW24" s="279"/>
      <c r="DX24" s="274">
        <v>26505</v>
      </c>
      <c r="DY24" s="274">
        <v>189999</v>
      </c>
      <c r="DZ24" s="274">
        <v>1605233</v>
      </c>
      <c r="EA24" s="274">
        <v>1623652</v>
      </c>
      <c r="EB24" s="274">
        <v>1408748</v>
      </c>
      <c r="EC24" s="277">
        <v>4854137</v>
      </c>
      <c r="ED24" s="278">
        <v>4854137</v>
      </c>
      <c r="EE24" s="273">
        <v>0</v>
      </c>
      <c r="EF24" s="274">
        <v>0</v>
      </c>
      <c r="EG24" s="275">
        <v>0</v>
      </c>
      <c r="EH24" s="279"/>
      <c r="EI24" s="274">
        <v>2387</v>
      </c>
      <c r="EJ24" s="274">
        <v>15732</v>
      </c>
      <c r="EK24" s="274">
        <v>25670</v>
      </c>
      <c r="EL24" s="274">
        <v>30743</v>
      </c>
      <c r="EM24" s="274">
        <v>23685</v>
      </c>
      <c r="EN24" s="277">
        <v>98217</v>
      </c>
      <c r="EO24" s="278">
        <v>98217</v>
      </c>
      <c r="EP24" s="273">
        <v>0</v>
      </c>
      <c r="EQ24" s="274">
        <v>0</v>
      </c>
      <c r="ER24" s="275">
        <v>0</v>
      </c>
      <c r="ES24" s="279"/>
      <c r="ET24" s="274">
        <v>0</v>
      </c>
      <c r="EU24" s="274">
        <v>0</v>
      </c>
      <c r="EV24" s="274">
        <v>0</v>
      </c>
      <c r="EW24" s="274">
        <v>0</v>
      </c>
      <c r="EX24" s="274">
        <v>11687</v>
      </c>
      <c r="EY24" s="277">
        <v>11687</v>
      </c>
      <c r="EZ24" s="278">
        <v>11687</v>
      </c>
      <c r="FA24" s="273">
        <v>0</v>
      </c>
      <c r="FB24" s="274">
        <v>0</v>
      </c>
      <c r="FC24" s="275">
        <v>0</v>
      </c>
      <c r="FD24" s="279"/>
      <c r="FE24" s="274">
        <v>0</v>
      </c>
      <c r="FF24" s="274">
        <v>0</v>
      </c>
      <c r="FG24" s="274">
        <v>11687</v>
      </c>
      <c r="FH24" s="274">
        <v>651</v>
      </c>
      <c r="FI24" s="274">
        <v>12338</v>
      </c>
      <c r="FJ24" s="277">
        <v>24676</v>
      </c>
      <c r="FK24" s="278">
        <v>24676</v>
      </c>
      <c r="FL24" s="273">
        <v>0</v>
      </c>
      <c r="FM24" s="274">
        <v>0</v>
      </c>
      <c r="FN24" s="275">
        <v>0</v>
      </c>
      <c r="FO24" s="279"/>
      <c r="FP24" s="274">
        <v>0</v>
      </c>
      <c r="FQ24" s="274">
        <v>0</v>
      </c>
      <c r="FR24" s="274">
        <v>0</v>
      </c>
      <c r="FS24" s="274">
        <v>0</v>
      </c>
      <c r="FT24" s="274">
        <v>0</v>
      </c>
      <c r="FU24" s="277">
        <v>0</v>
      </c>
      <c r="FV24" s="278">
        <v>0</v>
      </c>
      <c r="FW24" s="273">
        <v>0</v>
      </c>
      <c r="FX24" s="274">
        <v>0</v>
      </c>
      <c r="FY24" s="275">
        <v>0</v>
      </c>
      <c r="FZ24" s="276">
        <v>0</v>
      </c>
      <c r="GA24" s="274">
        <v>61488</v>
      </c>
      <c r="GB24" s="274">
        <v>111826</v>
      </c>
      <c r="GC24" s="274">
        <v>174850</v>
      </c>
      <c r="GD24" s="274">
        <v>292178</v>
      </c>
      <c r="GE24" s="274">
        <v>140904</v>
      </c>
      <c r="GF24" s="277">
        <v>781246</v>
      </c>
      <c r="GG24" s="278">
        <v>781246</v>
      </c>
      <c r="GH24" s="273">
        <v>0</v>
      </c>
      <c r="GI24" s="274">
        <v>0</v>
      </c>
      <c r="GJ24" s="275">
        <v>0</v>
      </c>
      <c r="GK24" s="276">
        <v>0</v>
      </c>
      <c r="GL24" s="274">
        <v>2262</v>
      </c>
      <c r="GM24" s="274">
        <v>0</v>
      </c>
      <c r="GN24" s="274">
        <v>14</v>
      </c>
      <c r="GO24" s="274">
        <v>3584</v>
      </c>
      <c r="GP24" s="274">
        <v>0</v>
      </c>
      <c r="GQ24" s="277">
        <v>5860</v>
      </c>
      <c r="GR24" s="278">
        <v>5860</v>
      </c>
      <c r="GS24" s="273">
        <v>0</v>
      </c>
      <c r="GT24" s="274">
        <v>0</v>
      </c>
      <c r="GU24" s="275">
        <v>0</v>
      </c>
      <c r="GV24" s="276">
        <v>0</v>
      </c>
      <c r="GW24" s="274">
        <v>0</v>
      </c>
      <c r="GX24" s="274">
        <v>0</v>
      </c>
      <c r="GY24" s="274">
        <v>0</v>
      </c>
      <c r="GZ24" s="274">
        <v>0</v>
      </c>
      <c r="HA24" s="274">
        <v>0</v>
      </c>
      <c r="HB24" s="277">
        <v>0</v>
      </c>
      <c r="HC24" s="278">
        <v>0</v>
      </c>
      <c r="HD24" s="273">
        <v>0</v>
      </c>
      <c r="HE24" s="274">
        <v>0</v>
      </c>
      <c r="HF24" s="275">
        <v>0</v>
      </c>
      <c r="HG24" s="279"/>
      <c r="HH24" s="274">
        <v>0</v>
      </c>
      <c r="HI24" s="274">
        <v>0</v>
      </c>
      <c r="HJ24" s="274">
        <v>0</v>
      </c>
      <c r="HK24" s="274">
        <v>0</v>
      </c>
      <c r="HL24" s="274">
        <v>0</v>
      </c>
      <c r="HM24" s="277">
        <v>0</v>
      </c>
      <c r="HN24" s="278">
        <v>0</v>
      </c>
      <c r="HO24" s="273">
        <v>0</v>
      </c>
      <c r="HP24" s="274">
        <v>0</v>
      </c>
      <c r="HQ24" s="275">
        <v>0</v>
      </c>
      <c r="HR24" s="276">
        <v>0</v>
      </c>
      <c r="HS24" s="274">
        <v>243573</v>
      </c>
      <c r="HT24" s="274">
        <v>740066</v>
      </c>
      <c r="HU24" s="274">
        <v>3629588</v>
      </c>
      <c r="HV24" s="274">
        <v>3494554</v>
      </c>
      <c r="HW24" s="274">
        <v>3043389</v>
      </c>
      <c r="HX24" s="277">
        <v>11151170</v>
      </c>
      <c r="HY24" s="278">
        <v>11151170</v>
      </c>
    </row>
    <row r="25" spans="2:233" ht="21" customHeight="1" x14ac:dyDescent="0.2">
      <c r="B25" s="472" t="s">
        <v>22</v>
      </c>
      <c r="C25" s="273">
        <v>0</v>
      </c>
      <c r="D25" s="274">
        <v>0</v>
      </c>
      <c r="E25" s="275">
        <v>0</v>
      </c>
      <c r="F25" s="276">
        <v>0</v>
      </c>
      <c r="G25" s="274">
        <v>64170</v>
      </c>
      <c r="H25" s="274">
        <v>435338</v>
      </c>
      <c r="I25" s="274">
        <v>656188</v>
      </c>
      <c r="J25" s="274">
        <v>813775</v>
      </c>
      <c r="K25" s="274">
        <v>562750</v>
      </c>
      <c r="L25" s="277">
        <v>2532221</v>
      </c>
      <c r="M25" s="278">
        <v>2532221</v>
      </c>
      <c r="N25" s="273">
        <v>0</v>
      </c>
      <c r="O25" s="274">
        <v>0</v>
      </c>
      <c r="P25" s="275">
        <v>0</v>
      </c>
      <c r="Q25" s="279"/>
      <c r="R25" s="274">
        <v>35495</v>
      </c>
      <c r="S25" s="274">
        <v>153913</v>
      </c>
      <c r="T25" s="274">
        <v>462798</v>
      </c>
      <c r="U25" s="274">
        <v>480265</v>
      </c>
      <c r="V25" s="274">
        <v>262850</v>
      </c>
      <c r="W25" s="277">
        <v>1395321</v>
      </c>
      <c r="X25" s="278">
        <v>1395321</v>
      </c>
      <c r="Y25" s="273">
        <v>0</v>
      </c>
      <c r="Z25" s="274">
        <v>0</v>
      </c>
      <c r="AA25" s="275">
        <v>0</v>
      </c>
      <c r="AB25" s="279"/>
      <c r="AC25" s="274">
        <v>12300</v>
      </c>
      <c r="AD25" s="274">
        <v>270665</v>
      </c>
      <c r="AE25" s="274">
        <v>101515</v>
      </c>
      <c r="AF25" s="274">
        <v>273110</v>
      </c>
      <c r="AG25" s="274">
        <v>197630</v>
      </c>
      <c r="AH25" s="277">
        <v>855220</v>
      </c>
      <c r="AI25" s="278">
        <v>855220</v>
      </c>
      <c r="AJ25" s="273">
        <v>0</v>
      </c>
      <c r="AK25" s="274">
        <v>0</v>
      </c>
      <c r="AL25" s="275">
        <v>0</v>
      </c>
      <c r="AM25" s="279"/>
      <c r="AN25" s="274">
        <v>0</v>
      </c>
      <c r="AO25" s="274">
        <v>0</v>
      </c>
      <c r="AP25" s="274">
        <v>0</v>
      </c>
      <c r="AQ25" s="274">
        <v>0</v>
      </c>
      <c r="AR25" s="274">
        <v>0</v>
      </c>
      <c r="AS25" s="277">
        <v>0</v>
      </c>
      <c r="AT25" s="278">
        <v>0</v>
      </c>
      <c r="AU25" s="273">
        <v>0</v>
      </c>
      <c r="AV25" s="274">
        <v>0</v>
      </c>
      <c r="AW25" s="275">
        <v>0</v>
      </c>
      <c r="AX25" s="279"/>
      <c r="AY25" s="274">
        <v>0</v>
      </c>
      <c r="AZ25" s="274">
        <v>0</v>
      </c>
      <c r="BA25" s="274">
        <v>0</v>
      </c>
      <c r="BB25" s="274">
        <v>3230</v>
      </c>
      <c r="BC25" s="274">
        <v>49290</v>
      </c>
      <c r="BD25" s="277">
        <v>52520</v>
      </c>
      <c r="BE25" s="278">
        <v>52520</v>
      </c>
      <c r="BF25" s="273">
        <v>0</v>
      </c>
      <c r="BG25" s="274">
        <v>0</v>
      </c>
      <c r="BH25" s="275">
        <v>0</v>
      </c>
      <c r="BI25" s="279"/>
      <c r="BJ25" s="274">
        <v>0</v>
      </c>
      <c r="BK25" s="274">
        <v>0</v>
      </c>
      <c r="BL25" s="274">
        <v>27280</v>
      </c>
      <c r="BM25" s="274">
        <v>54560</v>
      </c>
      <c r="BN25" s="274">
        <v>35340</v>
      </c>
      <c r="BO25" s="277">
        <v>117180</v>
      </c>
      <c r="BP25" s="278">
        <v>117180</v>
      </c>
      <c r="BQ25" s="273">
        <v>0</v>
      </c>
      <c r="BR25" s="274">
        <v>0</v>
      </c>
      <c r="BS25" s="275">
        <v>0</v>
      </c>
      <c r="BT25" s="276">
        <v>0</v>
      </c>
      <c r="BU25" s="274">
        <v>8855</v>
      </c>
      <c r="BV25" s="274">
        <v>10760</v>
      </c>
      <c r="BW25" s="274">
        <v>64305</v>
      </c>
      <c r="BX25" s="274">
        <v>2610</v>
      </c>
      <c r="BY25" s="274">
        <v>5945</v>
      </c>
      <c r="BZ25" s="277">
        <v>92475</v>
      </c>
      <c r="CA25" s="278">
        <v>92475</v>
      </c>
      <c r="CB25" s="273">
        <v>0</v>
      </c>
      <c r="CC25" s="274">
        <v>0</v>
      </c>
      <c r="CD25" s="275">
        <v>0</v>
      </c>
      <c r="CE25" s="276">
        <v>0</v>
      </c>
      <c r="CF25" s="274">
        <v>7520</v>
      </c>
      <c r="CG25" s="274">
        <v>0</v>
      </c>
      <c r="CH25" s="274">
        <v>290</v>
      </c>
      <c r="CI25" s="274">
        <v>0</v>
      </c>
      <c r="CJ25" s="274">
        <v>11695</v>
      </c>
      <c r="CK25" s="277">
        <v>19505</v>
      </c>
      <c r="CL25" s="278">
        <v>19505</v>
      </c>
      <c r="CM25" s="273">
        <v>0</v>
      </c>
      <c r="CN25" s="274">
        <v>0</v>
      </c>
      <c r="CO25" s="275">
        <v>0</v>
      </c>
      <c r="CP25" s="276">
        <v>0</v>
      </c>
      <c r="CQ25" s="274">
        <v>0</v>
      </c>
      <c r="CR25" s="274">
        <v>0</v>
      </c>
      <c r="CS25" s="274">
        <v>0</v>
      </c>
      <c r="CT25" s="274">
        <v>0</v>
      </c>
      <c r="CU25" s="274">
        <v>0</v>
      </c>
      <c r="CV25" s="277">
        <v>0</v>
      </c>
      <c r="CW25" s="278">
        <v>0</v>
      </c>
      <c r="CX25" s="273">
        <v>0</v>
      </c>
      <c r="CY25" s="274">
        <v>0</v>
      </c>
      <c r="CZ25" s="275">
        <v>0</v>
      </c>
      <c r="DA25" s="279"/>
      <c r="DB25" s="274">
        <v>0</v>
      </c>
      <c r="DC25" s="274">
        <v>0</v>
      </c>
      <c r="DD25" s="274">
        <v>0</v>
      </c>
      <c r="DE25" s="274">
        <v>0</v>
      </c>
      <c r="DF25" s="274">
        <v>0</v>
      </c>
      <c r="DG25" s="277">
        <v>0</v>
      </c>
      <c r="DH25" s="278">
        <v>0</v>
      </c>
      <c r="DI25" s="273">
        <v>0</v>
      </c>
      <c r="DJ25" s="274">
        <v>702</v>
      </c>
      <c r="DK25" s="275">
        <v>702</v>
      </c>
      <c r="DL25" s="276">
        <v>0</v>
      </c>
      <c r="DM25" s="274">
        <v>38955</v>
      </c>
      <c r="DN25" s="274">
        <v>173313</v>
      </c>
      <c r="DO25" s="274">
        <v>641021</v>
      </c>
      <c r="DP25" s="274">
        <v>850936</v>
      </c>
      <c r="DQ25" s="274">
        <v>433814</v>
      </c>
      <c r="DR25" s="277">
        <v>2138039</v>
      </c>
      <c r="DS25" s="280">
        <v>2138741</v>
      </c>
      <c r="DT25" s="273">
        <v>0</v>
      </c>
      <c r="DU25" s="274">
        <v>0</v>
      </c>
      <c r="DV25" s="275">
        <v>0</v>
      </c>
      <c r="DW25" s="279"/>
      <c r="DX25" s="274">
        <v>26505</v>
      </c>
      <c r="DY25" s="274">
        <v>82936</v>
      </c>
      <c r="DZ25" s="274">
        <v>509733</v>
      </c>
      <c r="EA25" s="274">
        <v>717433</v>
      </c>
      <c r="EB25" s="274">
        <v>317396</v>
      </c>
      <c r="EC25" s="277">
        <v>1654003</v>
      </c>
      <c r="ED25" s="278">
        <v>1654003</v>
      </c>
      <c r="EE25" s="273">
        <v>0</v>
      </c>
      <c r="EF25" s="274">
        <v>0</v>
      </c>
      <c r="EG25" s="275">
        <v>0</v>
      </c>
      <c r="EH25" s="279"/>
      <c r="EI25" s="274">
        <v>497</v>
      </c>
      <c r="EJ25" s="274">
        <v>66876</v>
      </c>
      <c r="EK25" s="274">
        <v>17475</v>
      </c>
      <c r="EL25" s="274">
        <v>37350</v>
      </c>
      <c r="EM25" s="274">
        <v>18306</v>
      </c>
      <c r="EN25" s="277">
        <v>140504</v>
      </c>
      <c r="EO25" s="278">
        <v>140504</v>
      </c>
      <c r="EP25" s="273">
        <v>0</v>
      </c>
      <c r="EQ25" s="274">
        <v>0</v>
      </c>
      <c r="ER25" s="275">
        <v>0</v>
      </c>
      <c r="ES25" s="279"/>
      <c r="ET25" s="274">
        <v>0</v>
      </c>
      <c r="EU25" s="274">
        <v>0</v>
      </c>
      <c r="EV25" s="274">
        <v>0</v>
      </c>
      <c r="EW25" s="274">
        <v>0</v>
      </c>
      <c r="EX25" s="274">
        <v>0</v>
      </c>
      <c r="EY25" s="277">
        <v>0</v>
      </c>
      <c r="EZ25" s="278">
        <v>0</v>
      </c>
      <c r="FA25" s="273">
        <v>0</v>
      </c>
      <c r="FB25" s="274">
        <v>0</v>
      </c>
      <c r="FC25" s="275">
        <v>0</v>
      </c>
      <c r="FD25" s="279"/>
      <c r="FE25" s="274">
        <v>0</v>
      </c>
      <c r="FF25" s="274">
        <v>0</v>
      </c>
      <c r="FG25" s="274">
        <v>0</v>
      </c>
      <c r="FH25" s="274">
        <v>434</v>
      </c>
      <c r="FI25" s="274">
        <v>11315</v>
      </c>
      <c r="FJ25" s="277">
        <v>11749</v>
      </c>
      <c r="FK25" s="278">
        <v>11749</v>
      </c>
      <c r="FL25" s="273">
        <v>0</v>
      </c>
      <c r="FM25" s="274">
        <v>0</v>
      </c>
      <c r="FN25" s="275">
        <v>0</v>
      </c>
      <c r="FO25" s="279"/>
      <c r="FP25" s="274">
        <v>0</v>
      </c>
      <c r="FQ25" s="274">
        <v>0</v>
      </c>
      <c r="FR25" s="274">
        <v>42780</v>
      </c>
      <c r="FS25" s="274">
        <v>85560</v>
      </c>
      <c r="FT25" s="274">
        <v>57970</v>
      </c>
      <c r="FU25" s="277">
        <v>186310</v>
      </c>
      <c r="FV25" s="278">
        <v>186310</v>
      </c>
      <c r="FW25" s="273">
        <v>0</v>
      </c>
      <c r="FX25" s="274">
        <v>702</v>
      </c>
      <c r="FY25" s="275">
        <v>702</v>
      </c>
      <c r="FZ25" s="276">
        <v>0</v>
      </c>
      <c r="GA25" s="274">
        <v>11834</v>
      </c>
      <c r="GB25" s="274">
        <v>23501</v>
      </c>
      <c r="GC25" s="274">
        <v>70317</v>
      </c>
      <c r="GD25" s="274">
        <v>10159</v>
      </c>
      <c r="GE25" s="274">
        <v>17371</v>
      </c>
      <c r="GF25" s="277">
        <v>133182</v>
      </c>
      <c r="GG25" s="278">
        <v>133884</v>
      </c>
      <c r="GH25" s="273">
        <v>0</v>
      </c>
      <c r="GI25" s="274">
        <v>0</v>
      </c>
      <c r="GJ25" s="275">
        <v>0</v>
      </c>
      <c r="GK25" s="276">
        <v>0</v>
      </c>
      <c r="GL25" s="274">
        <v>119</v>
      </c>
      <c r="GM25" s="274">
        <v>0</v>
      </c>
      <c r="GN25" s="274">
        <v>716</v>
      </c>
      <c r="GO25" s="274">
        <v>0</v>
      </c>
      <c r="GP25" s="274">
        <v>11456</v>
      </c>
      <c r="GQ25" s="277">
        <v>12291</v>
      </c>
      <c r="GR25" s="278">
        <v>12291</v>
      </c>
      <c r="GS25" s="273">
        <v>0</v>
      </c>
      <c r="GT25" s="274">
        <v>0</v>
      </c>
      <c r="GU25" s="275">
        <v>0</v>
      </c>
      <c r="GV25" s="276">
        <v>0</v>
      </c>
      <c r="GW25" s="274">
        <v>0</v>
      </c>
      <c r="GX25" s="274">
        <v>0</v>
      </c>
      <c r="GY25" s="274">
        <v>0</v>
      </c>
      <c r="GZ25" s="274">
        <v>0</v>
      </c>
      <c r="HA25" s="274">
        <v>0</v>
      </c>
      <c r="HB25" s="277">
        <v>0</v>
      </c>
      <c r="HC25" s="278">
        <v>0</v>
      </c>
      <c r="HD25" s="273">
        <v>0</v>
      </c>
      <c r="HE25" s="274">
        <v>0</v>
      </c>
      <c r="HF25" s="275">
        <v>0</v>
      </c>
      <c r="HG25" s="279"/>
      <c r="HH25" s="274">
        <v>0</v>
      </c>
      <c r="HI25" s="274">
        <v>0</v>
      </c>
      <c r="HJ25" s="274">
        <v>0</v>
      </c>
      <c r="HK25" s="274">
        <v>0</v>
      </c>
      <c r="HL25" s="274">
        <v>0</v>
      </c>
      <c r="HM25" s="277">
        <v>0</v>
      </c>
      <c r="HN25" s="278">
        <v>0</v>
      </c>
      <c r="HO25" s="273">
        <v>0</v>
      </c>
      <c r="HP25" s="274">
        <v>702</v>
      </c>
      <c r="HQ25" s="275">
        <v>702</v>
      </c>
      <c r="HR25" s="276">
        <v>0</v>
      </c>
      <c r="HS25" s="274">
        <v>103125</v>
      </c>
      <c r="HT25" s="274">
        <v>608651</v>
      </c>
      <c r="HU25" s="274">
        <v>1297209</v>
      </c>
      <c r="HV25" s="274">
        <v>1664711</v>
      </c>
      <c r="HW25" s="274">
        <v>996564</v>
      </c>
      <c r="HX25" s="277">
        <v>4670260</v>
      </c>
      <c r="HY25" s="278">
        <v>4670962</v>
      </c>
    </row>
    <row r="26" spans="2:233" ht="21" customHeight="1" x14ac:dyDescent="0.2">
      <c r="B26" s="472" t="s">
        <v>23</v>
      </c>
      <c r="C26" s="273">
        <v>0</v>
      </c>
      <c r="D26" s="274">
        <v>0</v>
      </c>
      <c r="E26" s="275">
        <v>0</v>
      </c>
      <c r="F26" s="276">
        <v>0</v>
      </c>
      <c r="G26" s="274">
        <v>239210</v>
      </c>
      <c r="H26" s="274">
        <v>285795</v>
      </c>
      <c r="I26" s="274">
        <v>1047036</v>
      </c>
      <c r="J26" s="274">
        <v>1321375</v>
      </c>
      <c r="K26" s="274">
        <v>927195</v>
      </c>
      <c r="L26" s="277">
        <v>3820611</v>
      </c>
      <c r="M26" s="278">
        <v>3820611</v>
      </c>
      <c r="N26" s="273">
        <v>0</v>
      </c>
      <c r="O26" s="274">
        <v>0</v>
      </c>
      <c r="P26" s="275">
        <v>0</v>
      </c>
      <c r="Q26" s="279"/>
      <c r="R26" s="274">
        <v>57350</v>
      </c>
      <c r="S26" s="274">
        <v>163920</v>
      </c>
      <c r="T26" s="274">
        <v>779745</v>
      </c>
      <c r="U26" s="274">
        <v>910862</v>
      </c>
      <c r="V26" s="274">
        <v>675475</v>
      </c>
      <c r="W26" s="277">
        <v>2587352</v>
      </c>
      <c r="X26" s="278">
        <v>2587352</v>
      </c>
      <c r="Y26" s="273">
        <v>0</v>
      </c>
      <c r="Z26" s="274">
        <v>0</v>
      </c>
      <c r="AA26" s="275">
        <v>0</v>
      </c>
      <c r="AB26" s="279"/>
      <c r="AC26" s="274">
        <v>160890</v>
      </c>
      <c r="AD26" s="274">
        <v>75550</v>
      </c>
      <c r="AE26" s="274">
        <v>223568</v>
      </c>
      <c r="AF26" s="274">
        <v>335740</v>
      </c>
      <c r="AG26" s="274">
        <v>131460</v>
      </c>
      <c r="AH26" s="277">
        <v>927208</v>
      </c>
      <c r="AI26" s="278">
        <v>927208</v>
      </c>
      <c r="AJ26" s="273">
        <v>0</v>
      </c>
      <c r="AK26" s="274">
        <v>0</v>
      </c>
      <c r="AL26" s="275">
        <v>0</v>
      </c>
      <c r="AM26" s="279"/>
      <c r="AN26" s="274">
        <v>0</v>
      </c>
      <c r="AO26" s="274">
        <v>0</v>
      </c>
      <c r="AP26" s="274">
        <v>0</v>
      </c>
      <c r="AQ26" s="274">
        <v>0</v>
      </c>
      <c r="AR26" s="274">
        <v>60140</v>
      </c>
      <c r="AS26" s="277">
        <v>60140</v>
      </c>
      <c r="AT26" s="278">
        <v>60140</v>
      </c>
      <c r="AU26" s="273">
        <v>0</v>
      </c>
      <c r="AV26" s="274">
        <v>0</v>
      </c>
      <c r="AW26" s="275">
        <v>0</v>
      </c>
      <c r="AX26" s="279"/>
      <c r="AY26" s="274">
        <v>0</v>
      </c>
      <c r="AZ26" s="274">
        <v>0</v>
      </c>
      <c r="BA26" s="274">
        <v>0</v>
      </c>
      <c r="BB26" s="274">
        <v>24645</v>
      </c>
      <c r="BC26" s="274">
        <v>49910</v>
      </c>
      <c r="BD26" s="277">
        <v>74555</v>
      </c>
      <c r="BE26" s="278">
        <v>74555</v>
      </c>
      <c r="BF26" s="273">
        <v>0</v>
      </c>
      <c r="BG26" s="274">
        <v>0</v>
      </c>
      <c r="BH26" s="275">
        <v>0</v>
      </c>
      <c r="BI26" s="279"/>
      <c r="BJ26" s="274">
        <v>0</v>
      </c>
      <c r="BK26" s="274">
        <v>0</v>
      </c>
      <c r="BL26" s="274">
        <v>0</v>
      </c>
      <c r="BM26" s="274">
        <v>0</v>
      </c>
      <c r="BN26" s="274">
        <v>0</v>
      </c>
      <c r="BO26" s="277">
        <v>0</v>
      </c>
      <c r="BP26" s="278">
        <v>0</v>
      </c>
      <c r="BQ26" s="273">
        <v>0</v>
      </c>
      <c r="BR26" s="274">
        <v>0</v>
      </c>
      <c r="BS26" s="275">
        <v>0</v>
      </c>
      <c r="BT26" s="276">
        <v>0</v>
      </c>
      <c r="BU26" s="274">
        <v>20970</v>
      </c>
      <c r="BV26" s="274">
        <v>46325</v>
      </c>
      <c r="BW26" s="274">
        <v>43723</v>
      </c>
      <c r="BX26" s="274">
        <v>50128</v>
      </c>
      <c r="BY26" s="274">
        <v>10210</v>
      </c>
      <c r="BZ26" s="277">
        <v>171356</v>
      </c>
      <c r="CA26" s="278">
        <v>171356</v>
      </c>
      <c r="CB26" s="273">
        <v>0</v>
      </c>
      <c r="CC26" s="274">
        <v>0</v>
      </c>
      <c r="CD26" s="275">
        <v>0</v>
      </c>
      <c r="CE26" s="276">
        <v>0</v>
      </c>
      <c r="CF26" s="274">
        <v>0</v>
      </c>
      <c r="CG26" s="274">
        <v>0</v>
      </c>
      <c r="CH26" s="274">
        <v>0</v>
      </c>
      <c r="CI26" s="274">
        <v>0</v>
      </c>
      <c r="CJ26" s="274">
        <v>0</v>
      </c>
      <c r="CK26" s="277">
        <v>0</v>
      </c>
      <c r="CL26" s="278">
        <v>0</v>
      </c>
      <c r="CM26" s="273">
        <v>0</v>
      </c>
      <c r="CN26" s="274">
        <v>0</v>
      </c>
      <c r="CO26" s="275">
        <v>0</v>
      </c>
      <c r="CP26" s="276">
        <v>0</v>
      </c>
      <c r="CQ26" s="274">
        <v>0</v>
      </c>
      <c r="CR26" s="274">
        <v>0</v>
      </c>
      <c r="CS26" s="274">
        <v>0</v>
      </c>
      <c r="CT26" s="274">
        <v>0</v>
      </c>
      <c r="CU26" s="274">
        <v>0</v>
      </c>
      <c r="CV26" s="277">
        <v>0</v>
      </c>
      <c r="CW26" s="278">
        <v>0</v>
      </c>
      <c r="CX26" s="273">
        <v>0</v>
      </c>
      <c r="CY26" s="274">
        <v>0</v>
      </c>
      <c r="CZ26" s="275">
        <v>0</v>
      </c>
      <c r="DA26" s="279"/>
      <c r="DB26" s="274">
        <v>0</v>
      </c>
      <c r="DC26" s="274">
        <v>0</v>
      </c>
      <c r="DD26" s="274">
        <v>0</v>
      </c>
      <c r="DE26" s="274">
        <v>0</v>
      </c>
      <c r="DF26" s="274">
        <v>0</v>
      </c>
      <c r="DG26" s="277">
        <v>0</v>
      </c>
      <c r="DH26" s="278">
        <v>0</v>
      </c>
      <c r="DI26" s="273">
        <v>0</v>
      </c>
      <c r="DJ26" s="274">
        <v>0</v>
      </c>
      <c r="DK26" s="275">
        <v>0</v>
      </c>
      <c r="DL26" s="276">
        <v>0</v>
      </c>
      <c r="DM26" s="274">
        <v>120253</v>
      </c>
      <c r="DN26" s="274">
        <v>108844</v>
      </c>
      <c r="DO26" s="274">
        <v>963947</v>
      </c>
      <c r="DP26" s="274">
        <v>1190626</v>
      </c>
      <c r="DQ26" s="274">
        <v>678095</v>
      </c>
      <c r="DR26" s="277">
        <v>3061765</v>
      </c>
      <c r="DS26" s="280">
        <v>3061765</v>
      </c>
      <c r="DT26" s="273">
        <v>0</v>
      </c>
      <c r="DU26" s="274">
        <v>0</v>
      </c>
      <c r="DV26" s="275">
        <v>0</v>
      </c>
      <c r="DW26" s="279"/>
      <c r="DX26" s="274">
        <v>33046</v>
      </c>
      <c r="DY26" s="274">
        <v>20970</v>
      </c>
      <c r="DZ26" s="274">
        <v>836836</v>
      </c>
      <c r="EA26" s="274">
        <v>1050639</v>
      </c>
      <c r="EB26" s="274">
        <v>599569</v>
      </c>
      <c r="EC26" s="277">
        <v>2541060</v>
      </c>
      <c r="ED26" s="278">
        <v>2541060</v>
      </c>
      <c r="EE26" s="273">
        <v>0</v>
      </c>
      <c r="EF26" s="274">
        <v>0</v>
      </c>
      <c r="EG26" s="275">
        <v>0</v>
      </c>
      <c r="EH26" s="279"/>
      <c r="EI26" s="274">
        <v>49321</v>
      </c>
      <c r="EJ26" s="274">
        <v>38254</v>
      </c>
      <c r="EK26" s="274">
        <v>14263</v>
      </c>
      <c r="EL26" s="274">
        <v>5635</v>
      </c>
      <c r="EM26" s="274">
        <v>39006</v>
      </c>
      <c r="EN26" s="277">
        <v>146479</v>
      </c>
      <c r="EO26" s="278">
        <v>146479</v>
      </c>
      <c r="EP26" s="273">
        <v>0</v>
      </c>
      <c r="EQ26" s="274">
        <v>0</v>
      </c>
      <c r="ER26" s="275">
        <v>0</v>
      </c>
      <c r="ES26" s="279"/>
      <c r="ET26" s="274">
        <v>0</v>
      </c>
      <c r="EU26" s="274">
        <v>0</v>
      </c>
      <c r="EV26" s="274">
        <v>0</v>
      </c>
      <c r="EW26" s="274">
        <v>0</v>
      </c>
      <c r="EX26" s="274">
        <v>11470</v>
      </c>
      <c r="EY26" s="277">
        <v>11470</v>
      </c>
      <c r="EZ26" s="278">
        <v>11470</v>
      </c>
      <c r="FA26" s="273">
        <v>0</v>
      </c>
      <c r="FB26" s="274">
        <v>0</v>
      </c>
      <c r="FC26" s="275">
        <v>0</v>
      </c>
      <c r="FD26" s="279"/>
      <c r="FE26" s="274">
        <v>0</v>
      </c>
      <c r="FF26" s="274">
        <v>0</v>
      </c>
      <c r="FG26" s="274">
        <v>0</v>
      </c>
      <c r="FH26" s="274">
        <v>217</v>
      </c>
      <c r="FI26" s="274">
        <v>8858</v>
      </c>
      <c r="FJ26" s="277">
        <v>9075</v>
      </c>
      <c r="FK26" s="278">
        <v>9075</v>
      </c>
      <c r="FL26" s="273">
        <v>0</v>
      </c>
      <c r="FM26" s="274">
        <v>0</v>
      </c>
      <c r="FN26" s="275">
        <v>0</v>
      </c>
      <c r="FO26" s="279"/>
      <c r="FP26" s="274">
        <v>0</v>
      </c>
      <c r="FQ26" s="274">
        <v>0</v>
      </c>
      <c r="FR26" s="274">
        <v>0</v>
      </c>
      <c r="FS26" s="274">
        <v>0</v>
      </c>
      <c r="FT26" s="274">
        <v>0</v>
      </c>
      <c r="FU26" s="277">
        <v>0</v>
      </c>
      <c r="FV26" s="278">
        <v>0</v>
      </c>
      <c r="FW26" s="273">
        <v>0</v>
      </c>
      <c r="FX26" s="274">
        <v>0</v>
      </c>
      <c r="FY26" s="275">
        <v>0</v>
      </c>
      <c r="FZ26" s="276">
        <v>0</v>
      </c>
      <c r="GA26" s="274">
        <v>37886</v>
      </c>
      <c r="GB26" s="274">
        <v>49620</v>
      </c>
      <c r="GC26" s="274">
        <v>112848</v>
      </c>
      <c r="GD26" s="274">
        <v>134135</v>
      </c>
      <c r="GE26" s="274">
        <v>19192</v>
      </c>
      <c r="GF26" s="277">
        <v>353681</v>
      </c>
      <c r="GG26" s="278">
        <v>353681</v>
      </c>
      <c r="GH26" s="273">
        <v>0</v>
      </c>
      <c r="GI26" s="274">
        <v>0</v>
      </c>
      <c r="GJ26" s="275">
        <v>0</v>
      </c>
      <c r="GK26" s="276">
        <v>0</v>
      </c>
      <c r="GL26" s="274">
        <v>0</v>
      </c>
      <c r="GM26" s="274">
        <v>0</v>
      </c>
      <c r="GN26" s="274">
        <v>0</v>
      </c>
      <c r="GO26" s="274">
        <v>0</v>
      </c>
      <c r="GP26" s="274">
        <v>0</v>
      </c>
      <c r="GQ26" s="277">
        <v>0</v>
      </c>
      <c r="GR26" s="278">
        <v>0</v>
      </c>
      <c r="GS26" s="273">
        <v>0</v>
      </c>
      <c r="GT26" s="274">
        <v>0</v>
      </c>
      <c r="GU26" s="275">
        <v>0</v>
      </c>
      <c r="GV26" s="276">
        <v>0</v>
      </c>
      <c r="GW26" s="274">
        <v>0</v>
      </c>
      <c r="GX26" s="274">
        <v>0</v>
      </c>
      <c r="GY26" s="274">
        <v>0</v>
      </c>
      <c r="GZ26" s="274">
        <v>0</v>
      </c>
      <c r="HA26" s="274">
        <v>0</v>
      </c>
      <c r="HB26" s="277">
        <v>0</v>
      </c>
      <c r="HC26" s="278">
        <v>0</v>
      </c>
      <c r="HD26" s="273">
        <v>0</v>
      </c>
      <c r="HE26" s="274">
        <v>0</v>
      </c>
      <c r="HF26" s="275">
        <v>0</v>
      </c>
      <c r="HG26" s="279"/>
      <c r="HH26" s="274">
        <v>0</v>
      </c>
      <c r="HI26" s="274">
        <v>0</v>
      </c>
      <c r="HJ26" s="274">
        <v>0</v>
      </c>
      <c r="HK26" s="274">
        <v>0</v>
      </c>
      <c r="HL26" s="274">
        <v>0</v>
      </c>
      <c r="HM26" s="277">
        <v>0</v>
      </c>
      <c r="HN26" s="278">
        <v>0</v>
      </c>
      <c r="HO26" s="273">
        <v>0</v>
      </c>
      <c r="HP26" s="274">
        <v>0</v>
      </c>
      <c r="HQ26" s="275">
        <v>0</v>
      </c>
      <c r="HR26" s="276">
        <v>0</v>
      </c>
      <c r="HS26" s="274">
        <v>359463</v>
      </c>
      <c r="HT26" s="274">
        <v>394639</v>
      </c>
      <c r="HU26" s="274">
        <v>2010983</v>
      </c>
      <c r="HV26" s="274">
        <v>2512001</v>
      </c>
      <c r="HW26" s="274">
        <v>1605290</v>
      </c>
      <c r="HX26" s="277">
        <v>6882376</v>
      </c>
      <c r="HY26" s="278">
        <v>6882376</v>
      </c>
    </row>
    <row r="27" spans="2:233" ht="21" customHeight="1" x14ac:dyDescent="0.2">
      <c r="B27" s="472" t="s">
        <v>24</v>
      </c>
      <c r="C27" s="273">
        <v>0</v>
      </c>
      <c r="D27" s="274">
        <v>0</v>
      </c>
      <c r="E27" s="275">
        <v>0</v>
      </c>
      <c r="F27" s="276">
        <v>0</v>
      </c>
      <c r="G27" s="274">
        <v>75040</v>
      </c>
      <c r="H27" s="274">
        <v>36900</v>
      </c>
      <c r="I27" s="274">
        <v>277005</v>
      </c>
      <c r="J27" s="274">
        <v>845795</v>
      </c>
      <c r="K27" s="274">
        <v>319405</v>
      </c>
      <c r="L27" s="277">
        <v>1554145</v>
      </c>
      <c r="M27" s="278">
        <v>1554145</v>
      </c>
      <c r="N27" s="273">
        <v>0</v>
      </c>
      <c r="O27" s="274">
        <v>0</v>
      </c>
      <c r="P27" s="275">
        <v>0</v>
      </c>
      <c r="Q27" s="279"/>
      <c r="R27" s="274">
        <v>0</v>
      </c>
      <c r="S27" s="274">
        <v>0</v>
      </c>
      <c r="T27" s="274">
        <v>170435</v>
      </c>
      <c r="U27" s="274">
        <v>666500</v>
      </c>
      <c r="V27" s="274">
        <v>201535</v>
      </c>
      <c r="W27" s="277">
        <v>1038470</v>
      </c>
      <c r="X27" s="278">
        <v>1038470</v>
      </c>
      <c r="Y27" s="273">
        <v>0</v>
      </c>
      <c r="Z27" s="274">
        <v>0</v>
      </c>
      <c r="AA27" s="275">
        <v>0</v>
      </c>
      <c r="AB27" s="279"/>
      <c r="AC27" s="274">
        <v>59985</v>
      </c>
      <c r="AD27" s="274">
        <v>35340</v>
      </c>
      <c r="AE27" s="274">
        <v>72255</v>
      </c>
      <c r="AF27" s="274">
        <v>101105</v>
      </c>
      <c r="AG27" s="274">
        <v>106330</v>
      </c>
      <c r="AH27" s="277">
        <v>375015</v>
      </c>
      <c r="AI27" s="278">
        <v>375015</v>
      </c>
      <c r="AJ27" s="273">
        <v>0</v>
      </c>
      <c r="AK27" s="274">
        <v>0</v>
      </c>
      <c r="AL27" s="275">
        <v>0</v>
      </c>
      <c r="AM27" s="279"/>
      <c r="AN27" s="274">
        <v>0</v>
      </c>
      <c r="AO27" s="274">
        <v>0</v>
      </c>
      <c r="AP27" s="274">
        <v>0</v>
      </c>
      <c r="AQ27" s="274">
        <v>0</v>
      </c>
      <c r="AR27" s="274">
        <v>0</v>
      </c>
      <c r="AS27" s="277">
        <v>0</v>
      </c>
      <c r="AT27" s="278">
        <v>0</v>
      </c>
      <c r="AU27" s="273">
        <v>0</v>
      </c>
      <c r="AV27" s="274">
        <v>0</v>
      </c>
      <c r="AW27" s="275">
        <v>0</v>
      </c>
      <c r="AX27" s="279"/>
      <c r="AY27" s="274">
        <v>0</v>
      </c>
      <c r="AZ27" s="274">
        <v>0</v>
      </c>
      <c r="BA27" s="274">
        <v>0</v>
      </c>
      <c r="BB27" s="274">
        <v>0</v>
      </c>
      <c r="BC27" s="274">
        <v>0</v>
      </c>
      <c r="BD27" s="277">
        <v>0</v>
      </c>
      <c r="BE27" s="278">
        <v>0</v>
      </c>
      <c r="BF27" s="273">
        <v>0</v>
      </c>
      <c r="BG27" s="274">
        <v>0</v>
      </c>
      <c r="BH27" s="275">
        <v>0</v>
      </c>
      <c r="BI27" s="279"/>
      <c r="BJ27" s="274">
        <v>0</v>
      </c>
      <c r="BK27" s="274">
        <v>0</v>
      </c>
      <c r="BL27" s="274">
        <v>0</v>
      </c>
      <c r="BM27" s="274">
        <v>0</v>
      </c>
      <c r="BN27" s="274">
        <v>0</v>
      </c>
      <c r="BO27" s="277">
        <v>0</v>
      </c>
      <c r="BP27" s="278">
        <v>0</v>
      </c>
      <c r="BQ27" s="273">
        <v>0</v>
      </c>
      <c r="BR27" s="274">
        <v>0</v>
      </c>
      <c r="BS27" s="275">
        <v>0</v>
      </c>
      <c r="BT27" s="276">
        <v>0</v>
      </c>
      <c r="BU27" s="274">
        <v>14500</v>
      </c>
      <c r="BV27" s="274">
        <v>1560</v>
      </c>
      <c r="BW27" s="274">
        <v>33895</v>
      </c>
      <c r="BX27" s="274">
        <v>78190</v>
      </c>
      <c r="BY27" s="274">
        <v>0</v>
      </c>
      <c r="BZ27" s="277">
        <v>128145</v>
      </c>
      <c r="CA27" s="278">
        <v>128145</v>
      </c>
      <c r="CB27" s="273">
        <v>0</v>
      </c>
      <c r="CC27" s="274">
        <v>0</v>
      </c>
      <c r="CD27" s="275">
        <v>0</v>
      </c>
      <c r="CE27" s="276">
        <v>0</v>
      </c>
      <c r="CF27" s="274">
        <v>555</v>
      </c>
      <c r="CG27" s="274">
        <v>0</v>
      </c>
      <c r="CH27" s="274">
        <v>420</v>
      </c>
      <c r="CI27" s="274">
        <v>0</v>
      </c>
      <c r="CJ27" s="274">
        <v>11540</v>
      </c>
      <c r="CK27" s="277">
        <v>12515</v>
      </c>
      <c r="CL27" s="278">
        <v>12515</v>
      </c>
      <c r="CM27" s="273">
        <v>0</v>
      </c>
      <c r="CN27" s="274">
        <v>0</v>
      </c>
      <c r="CO27" s="275">
        <v>0</v>
      </c>
      <c r="CP27" s="276">
        <v>0</v>
      </c>
      <c r="CQ27" s="274">
        <v>0</v>
      </c>
      <c r="CR27" s="274">
        <v>0</v>
      </c>
      <c r="CS27" s="274">
        <v>0</v>
      </c>
      <c r="CT27" s="274">
        <v>0</v>
      </c>
      <c r="CU27" s="274">
        <v>0</v>
      </c>
      <c r="CV27" s="277">
        <v>0</v>
      </c>
      <c r="CW27" s="278">
        <v>0</v>
      </c>
      <c r="CX27" s="273">
        <v>0</v>
      </c>
      <c r="CY27" s="274">
        <v>0</v>
      </c>
      <c r="CZ27" s="275">
        <v>0</v>
      </c>
      <c r="DA27" s="279"/>
      <c r="DB27" s="274">
        <v>0</v>
      </c>
      <c r="DC27" s="274">
        <v>0</v>
      </c>
      <c r="DD27" s="274">
        <v>0</v>
      </c>
      <c r="DE27" s="274">
        <v>0</v>
      </c>
      <c r="DF27" s="274">
        <v>0</v>
      </c>
      <c r="DG27" s="277">
        <v>0</v>
      </c>
      <c r="DH27" s="278">
        <v>0</v>
      </c>
      <c r="DI27" s="273">
        <v>0</v>
      </c>
      <c r="DJ27" s="274">
        <v>0</v>
      </c>
      <c r="DK27" s="275">
        <v>0</v>
      </c>
      <c r="DL27" s="276">
        <v>0</v>
      </c>
      <c r="DM27" s="274">
        <v>22490</v>
      </c>
      <c r="DN27" s="274">
        <v>50207</v>
      </c>
      <c r="DO27" s="274">
        <v>305028</v>
      </c>
      <c r="DP27" s="274">
        <v>854211</v>
      </c>
      <c r="DQ27" s="274">
        <v>423097</v>
      </c>
      <c r="DR27" s="277">
        <v>1655033</v>
      </c>
      <c r="DS27" s="280">
        <v>1655033</v>
      </c>
      <c r="DT27" s="273">
        <v>0</v>
      </c>
      <c r="DU27" s="274">
        <v>0</v>
      </c>
      <c r="DV27" s="275">
        <v>0</v>
      </c>
      <c r="DW27" s="279"/>
      <c r="DX27" s="274">
        <v>0</v>
      </c>
      <c r="DY27" s="274">
        <v>0</v>
      </c>
      <c r="DZ27" s="274">
        <v>187538</v>
      </c>
      <c r="EA27" s="274">
        <v>748645</v>
      </c>
      <c r="EB27" s="274">
        <v>399191</v>
      </c>
      <c r="EC27" s="277">
        <v>1335374</v>
      </c>
      <c r="ED27" s="278">
        <v>1335374</v>
      </c>
      <c r="EE27" s="273">
        <v>0</v>
      </c>
      <c r="EF27" s="274">
        <v>0</v>
      </c>
      <c r="EG27" s="275">
        <v>0</v>
      </c>
      <c r="EH27" s="279"/>
      <c r="EI27" s="274">
        <v>651</v>
      </c>
      <c r="EJ27" s="274">
        <v>36983</v>
      </c>
      <c r="EK27" s="274">
        <v>63192</v>
      </c>
      <c r="EL27" s="274">
        <v>22920</v>
      </c>
      <c r="EM27" s="274">
        <v>23808</v>
      </c>
      <c r="EN27" s="277">
        <v>147554</v>
      </c>
      <c r="EO27" s="278">
        <v>147554</v>
      </c>
      <c r="EP27" s="273">
        <v>0</v>
      </c>
      <c r="EQ27" s="274">
        <v>0</v>
      </c>
      <c r="ER27" s="275">
        <v>0</v>
      </c>
      <c r="ES27" s="279"/>
      <c r="ET27" s="274">
        <v>0</v>
      </c>
      <c r="EU27" s="274">
        <v>0</v>
      </c>
      <c r="EV27" s="274">
        <v>0</v>
      </c>
      <c r="EW27" s="274">
        <v>0</v>
      </c>
      <c r="EX27" s="274">
        <v>0</v>
      </c>
      <c r="EY27" s="277">
        <v>0</v>
      </c>
      <c r="EZ27" s="278">
        <v>0</v>
      </c>
      <c r="FA27" s="273">
        <v>0</v>
      </c>
      <c r="FB27" s="274">
        <v>0</v>
      </c>
      <c r="FC27" s="275">
        <v>0</v>
      </c>
      <c r="FD27" s="279"/>
      <c r="FE27" s="274">
        <v>0</v>
      </c>
      <c r="FF27" s="274">
        <v>0</v>
      </c>
      <c r="FG27" s="274">
        <v>0</v>
      </c>
      <c r="FH27" s="274">
        <v>0</v>
      </c>
      <c r="FI27" s="274">
        <v>0</v>
      </c>
      <c r="FJ27" s="277">
        <v>0</v>
      </c>
      <c r="FK27" s="278">
        <v>0</v>
      </c>
      <c r="FL27" s="273">
        <v>0</v>
      </c>
      <c r="FM27" s="274">
        <v>0</v>
      </c>
      <c r="FN27" s="275">
        <v>0</v>
      </c>
      <c r="FO27" s="279"/>
      <c r="FP27" s="274">
        <v>0</v>
      </c>
      <c r="FQ27" s="274">
        <v>0</v>
      </c>
      <c r="FR27" s="274">
        <v>0</v>
      </c>
      <c r="FS27" s="274">
        <v>0</v>
      </c>
      <c r="FT27" s="274">
        <v>0</v>
      </c>
      <c r="FU27" s="277">
        <v>0</v>
      </c>
      <c r="FV27" s="278">
        <v>0</v>
      </c>
      <c r="FW27" s="273">
        <v>0</v>
      </c>
      <c r="FX27" s="274">
        <v>0</v>
      </c>
      <c r="FY27" s="275">
        <v>0</v>
      </c>
      <c r="FZ27" s="276">
        <v>0</v>
      </c>
      <c r="GA27" s="274">
        <v>21804</v>
      </c>
      <c r="GB27" s="274">
        <v>13224</v>
      </c>
      <c r="GC27" s="274">
        <v>54291</v>
      </c>
      <c r="GD27" s="274">
        <v>82646</v>
      </c>
      <c r="GE27" s="274">
        <v>0</v>
      </c>
      <c r="GF27" s="277">
        <v>171965</v>
      </c>
      <c r="GG27" s="278">
        <v>171965</v>
      </c>
      <c r="GH27" s="273">
        <v>0</v>
      </c>
      <c r="GI27" s="274">
        <v>0</v>
      </c>
      <c r="GJ27" s="275">
        <v>0</v>
      </c>
      <c r="GK27" s="276">
        <v>0</v>
      </c>
      <c r="GL27" s="274">
        <v>35</v>
      </c>
      <c r="GM27" s="274">
        <v>0</v>
      </c>
      <c r="GN27" s="274">
        <v>7</v>
      </c>
      <c r="GO27" s="274">
        <v>0</v>
      </c>
      <c r="GP27" s="274">
        <v>98</v>
      </c>
      <c r="GQ27" s="277">
        <v>140</v>
      </c>
      <c r="GR27" s="278">
        <v>140</v>
      </c>
      <c r="GS27" s="273">
        <v>0</v>
      </c>
      <c r="GT27" s="274">
        <v>0</v>
      </c>
      <c r="GU27" s="275">
        <v>0</v>
      </c>
      <c r="GV27" s="276">
        <v>0</v>
      </c>
      <c r="GW27" s="274">
        <v>0</v>
      </c>
      <c r="GX27" s="274">
        <v>0</v>
      </c>
      <c r="GY27" s="274">
        <v>0</v>
      </c>
      <c r="GZ27" s="274">
        <v>0</v>
      </c>
      <c r="HA27" s="274">
        <v>0</v>
      </c>
      <c r="HB27" s="277">
        <v>0</v>
      </c>
      <c r="HC27" s="278">
        <v>0</v>
      </c>
      <c r="HD27" s="273">
        <v>0</v>
      </c>
      <c r="HE27" s="274">
        <v>0</v>
      </c>
      <c r="HF27" s="275">
        <v>0</v>
      </c>
      <c r="HG27" s="279"/>
      <c r="HH27" s="274">
        <v>0</v>
      </c>
      <c r="HI27" s="274">
        <v>0</v>
      </c>
      <c r="HJ27" s="274">
        <v>0</v>
      </c>
      <c r="HK27" s="274">
        <v>0</v>
      </c>
      <c r="HL27" s="274">
        <v>0</v>
      </c>
      <c r="HM27" s="277">
        <v>0</v>
      </c>
      <c r="HN27" s="278">
        <v>0</v>
      </c>
      <c r="HO27" s="273">
        <v>0</v>
      </c>
      <c r="HP27" s="274">
        <v>0</v>
      </c>
      <c r="HQ27" s="275">
        <v>0</v>
      </c>
      <c r="HR27" s="276">
        <v>0</v>
      </c>
      <c r="HS27" s="274">
        <v>97530</v>
      </c>
      <c r="HT27" s="274">
        <v>87107</v>
      </c>
      <c r="HU27" s="274">
        <v>582033</v>
      </c>
      <c r="HV27" s="274">
        <v>1700006</v>
      </c>
      <c r="HW27" s="274">
        <v>742502</v>
      </c>
      <c r="HX27" s="277">
        <v>3209178</v>
      </c>
      <c r="HY27" s="278">
        <v>3209178</v>
      </c>
    </row>
    <row r="28" spans="2:233" ht="21" customHeight="1" x14ac:dyDescent="0.2">
      <c r="B28" s="472" t="s">
        <v>25</v>
      </c>
      <c r="C28" s="273">
        <v>0</v>
      </c>
      <c r="D28" s="274">
        <v>0</v>
      </c>
      <c r="E28" s="275">
        <v>0</v>
      </c>
      <c r="F28" s="276">
        <v>0</v>
      </c>
      <c r="G28" s="274">
        <v>61434</v>
      </c>
      <c r="H28" s="274">
        <v>127328</v>
      </c>
      <c r="I28" s="274">
        <v>556885</v>
      </c>
      <c r="J28" s="274">
        <v>629939</v>
      </c>
      <c r="K28" s="274">
        <v>609235</v>
      </c>
      <c r="L28" s="277">
        <v>1984821</v>
      </c>
      <c r="M28" s="278">
        <v>1984821</v>
      </c>
      <c r="N28" s="273">
        <v>0</v>
      </c>
      <c r="O28" s="274">
        <v>0</v>
      </c>
      <c r="P28" s="275">
        <v>0</v>
      </c>
      <c r="Q28" s="279"/>
      <c r="R28" s="274">
        <v>0</v>
      </c>
      <c r="S28" s="274">
        <v>2635</v>
      </c>
      <c r="T28" s="274">
        <v>405800</v>
      </c>
      <c r="U28" s="274">
        <v>460635</v>
      </c>
      <c r="V28" s="274">
        <v>504370</v>
      </c>
      <c r="W28" s="277">
        <v>1373440</v>
      </c>
      <c r="X28" s="278">
        <v>1373440</v>
      </c>
      <c r="Y28" s="273">
        <v>0</v>
      </c>
      <c r="Z28" s="274">
        <v>0</v>
      </c>
      <c r="AA28" s="275">
        <v>0</v>
      </c>
      <c r="AB28" s="279"/>
      <c r="AC28" s="274">
        <v>29745</v>
      </c>
      <c r="AD28" s="274">
        <v>108300</v>
      </c>
      <c r="AE28" s="274">
        <v>106485</v>
      </c>
      <c r="AF28" s="274">
        <v>139425</v>
      </c>
      <c r="AG28" s="274">
        <v>72160</v>
      </c>
      <c r="AH28" s="277">
        <v>456115</v>
      </c>
      <c r="AI28" s="278">
        <v>456115</v>
      </c>
      <c r="AJ28" s="273">
        <v>0</v>
      </c>
      <c r="AK28" s="274">
        <v>0</v>
      </c>
      <c r="AL28" s="275">
        <v>0</v>
      </c>
      <c r="AM28" s="279"/>
      <c r="AN28" s="274">
        <v>0</v>
      </c>
      <c r="AO28" s="274">
        <v>0</v>
      </c>
      <c r="AP28" s="274">
        <v>0</v>
      </c>
      <c r="AQ28" s="274">
        <v>0</v>
      </c>
      <c r="AR28" s="274">
        <v>0</v>
      </c>
      <c r="AS28" s="277">
        <v>0</v>
      </c>
      <c r="AT28" s="278">
        <v>0</v>
      </c>
      <c r="AU28" s="273">
        <v>0</v>
      </c>
      <c r="AV28" s="274">
        <v>0</v>
      </c>
      <c r="AW28" s="275">
        <v>0</v>
      </c>
      <c r="AX28" s="279"/>
      <c r="AY28" s="274">
        <v>0</v>
      </c>
      <c r="AZ28" s="274">
        <v>0</v>
      </c>
      <c r="BA28" s="274">
        <v>0</v>
      </c>
      <c r="BB28" s="274">
        <v>0</v>
      </c>
      <c r="BC28" s="274">
        <v>32705</v>
      </c>
      <c r="BD28" s="277">
        <v>32705</v>
      </c>
      <c r="BE28" s="278">
        <v>32705</v>
      </c>
      <c r="BF28" s="273">
        <v>0</v>
      </c>
      <c r="BG28" s="274">
        <v>0</v>
      </c>
      <c r="BH28" s="275">
        <v>0</v>
      </c>
      <c r="BI28" s="279"/>
      <c r="BJ28" s="274">
        <v>0</v>
      </c>
      <c r="BK28" s="274">
        <v>0</v>
      </c>
      <c r="BL28" s="274">
        <v>0</v>
      </c>
      <c r="BM28" s="274">
        <v>0</v>
      </c>
      <c r="BN28" s="274">
        <v>0</v>
      </c>
      <c r="BO28" s="277">
        <v>0</v>
      </c>
      <c r="BP28" s="278">
        <v>0</v>
      </c>
      <c r="BQ28" s="273">
        <v>0</v>
      </c>
      <c r="BR28" s="274">
        <v>0</v>
      </c>
      <c r="BS28" s="275">
        <v>0</v>
      </c>
      <c r="BT28" s="276">
        <v>0</v>
      </c>
      <c r="BU28" s="274">
        <v>31689</v>
      </c>
      <c r="BV28" s="274">
        <v>16393</v>
      </c>
      <c r="BW28" s="274">
        <v>40820</v>
      </c>
      <c r="BX28" s="274">
        <v>29879</v>
      </c>
      <c r="BY28" s="274">
        <v>0</v>
      </c>
      <c r="BZ28" s="277">
        <v>118781</v>
      </c>
      <c r="CA28" s="278">
        <v>118781</v>
      </c>
      <c r="CB28" s="273">
        <v>0</v>
      </c>
      <c r="CC28" s="274">
        <v>0</v>
      </c>
      <c r="CD28" s="275">
        <v>0</v>
      </c>
      <c r="CE28" s="276">
        <v>0</v>
      </c>
      <c r="CF28" s="274">
        <v>0</v>
      </c>
      <c r="CG28" s="274">
        <v>0</v>
      </c>
      <c r="CH28" s="274">
        <v>3780</v>
      </c>
      <c r="CI28" s="274">
        <v>0</v>
      </c>
      <c r="CJ28" s="274">
        <v>0</v>
      </c>
      <c r="CK28" s="277">
        <v>3780</v>
      </c>
      <c r="CL28" s="278">
        <v>3780</v>
      </c>
      <c r="CM28" s="273">
        <v>0</v>
      </c>
      <c r="CN28" s="274">
        <v>0</v>
      </c>
      <c r="CO28" s="275">
        <v>0</v>
      </c>
      <c r="CP28" s="276">
        <v>0</v>
      </c>
      <c r="CQ28" s="274">
        <v>0</v>
      </c>
      <c r="CR28" s="274">
        <v>0</v>
      </c>
      <c r="CS28" s="274">
        <v>0</v>
      </c>
      <c r="CT28" s="274">
        <v>0</v>
      </c>
      <c r="CU28" s="274">
        <v>0</v>
      </c>
      <c r="CV28" s="277">
        <v>0</v>
      </c>
      <c r="CW28" s="278">
        <v>0</v>
      </c>
      <c r="CX28" s="273">
        <v>0</v>
      </c>
      <c r="CY28" s="274">
        <v>0</v>
      </c>
      <c r="CZ28" s="275">
        <v>0</v>
      </c>
      <c r="DA28" s="279"/>
      <c r="DB28" s="274">
        <v>0</v>
      </c>
      <c r="DC28" s="274">
        <v>0</v>
      </c>
      <c r="DD28" s="274">
        <v>0</v>
      </c>
      <c r="DE28" s="274">
        <v>0</v>
      </c>
      <c r="DF28" s="274">
        <v>0</v>
      </c>
      <c r="DG28" s="277">
        <v>0</v>
      </c>
      <c r="DH28" s="278">
        <v>0</v>
      </c>
      <c r="DI28" s="273">
        <v>0</v>
      </c>
      <c r="DJ28" s="274">
        <v>0</v>
      </c>
      <c r="DK28" s="275">
        <v>0</v>
      </c>
      <c r="DL28" s="276">
        <v>0</v>
      </c>
      <c r="DM28" s="274">
        <v>25881</v>
      </c>
      <c r="DN28" s="274">
        <v>72066</v>
      </c>
      <c r="DO28" s="274">
        <v>640630</v>
      </c>
      <c r="DP28" s="274">
        <v>889111</v>
      </c>
      <c r="DQ28" s="274">
        <v>461447</v>
      </c>
      <c r="DR28" s="277">
        <v>2089135</v>
      </c>
      <c r="DS28" s="280">
        <v>2089135</v>
      </c>
      <c r="DT28" s="273">
        <v>0</v>
      </c>
      <c r="DU28" s="274">
        <v>0</v>
      </c>
      <c r="DV28" s="275">
        <v>0</v>
      </c>
      <c r="DW28" s="279"/>
      <c r="DX28" s="274">
        <v>0</v>
      </c>
      <c r="DY28" s="274">
        <v>15035</v>
      </c>
      <c r="DZ28" s="274">
        <v>594607</v>
      </c>
      <c r="EA28" s="274">
        <v>830706</v>
      </c>
      <c r="EB28" s="274">
        <v>460257</v>
      </c>
      <c r="EC28" s="277">
        <v>1900605</v>
      </c>
      <c r="ED28" s="278">
        <v>1900605</v>
      </c>
      <c r="EE28" s="273">
        <v>0</v>
      </c>
      <c r="EF28" s="274">
        <v>0</v>
      </c>
      <c r="EG28" s="275">
        <v>0</v>
      </c>
      <c r="EH28" s="279"/>
      <c r="EI28" s="274">
        <v>637</v>
      </c>
      <c r="EJ28" s="274">
        <v>24242</v>
      </c>
      <c r="EK28" s="274">
        <v>1519</v>
      </c>
      <c r="EL28" s="274">
        <v>14095</v>
      </c>
      <c r="EM28" s="274">
        <v>952</v>
      </c>
      <c r="EN28" s="277">
        <v>41445</v>
      </c>
      <c r="EO28" s="278">
        <v>41445</v>
      </c>
      <c r="EP28" s="273">
        <v>0</v>
      </c>
      <c r="EQ28" s="274">
        <v>0</v>
      </c>
      <c r="ER28" s="275">
        <v>0</v>
      </c>
      <c r="ES28" s="279"/>
      <c r="ET28" s="274">
        <v>0</v>
      </c>
      <c r="EU28" s="274">
        <v>0</v>
      </c>
      <c r="EV28" s="274">
        <v>0</v>
      </c>
      <c r="EW28" s="274">
        <v>0</v>
      </c>
      <c r="EX28" s="274">
        <v>0</v>
      </c>
      <c r="EY28" s="277">
        <v>0</v>
      </c>
      <c r="EZ28" s="278">
        <v>0</v>
      </c>
      <c r="FA28" s="273">
        <v>0</v>
      </c>
      <c r="FB28" s="274">
        <v>0</v>
      </c>
      <c r="FC28" s="275">
        <v>0</v>
      </c>
      <c r="FD28" s="279"/>
      <c r="FE28" s="274">
        <v>0</v>
      </c>
      <c r="FF28" s="274">
        <v>0</v>
      </c>
      <c r="FG28" s="274">
        <v>0</v>
      </c>
      <c r="FH28" s="274">
        <v>0</v>
      </c>
      <c r="FI28" s="274">
        <v>217</v>
      </c>
      <c r="FJ28" s="277">
        <v>217</v>
      </c>
      <c r="FK28" s="278">
        <v>217</v>
      </c>
      <c r="FL28" s="273">
        <v>0</v>
      </c>
      <c r="FM28" s="274">
        <v>0</v>
      </c>
      <c r="FN28" s="275">
        <v>0</v>
      </c>
      <c r="FO28" s="279"/>
      <c r="FP28" s="274">
        <v>0</v>
      </c>
      <c r="FQ28" s="274">
        <v>0</v>
      </c>
      <c r="FR28" s="274">
        <v>0</v>
      </c>
      <c r="FS28" s="274">
        <v>0</v>
      </c>
      <c r="FT28" s="274">
        <v>0</v>
      </c>
      <c r="FU28" s="277">
        <v>0</v>
      </c>
      <c r="FV28" s="278">
        <v>0</v>
      </c>
      <c r="FW28" s="273">
        <v>0</v>
      </c>
      <c r="FX28" s="274">
        <v>0</v>
      </c>
      <c r="FY28" s="275">
        <v>0</v>
      </c>
      <c r="FZ28" s="276">
        <v>0</v>
      </c>
      <c r="GA28" s="274">
        <v>25244</v>
      </c>
      <c r="GB28" s="274">
        <v>32789</v>
      </c>
      <c r="GC28" s="274">
        <v>44294</v>
      </c>
      <c r="GD28" s="274">
        <v>44310</v>
      </c>
      <c r="GE28" s="274">
        <v>0</v>
      </c>
      <c r="GF28" s="277">
        <v>146637</v>
      </c>
      <c r="GG28" s="278">
        <v>146637</v>
      </c>
      <c r="GH28" s="273">
        <v>0</v>
      </c>
      <c r="GI28" s="274">
        <v>0</v>
      </c>
      <c r="GJ28" s="275">
        <v>0</v>
      </c>
      <c r="GK28" s="276">
        <v>0</v>
      </c>
      <c r="GL28" s="274">
        <v>0</v>
      </c>
      <c r="GM28" s="274">
        <v>0</v>
      </c>
      <c r="GN28" s="274">
        <v>210</v>
      </c>
      <c r="GO28" s="274">
        <v>0</v>
      </c>
      <c r="GP28" s="274">
        <v>21</v>
      </c>
      <c r="GQ28" s="277">
        <v>231</v>
      </c>
      <c r="GR28" s="278">
        <v>231</v>
      </c>
      <c r="GS28" s="273">
        <v>0</v>
      </c>
      <c r="GT28" s="274">
        <v>0</v>
      </c>
      <c r="GU28" s="275">
        <v>0</v>
      </c>
      <c r="GV28" s="276">
        <v>0</v>
      </c>
      <c r="GW28" s="274">
        <v>0</v>
      </c>
      <c r="GX28" s="274">
        <v>0</v>
      </c>
      <c r="GY28" s="274">
        <v>0</v>
      </c>
      <c r="GZ28" s="274">
        <v>0</v>
      </c>
      <c r="HA28" s="274">
        <v>0</v>
      </c>
      <c r="HB28" s="277">
        <v>0</v>
      </c>
      <c r="HC28" s="278">
        <v>0</v>
      </c>
      <c r="HD28" s="273">
        <v>0</v>
      </c>
      <c r="HE28" s="274">
        <v>0</v>
      </c>
      <c r="HF28" s="275">
        <v>0</v>
      </c>
      <c r="HG28" s="279"/>
      <c r="HH28" s="274">
        <v>0</v>
      </c>
      <c r="HI28" s="274">
        <v>0</v>
      </c>
      <c r="HJ28" s="274">
        <v>0</v>
      </c>
      <c r="HK28" s="274">
        <v>0</v>
      </c>
      <c r="HL28" s="274">
        <v>0</v>
      </c>
      <c r="HM28" s="277">
        <v>0</v>
      </c>
      <c r="HN28" s="278">
        <v>0</v>
      </c>
      <c r="HO28" s="273">
        <v>0</v>
      </c>
      <c r="HP28" s="274">
        <v>0</v>
      </c>
      <c r="HQ28" s="275">
        <v>0</v>
      </c>
      <c r="HR28" s="276">
        <v>0</v>
      </c>
      <c r="HS28" s="274">
        <v>87315</v>
      </c>
      <c r="HT28" s="274">
        <v>199394</v>
      </c>
      <c r="HU28" s="274">
        <v>1197515</v>
      </c>
      <c r="HV28" s="274">
        <v>1519050</v>
      </c>
      <c r="HW28" s="274">
        <v>1070682</v>
      </c>
      <c r="HX28" s="277">
        <v>4073956</v>
      </c>
      <c r="HY28" s="278">
        <v>4073956</v>
      </c>
    </row>
    <row r="29" spans="2:233" ht="21" customHeight="1" x14ac:dyDescent="0.2">
      <c r="B29" s="472" t="s">
        <v>26</v>
      </c>
      <c r="C29" s="273">
        <v>505</v>
      </c>
      <c r="D29" s="274">
        <v>0</v>
      </c>
      <c r="E29" s="275">
        <v>505</v>
      </c>
      <c r="F29" s="276">
        <v>0</v>
      </c>
      <c r="G29" s="274">
        <v>47849</v>
      </c>
      <c r="H29" s="274">
        <v>134825</v>
      </c>
      <c r="I29" s="274">
        <v>401475</v>
      </c>
      <c r="J29" s="274">
        <v>758880</v>
      </c>
      <c r="K29" s="274">
        <v>390425</v>
      </c>
      <c r="L29" s="277">
        <v>1733454</v>
      </c>
      <c r="M29" s="278">
        <v>1733959</v>
      </c>
      <c r="N29" s="273">
        <v>0</v>
      </c>
      <c r="O29" s="274">
        <v>0</v>
      </c>
      <c r="P29" s="275">
        <v>0</v>
      </c>
      <c r="Q29" s="279"/>
      <c r="R29" s="274">
        <v>0</v>
      </c>
      <c r="S29" s="274">
        <v>33945</v>
      </c>
      <c r="T29" s="274">
        <v>260710</v>
      </c>
      <c r="U29" s="274">
        <v>505870</v>
      </c>
      <c r="V29" s="274">
        <v>298715</v>
      </c>
      <c r="W29" s="277">
        <v>1099240</v>
      </c>
      <c r="X29" s="278">
        <v>1099240</v>
      </c>
      <c r="Y29" s="273">
        <v>0</v>
      </c>
      <c r="Z29" s="274">
        <v>0</v>
      </c>
      <c r="AA29" s="275">
        <v>0</v>
      </c>
      <c r="AB29" s="279"/>
      <c r="AC29" s="274">
        <v>35085</v>
      </c>
      <c r="AD29" s="274">
        <v>87385</v>
      </c>
      <c r="AE29" s="274">
        <v>112635</v>
      </c>
      <c r="AF29" s="274">
        <v>201500</v>
      </c>
      <c r="AG29" s="274">
        <v>71175</v>
      </c>
      <c r="AH29" s="277">
        <v>507780</v>
      </c>
      <c r="AI29" s="278">
        <v>507780</v>
      </c>
      <c r="AJ29" s="273">
        <v>0</v>
      </c>
      <c r="AK29" s="274">
        <v>0</v>
      </c>
      <c r="AL29" s="275">
        <v>0</v>
      </c>
      <c r="AM29" s="279"/>
      <c r="AN29" s="274">
        <v>0</v>
      </c>
      <c r="AO29" s="274">
        <v>0</v>
      </c>
      <c r="AP29" s="274">
        <v>0</v>
      </c>
      <c r="AQ29" s="274">
        <v>0</v>
      </c>
      <c r="AR29" s="274">
        <v>0</v>
      </c>
      <c r="AS29" s="277">
        <v>0</v>
      </c>
      <c r="AT29" s="278">
        <v>0</v>
      </c>
      <c r="AU29" s="273">
        <v>0</v>
      </c>
      <c r="AV29" s="274">
        <v>0</v>
      </c>
      <c r="AW29" s="275">
        <v>0</v>
      </c>
      <c r="AX29" s="279"/>
      <c r="AY29" s="274">
        <v>0</v>
      </c>
      <c r="AZ29" s="274">
        <v>0</v>
      </c>
      <c r="BA29" s="274">
        <v>2635</v>
      </c>
      <c r="BB29" s="274">
        <v>0</v>
      </c>
      <c r="BC29" s="274">
        <v>5270</v>
      </c>
      <c r="BD29" s="277">
        <v>7905</v>
      </c>
      <c r="BE29" s="278">
        <v>7905</v>
      </c>
      <c r="BF29" s="273">
        <v>0</v>
      </c>
      <c r="BG29" s="274">
        <v>0</v>
      </c>
      <c r="BH29" s="275">
        <v>0</v>
      </c>
      <c r="BI29" s="279"/>
      <c r="BJ29" s="274">
        <v>0</v>
      </c>
      <c r="BK29" s="274">
        <v>0</v>
      </c>
      <c r="BL29" s="274">
        <v>0</v>
      </c>
      <c r="BM29" s="274">
        <v>0</v>
      </c>
      <c r="BN29" s="274">
        <v>0</v>
      </c>
      <c r="BO29" s="277">
        <v>0</v>
      </c>
      <c r="BP29" s="278">
        <v>0</v>
      </c>
      <c r="BQ29" s="273">
        <v>505</v>
      </c>
      <c r="BR29" s="274">
        <v>0</v>
      </c>
      <c r="BS29" s="275">
        <v>505</v>
      </c>
      <c r="BT29" s="276">
        <v>0</v>
      </c>
      <c r="BU29" s="274">
        <v>12764</v>
      </c>
      <c r="BV29" s="274">
        <v>12440</v>
      </c>
      <c r="BW29" s="274">
        <v>25495</v>
      </c>
      <c r="BX29" s="274">
        <v>50530</v>
      </c>
      <c r="BY29" s="274">
        <v>15265</v>
      </c>
      <c r="BZ29" s="277">
        <v>116494</v>
      </c>
      <c r="CA29" s="278">
        <v>116999</v>
      </c>
      <c r="CB29" s="273">
        <v>0</v>
      </c>
      <c r="CC29" s="274">
        <v>0</v>
      </c>
      <c r="CD29" s="275">
        <v>0</v>
      </c>
      <c r="CE29" s="276">
        <v>0</v>
      </c>
      <c r="CF29" s="274">
        <v>0</v>
      </c>
      <c r="CG29" s="274">
        <v>1055</v>
      </c>
      <c r="CH29" s="274">
        <v>0</v>
      </c>
      <c r="CI29" s="274">
        <v>980</v>
      </c>
      <c r="CJ29" s="274">
        <v>0</v>
      </c>
      <c r="CK29" s="277">
        <v>2035</v>
      </c>
      <c r="CL29" s="278">
        <v>2035</v>
      </c>
      <c r="CM29" s="273">
        <v>0</v>
      </c>
      <c r="CN29" s="274">
        <v>0</v>
      </c>
      <c r="CO29" s="275">
        <v>0</v>
      </c>
      <c r="CP29" s="276">
        <v>0</v>
      </c>
      <c r="CQ29" s="274">
        <v>0</v>
      </c>
      <c r="CR29" s="274">
        <v>0</v>
      </c>
      <c r="CS29" s="274">
        <v>0</v>
      </c>
      <c r="CT29" s="274">
        <v>0</v>
      </c>
      <c r="CU29" s="274">
        <v>0</v>
      </c>
      <c r="CV29" s="277">
        <v>0</v>
      </c>
      <c r="CW29" s="278">
        <v>0</v>
      </c>
      <c r="CX29" s="273">
        <v>0</v>
      </c>
      <c r="CY29" s="274">
        <v>0</v>
      </c>
      <c r="CZ29" s="275">
        <v>0</v>
      </c>
      <c r="DA29" s="279"/>
      <c r="DB29" s="274">
        <v>0</v>
      </c>
      <c r="DC29" s="274">
        <v>0</v>
      </c>
      <c r="DD29" s="274">
        <v>0</v>
      </c>
      <c r="DE29" s="274">
        <v>0</v>
      </c>
      <c r="DF29" s="274">
        <v>0</v>
      </c>
      <c r="DG29" s="277">
        <v>0</v>
      </c>
      <c r="DH29" s="278">
        <v>0</v>
      </c>
      <c r="DI29" s="273">
        <v>2088</v>
      </c>
      <c r="DJ29" s="274">
        <v>0</v>
      </c>
      <c r="DK29" s="275">
        <v>2088</v>
      </c>
      <c r="DL29" s="276">
        <v>0</v>
      </c>
      <c r="DM29" s="274">
        <v>24999</v>
      </c>
      <c r="DN29" s="274">
        <v>130705</v>
      </c>
      <c r="DO29" s="274">
        <v>407937</v>
      </c>
      <c r="DP29" s="274">
        <v>723611</v>
      </c>
      <c r="DQ29" s="274">
        <v>446466</v>
      </c>
      <c r="DR29" s="277">
        <v>1733718</v>
      </c>
      <c r="DS29" s="280">
        <v>1735806</v>
      </c>
      <c r="DT29" s="273">
        <v>0</v>
      </c>
      <c r="DU29" s="274">
        <v>0</v>
      </c>
      <c r="DV29" s="275">
        <v>0</v>
      </c>
      <c r="DW29" s="279"/>
      <c r="DX29" s="274">
        <v>0</v>
      </c>
      <c r="DY29" s="274">
        <v>77686</v>
      </c>
      <c r="DZ29" s="274">
        <v>351819</v>
      </c>
      <c r="EA29" s="274">
        <v>629861</v>
      </c>
      <c r="EB29" s="274">
        <v>410433</v>
      </c>
      <c r="EC29" s="277">
        <v>1469799</v>
      </c>
      <c r="ED29" s="278">
        <v>1469799</v>
      </c>
      <c r="EE29" s="273">
        <v>0</v>
      </c>
      <c r="EF29" s="274">
        <v>0</v>
      </c>
      <c r="EG29" s="275">
        <v>0</v>
      </c>
      <c r="EH29" s="279"/>
      <c r="EI29" s="274">
        <v>420</v>
      </c>
      <c r="EJ29" s="274">
        <v>23018</v>
      </c>
      <c r="EK29" s="274">
        <v>18001</v>
      </c>
      <c r="EL29" s="274">
        <v>50018</v>
      </c>
      <c r="EM29" s="274">
        <v>679</v>
      </c>
      <c r="EN29" s="277">
        <v>92136</v>
      </c>
      <c r="EO29" s="278">
        <v>92136</v>
      </c>
      <c r="EP29" s="273">
        <v>0</v>
      </c>
      <c r="EQ29" s="274">
        <v>0</v>
      </c>
      <c r="ER29" s="275">
        <v>0</v>
      </c>
      <c r="ES29" s="279"/>
      <c r="ET29" s="274">
        <v>0</v>
      </c>
      <c r="EU29" s="274">
        <v>0</v>
      </c>
      <c r="EV29" s="274">
        <v>0</v>
      </c>
      <c r="EW29" s="274">
        <v>0</v>
      </c>
      <c r="EX29" s="274">
        <v>0</v>
      </c>
      <c r="EY29" s="277">
        <v>0</v>
      </c>
      <c r="EZ29" s="278">
        <v>0</v>
      </c>
      <c r="FA29" s="273">
        <v>0</v>
      </c>
      <c r="FB29" s="274">
        <v>0</v>
      </c>
      <c r="FC29" s="275">
        <v>0</v>
      </c>
      <c r="FD29" s="279"/>
      <c r="FE29" s="274">
        <v>0</v>
      </c>
      <c r="FF29" s="274">
        <v>0</v>
      </c>
      <c r="FG29" s="274">
        <v>217</v>
      </c>
      <c r="FH29" s="274">
        <v>0</v>
      </c>
      <c r="FI29" s="274">
        <v>434</v>
      </c>
      <c r="FJ29" s="277">
        <v>651</v>
      </c>
      <c r="FK29" s="278">
        <v>651</v>
      </c>
      <c r="FL29" s="273">
        <v>0</v>
      </c>
      <c r="FM29" s="274">
        <v>0</v>
      </c>
      <c r="FN29" s="275">
        <v>0</v>
      </c>
      <c r="FO29" s="279"/>
      <c r="FP29" s="274">
        <v>0</v>
      </c>
      <c r="FQ29" s="274">
        <v>0</v>
      </c>
      <c r="FR29" s="274">
        <v>0</v>
      </c>
      <c r="FS29" s="274">
        <v>0</v>
      </c>
      <c r="FT29" s="274">
        <v>0</v>
      </c>
      <c r="FU29" s="277">
        <v>0</v>
      </c>
      <c r="FV29" s="278">
        <v>0</v>
      </c>
      <c r="FW29" s="273">
        <v>2088</v>
      </c>
      <c r="FX29" s="274">
        <v>0</v>
      </c>
      <c r="FY29" s="275">
        <v>2088</v>
      </c>
      <c r="FZ29" s="276">
        <v>0</v>
      </c>
      <c r="GA29" s="274">
        <v>24579</v>
      </c>
      <c r="GB29" s="274">
        <v>29980</v>
      </c>
      <c r="GC29" s="274">
        <v>37900</v>
      </c>
      <c r="GD29" s="274">
        <v>43641</v>
      </c>
      <c r="GE29" s="274">
        <v>34920</v>
      </c>
      <c r="GF29" s="277">
        <v>171020</v>
      </c>
      <c r="GG29" s="278">
        <v>173108</v>
      </c>
      <c r="GH29" s="273">
        <v>0</v>
      </c>
      <c r="GI29" s="274">
        <v>0</v>
      </c>
      <c r="GJ29" s="275">
        <v>0</v>
      </c>
      <c r="GK29" s="276">
        <v>0</v>
      </c>
      <c r="GL29" s="274">
        <v>0</v>
      </c>
      <c r="GM29" s="274">
        <v>21</v>
      </c>
      <c r="GN29" s="274">
        <v>0</v>
      </c>
      <c r="GO29" s="274">
        <v>91</v>
      </c>
      <c r="GP29" s="274">
        <v>0</v>
      </c>
      <c r="GQ29" s="277">
        <v>112</v>
      </c>
      <c r="GR29" s="278">
        <v>112</v>
      </c>
      <c r="GS29" s="273">
        <v>0</v>
      </c>
      <c r="GT29" s="274">
        <v>0</v>
      </c>
      <c r="GU29" s="275">
        <v>0</v>
      </c>
      <c r="GV29" s="276">
        <v>0</v>
      </c>
      <c r="GW29" s="274">
        <v>0</v>
      </c>
      <c r="GX29" s="274">
        <v>0</v>
      </c>
      <c r="GY29" s="274">
        <v>0</v>
      </c>
      <c r="GZ29" s="274">
        <v>0</v>
      </c>
      <c r="HA29" s="274">
        <v>0</v>
      </c>
      <c r="HB29" s="277">
        <v>0</v>
      </c>
      <c r="HC29" s="278">
        <v>0</v>
      </c>
      <c r="HD29" s="273">
        <v>0</v>
      </c>
      <c r="HE29" s="274">
        <v>0</v>
      </c>
      <c r="HF29" s="275">
        <v>0</v>
      </c>
      <c r="HG29" s="279"/>
      <c r="HH29" s="274">
        <v>0</v>
      </c>
      <c r="HI29" s="274">
        <v>0</v>
      </c>
      <c r="HJ29" s="274">
        <v>0</v>
      </c>
      <c r="HK29" s="274">
        <v>0</v>
      </c>
      <c r="HL29" s="274">
        <v>0</v>
      </c>
      <c r="HM29" s="277">
        <v>0</v>
      </c>
      <c r="HN29" s="278">
        <v>0</v>
      </c>
      <c r="HO29" s="273">
        <v>2593</v>
      </c>
      <c r="HP29" s="274">
        <v>0</v>
      </c>
      <c r="HQ29" s="275">
        <v>2593</v>
      </c>
      <c r="HR29" s="276">
        <v>0</v>
      </c>
      <c r="HS29" s="274">
        <v>72848</v>
      </c>
      <c r="HT29" s="274">
        <v>265530</v>
      </c>
      <c r="HU29" s="274">
        <v>809412</v>
      </c>
      <c r="HV29" s="274">
        <v>1482491</v>
      </c>
      <c r="HW29" s="274">
        <v>836891</v>
      </c>
      <c r="HX29" s="277">
        <v>3467172</v>
      </c>
      <c r="HY29" s="278">
        <v>3469765</v>
      </c>
    </row>
    <row r="30" spans="2:233" ht="21" customHeight="1" x14ac:dyDescent="0.2">
      <c r="B30" s="472" t="s">
        <v>27</v>
      </c>
      <c r="C30" s="273">
        <v>0</v>
      </c>
      <c r="D30" s="274">
        <v>0</v>
      </c>
      <c r="E30" s="275">
        <v>0</v>
      </c>
      <c r="F30" s="276">
        <v>0</v>
      </c>
      <c r="G30" s="274">
        <v>45623</v>
      </c>
      <c r="H30" s="274">
        <v>120039</v>
      </c>
      <c r="I30" s="274">
        <v>472220</v>
      </c>
      <c r="J30" s="274">
        <v>704610</v>
      </c>
      <c r="K30" s="274">
        <v>400820</v>
      </c>
      <c r="L30" s="277">
        <v>1743312</v>
      </c>
      <c r="M30" s="278">
        <v>1743312</v>
      </c>
      <c r="N30" s="273">
        <v>0</v>
      </c>
      <c r="O30" s="274">
        <v>0</v>
      </c>
      <c r="P30" s="275">
        <v>0</v>
      </c>
      <c r="Q30" s="279"/>
      <c r="R30" s="274">
        <v>34810</v>
      </c>
      <c r="S30" s="274">
        <v>32705</v>
      </c>
      <c r="T30" s="274">
        <v>286835</v>
      </c>
      <c r="U30" s="274">
        <v>498655</v>
      </c>
      <c r="V30" s="274">
        <v>384710</v>
      </c>
      <c r="W30" s="277">
        <v>1237715</v>
      </c>
      <c r="X30" s="278">
        <v>1237715</v>
      </c>
      <c r="Y30" s="273">
        <v>0</v>
      </c>
      <c r="Z30" s="274">
        <v>0</v>
      </c>
      <c r="AA30" s="275">
        <v>0</v>
      </c>
      <c r="AB30" s="279"/>
      <c r="AC30" s="274">
        <v>7905</v>
      </c>
      <c r="AD30" s="274">
        <v>84630</v>
      </c>
      <c r="AE30" s="274">
        <v>114545</v>
      </c>
      <c r="AF30" s="274">
        <v>194970</v>
      </c>
      <c r="AG30" s="274">
        <v>5270</v>
      </c>
      <c r="AH30" s="277">
        <v>407320</v>
      </c>
      <c r="AI30" s="278">
        <v>407320</v>
      </c>
      <c r="AJ30" s="273">
        <v>0</v>
      </c>
      <c r="AK30" s="274">
        <v>0</v>
      </c>
      <c r="AL30" s="275">
        <v>0</v>
      </c>
      <c r="AM30" s="279"/>
      <c r="AN30" s="274">
        <v>0</v>
      </c>
      <c r="AO30" s="274">
        <v>0</v>
      </c>
      <c r="AP30" s="274">
        <v>0</v>
      </c>
      <c r="AQ30" s="274">
        <v>0</v>
      </c>
      <c r="AR30" s="274">
        <v>0</v>
      </c>
      <c r="AS30" s="277">
        <v>0</v>
      </c>
      <c r="AT30" s="278">
        <v>0</v>
      </c>
      <c r="AU30" s="273">
        <v>0</v>
      </c>
      <c r="AV30" s="274">
        <v>0</v>
      </c>
      <c r="AW30" s="275">
        <v>0</v>
      </c>
      <c r="AX30" s="279"/>
      <c r="AY30" s="274">
        <v>0</v>
      </c>
      <c r="AZ30" s="274">
        <v>0</v>
      </c>
      <c r="BA30" s="274">
        <v>0</v>
      </c>
      <c r="BB30" s="274">
        <v>0</v>
      </c>
      <c r="BC30" s="274">
        <v>0</v>
      </c>
      <c r="BD30" s="277">
        <v>0</v>
      </c>
      <c r="BE30" s="278">
        <v>0</v>
      </c>
      <c r="BF30" s="273">
        <v>0</v>
      </c>
      <c r="BG30" s="274">
        <v>0</v>
      </c>
      <c r="BH30" s="275">
        <v>0</v>
      </c>
      <c r="BI30" s="279"/>
      <c r="BJ30" s="274">
        <v>0</v>
      </c>
      <c r="BK30" s="274">
        <v>0</v>
      </c>
      <c r="BL30" s="274">
        <v>59985</v>
      </c>
      <c r="BM30" s="274">
        <v>10540</v>
      </c>
      <c r="BN30" s="274">
        <v>2635</v>
      </c>
      <c r="BO30" s="277">
        <v>73160</v>
      </c>
      <c r="BP30" s="278">
        <v>73160</v>
      </c>
      <c r="BQ30" s="273">
        <v>0</v>
      </c>
      <c r="BR30" s="274">
        <v>0</v>
      </c>
      <c r="BS30" s="275">
        <v>0</v>
      </c>
      <c r="BT30" s="276">
        <v>0</v>
      </c>
      <c r="BU30" s="274">
        <v>2908</v>
      </c>
      <c r="BV30" s="274">
        <v>2704</v>
      </c>
      <c r="BW30" s="274">
        <v>10855</v>
      </c>
      <c r="BX30" s="274">
        <v>445</v>
      </c>
      <c r="BY30" s="274">
        <v>8205</v>
      </c>
      <c r="BZ30" s="277">
        <v>25117</v>
      </c>
      <c r="CA30" s="278">
        <v>25117</v>
      </c>
      <c r="CB30" s="273">
        <v>0</v>
      </c>
      <c r="CC30" s="274">
        <v>0</v>
      </c>
      <c r="CD30" s="275">
        <v>0</v>
      </c>
      <c r="CE30" s="276">
        <v>0</v>
      </c>
      <c r="CF30" s="274">
        <v>0</v>
      </c>
      <c r="CG30" s="274">
        <v>0</v>
      </c>
      <c r="CH30" s="274">
        <v>0</v>
      </c>
      <c r="CI30" s="274">
        <v>0</v>
      </c>
      <c r="CJ30" s="274">
        <v>0</v>
      </c>
      <c r="CK30" s="277">
        <v>0</v>
      </c>
      <c r="CL30" s="278">
        <v>0</v>
      </c>
      <c r="CM30" s="273">
        <v>0</v>
      </c>
      <c r="CN30" s="274">
        <v>0</v>
      </c>
      <c r="CO30" s="275">
        <v>0</v>
      </c>
      <c r="CP30" s="276">
        <v>0</v>
      </c>
      <c r="CQ30" s="274">
        <v>0</v>
      </c>
      <c r="CR30" s="274">
        <v>0</v>
      </c>
      <c r="CS30" s="274">
        <v>0</v>
      </c>
      <c r="CT30" s="274">
        <v>0</v>
      </c>
      <c r="CU30" s="274">
        <v>0</v>
      </c>
      <c r="CV30" s="277">
        <v>0</v>
      </c>
      <c r="CW30" s="278">
        <v>0</v>
      </c>
      <c r="CX30" s="273">
        <v>0</v>
      </c>
      <c r="CY30" s="274">
        <v>0</v>
      </c>
      <c r="CZ30" s="275">
        <v>0</v>
      </c>
      <c r="DA30" s="279"/>
      <c r="DB30" s="274">
        <v>0</v>
      </c>
      <c r="DC30" s="274">
        <v>0</v>
      </c>
      <c r="DD30" s="274">
        <v>0</v>
      </c>
      <c r="DE30" s="274">
        <v>0</v>
      </c>
      <c r="DF30" s="274">
        <v>0</v>
      </c>
      <c r="DG30" s="277">
        <v>0</v>
      </c>
      <c r="DH30" s="278">
        <v>0</v>
      </c>
      <c r="DI30" s="273">
        <v>0</v>
      </c>
      <c r="DJ30" s="274">
        <v>0</v>
      </c>
      <c r="DK30" s="275">
        <v>0</v>
      </c>
      <c r="DL30" s="276">
        <v>0</v>
      </c>
      <c r="DM30" s="274">
        <v>59140</v>
      </c>
      <c r="DN30" s="274">
        <v>19228</v>
      </c>
      <c r="DO30" s="274">
        <v>391172</v>
      </c>
      <c r="DP30" s="274">
        <v>635286</v>
      </c>
      <c r="DQ30" s="274">
        <v>403906</v>
      </c>
      <c r="DR30" s="277">
        <v>1508732</v>
      </c>
      <c r="DS30" s="280">
        <v>1508732</v>
      </c>
      <c r="DT30" s="273">
        <v>0</v>
      </c>
      <c r="DU30" s="274">
        <v>0</v>
      </c>
      <c r="DV30" s="275">
        <v>0</v>
      </c>
      <c r="DW30" s="279"/>
      <c r="DX30" s="274">
        <v>29140</v>
      </c>
      <c r="DY30" s="274">
        <v>14570</v>
      </c>
      <c r="DZ30" s="274">
        <v>269963</v>
      </c>
      <c r="EA30" s="274">
        <v>465749</v>
      </c>
      <c r="EB30" s="274">
        <v>362483</v>
      </c>
      <c r="EC30" s="277">
        <v>1141905</v>
      </c>
      <c r="ED30" s="278">
        <v>1141905</v>
      </c>
      <c r="EE30" s="273">
        <v>0</v>
      </c>
      <c r="EF30" s="274">
        <v>0</v>
      </c>
      <c r="EG30" s="275">
        <v>0</v>
      </c>
      <c r="EH30" s="279"/>
      <c r="EI30" s="274">
        <v>22010</v>
      </c>
      <c r="EJ30" s="274">
        <v>868</v>
      </c>
      <c r="EK30" s="274">
        <v>32891</v>
      </c>
      <c r="EL30" s="274">
        <v>82748</v>
      </c>
      <c r="EM30" s="274">
        <v>10447</v>
      </c>
      <c r="EN30" s="277">
        <v>148964</v>
      </c>
      <c r="EO30" s="278">
        <v>148964</v>
      </c>
      <c r="EP30" s="273">
        <v>0</v>
      </c>
      <c r="EQ30" s="274">
        <v>0</v>
      </c>
      <c r="ER30" s="275">
        <v>0</v>
      </c>
      <c r="ES30" s="279"/>
      <c r="ET30" s="274">
        <v>0</v>
      </c>
      <c r="EU30" s="274">
        <v>0</v>
      </c>
      <c r="EV30" s="274">
        <v>0</v>
      </c>
      <c r="EW30" s="274">
        <v>0</v>
      </c>
      <c r="EX30" s="274">
        <v>0</v>
      </c>
      <c r="EY30" s="277">
        <v>0</v>
      </c>
      <c r="EZ30" s="278">
        <v>0</v>
      </c>
      <c r="FA30" s="273">
        <v>0</v>
      </c>
      <c r="FB30" s="274">
        <v>0</v>
      </c>
      <c r="FC30" s="275">
        <v>0</v>
      </c>
      <c r="FD30" s="279"/>
      <c r="FE30" s="274">
        <v>0</v>
      </c>
      <c r="FF30" s="274">
        <v>0</v>
      </c>
      <c r="FG30" s="274">
        <v>0</v>
      </c>
      <c r="FH30" s="274">
        <v>0</v>
      </c>
      <c r="FI30" s="274">
        <v>0</v>
      </c>
      <c r="FJ30" s="277">
        <v>0</v>
      </c>
      <c r="FK30" s="278">
        <v>0</v>
      </c>
      <c r="FL30" s="273">
        <v>0</v>
      </c>
      <c r="FM30" s="274">
        <v>0</v>
      </c>
      <c r="FN30" s="275">
        <v>0</v>
      </c>
      <c r="FO30" s="279"/>
      <c r="FP30" s="274">
        <v>0</v>
      </c>
      <c r="FQ30" s="274">
        <v>0</v>
      </c>
      <c r="FR30" s="274">
        <v>79918</v>
      </c>
      <c r="FS30" s="274">
        <v>86304</v>
      </c>
      <c r="FT30" s="274">
        <v>21576</v>
      </c>
      <c r="FU30" s="277">
        <v>187798</v>
      </c>
      <c r="FV30" s="278">
        <v>187798</v>
      </c>
      <c r="FW30" s="273">
        <v>0</v>
      </c>
      <c r="FX30" s="274">
        <v>0</v>
      </c>
      <c r="FY30" s="275">
        <v>0</v>
      </c>
      <c r="FZ30" s="276">
        <v>0</v>
      </c>
      <c r="GA30" s="274">
        <v>7990</v>
      </c>
      <c r="GB30" s="274">
        <v>3790</v>
      </c>
      <c r="GC30" s="274">
        <v>8400</v>
      </c>
      <c r="GD30" s="274">
        <v>485</v>
      </c>
      <c r="GE30" s="274">
        <v>9400</v>
      </c>
      <c r="GF30" s="277">
        <v>30065</v>
      </c>
      <c r="GG30" s="278">
        <v>30065</v>
      </c>
      <c r="GH30" s="273">
        <v>0</v>
      </c>
      <c r="GI30" s="274">
        <v>0</v>
      </c>
      <c r="GJ30" s="275">
        <v>0</v>
      </c>
      <c r="GK30" s="276">
        <v>0</v>
      </c>
      <c r="GL30" s="274">
        <v>0</v>
      </c>
      <c r="GM30" s="274">
        <v>0</v>
      </c>
      <c r="GN30" s="274">
        <v>0</v>
      </c>
      <c r="GO30" s="274">
        <v>0</v>
      </c>
      <c r="GP30" s="274">
        <v>0</v>
      </c>
      <c r="GQ30" s="277">
        <v>0</v>
      </c>
      <c r="GR30" s="278">
        <v>0</v>
      </c>
      <c r="GS30" s="273">
        <v>0</v>
      </c>
      <c r="GT30" s="274">
        <v>0</v>
      </c>
      <c r="GU30" s="275">
        <v>0</v>
      </c>
      <c r="GV30" s="276">
        <v>0</v>
      </c>
      <c r="GW30" s="274">
        <v>0</v>
      </c>
      <c r="GX30" s="274">
        <v>0</v>
      </c>
      <c r="GY30" s="274">
        <v>0</v>
      </c>
      <c r="GZ30" s="274">
        <v>0</v>
      </c>
      <c r="HA30" s="274">
        <v>0</v>
      </c>
      <c r="HB30" s="277">
        <v>0</v>
      </c>
      <c r="HC30" s="278">
        <v>0</v>
      </c>
      <c r="HD30" s="273">
        <v>0</v>
      </c>
      <c r="HE30" s="274">
        <v>0</v>
      </c>
      <c r="HF30" s="275">
        <v>0</v>
      </c>
      <c r="HG30" s="279"/>
      <c r="HH30" s="274">
        <v>0</v>
      </c>
      <c r="HI30" s="274">
        <v>0</v>
      </c>
      <c r="HJ30" s="274">
        <v>0</v>
      </c>
      <c r="HK30" s="274">
        <v>0</v>
      </c>
      <c r="HL30" s="274">
        <v>0</v>
      </c>
      <c r="HM30" s="277">
        <v>0</v>
      </c>
      <c r="HN30" s="278">
        <v>0</v>
      </c>
      <c r="HO30" s="273">
        <v>0</v>
      </c>
      <c r="HP30" s="274">
        <v>0</v>
      </c>
      <c r="HQ30" s="275">
        <v>0</v>
      </c>
      <c r="HR30" s="276">
        <v>0</v>
      </c>
      <c r="HS30" s="274">
        <v>104763</v>
      </c>
      <c r="HT30" s="274">
        <v>139267</v>
      </c>
      <c r="HU30" s="274">
        <v>863392</v>
      </c>
      <c r="HV30" s="274">
        <v>1339896</v>
      </c>
      <c r="HW30" s="274">
        <v>804726</v>
      </c>
      <c r="HX30" s="277">
        <v>3252044</v>
      </c>
      <c r="HY30" s="278">
        <v>3252044</v>
      </c>
    </row>
    <row r="31" spans="2:233" ht="21" customHeight="1" x14ac:dyDescent="0.2">
      <c r="B31" s="472" t="s">
        <v>28</v>
      </c>
      <c r="C31" s="273">
        <v>0</v>
      </c>
      <c r="D31" s="274">
        <v>0</v>
      </c>
      <c r="E31" s="275">
        <v>0</v>
      </c>
      <c r="F31" s="276">
        <v>0</v>
      </c>
      <c r="G31" s="274">
        <v>0</v>
      </c>
      <c r="H31" s="274">
        <v>63395</v>
      </c>
      <c r="I31" s="274">
        <v>256695</v>
      </c>
      <c r="J31" s="274">
        <v>193865</v>
      </c>
      <c r="K31" s="274">
        <v>57040</v>
      </c>
      <c r="L31" s="277">
        <v>570995</v>
      </c>
      <c r="M31" s="278">
        <v>570995</v>
      </c>
      <c r="N31" s="273">
        <v>0</v>
      </c>
      <c r="O31" s="274">
        <v>0</v>
      </c>
      <c r="P31" s="275">
        <v>0</v>
      </c>
      <c r="Q31" s="279"/>
      <c r="R31" s="274">
        <v>0</v>
      </c>
      <c r="S31" s="274">
        <v>30690</v>
      </c>
      <c r="T31" s="274">
        <v>192045</v>
      </c>
      <c r="U31" s="274">
        <v>188595</v>
      </c>
      <c r="V31" s="274">
        <v>57040</v>
      </c>
      <c r="W31" s="277">
        <v>468370</v>
      </c>
      <c r="X31" s="278">
        <v>468370</v>
      </c>
      <c r="Y31" s="273">
        <v>0</v>
      </c>
      <c r="Z31" s="274">
        <v>0</v>
      </c>
      <c r="AA31" s="275">
        <v>0</v>
      </c>
      <c r="AB31" s="279"/>
      <c r="AC31" s="274">
        <v>0</v>
      </c>
      <c r="AD31" s="274">
        <v>32705</v>
      </c>
      <c r="AE31" s="274">
        <v>59985</v>
      </c>
      <c r="AF31" s="274">
        <v>5270</v>
      </c>
      <c r="AG31" s="274">
        <v>0</v>
      </c>
      <c r="AH31" s="277">
        <v>97960</v>
      </c>
      <c r="AI31" s="278">
        <v>97960</v>
      </c>
      <c r="AJ31" s="273">
        <v>0</v>
      </c>
      <c r="AK31" s="274">
        <v>0</v>
      </c>
      <c r="AL31" s="275">
        <v>0</v>
      </c>
      <c r="AM31" s="279"/>
      <c r="AN31" s="274">
        <v>0</v>
      </c>
      <c r="AO31" s="274">
        <v>0</v>
      </c>
      <c r="AP31" s="274">
        <v>0</v>
      </c>
      <c r="AQ31" s="274">
        <v>0</v>
      </c>
      <c r="AR31" s="274">
        <v>0</v>
      </c>
      <c r="AS31" s="277">
        <v>0</v>
      </c>
      <c r="AT31" s="278">
        <v>0</v>
      </c>
      <c r="AU31" s="273">
        <v>0</v>
      </c>
      <c r="AV31" s="274">
        <v>0</v>
      </c>
      <c r="AW31" s="275">
        <v>0</v>
      </c>
      <c r="AX31" s="279"/>
      <c r="AY31" s="274">
        <v>0</v>
      </c>
      <c r="AZ31" s="274">
        <v>0</v>
      </c>
      <c r="BA31" s="274">
        <v>0</v>
      </c>
      <c r="BB31" s="274">
        <v>0</v>
      </c>
      <c r="BC31" s="274">
        <v>0</v>
      </c>
      <c r="BD31" s="277">
        <v>0</v>
      </c>
      <c r="BE31" s="278">
        <v>0</v>
      </c>
      <c r="BF31" s="273">
        <v>0</v>
      </c>
      <c r="BG31" s="274">
        <v>0</v>
      </c>
      <c r="BH31" s="275">
        <v>0</v>
      </c>
      <c r="BI31" s="279"/>
      <c r="BJ31" s="274">
        <v>0</v>
      </c>
      <c r="BK31" s="274">
        <v>0</v>
      </c>
      <c r="BL31" s="274">
        <v>2635</v>
      </c>
      <c r="BM31" s="274">
        <v>0</v>
      </c>
      <c r="BN31" s="274">
        <v>0</v>
      </c>
      <c r="BO31" s="277">
        <v>2635</v>
      </c>
      <c r="BP31" s="278">
        <v>2635</v>
      </c>
      <c r="BQ31" s="273">
        <v>0</v>
      </c>
      <c r="BR31" s="274">
        <v>0</v>
      </c>
      <c r="BS31" s="275">
        <v>0</v>
      </c>
      <c r="BT31" s="276">
        <v>0</v>
      </c>
      <c r="BU31" s="274">
        <v>0</v>
      </c>
      <c r="BV31" s="274">
        <v>0</v>
      </c>
      <c r="BW31" s="274">
        <v>2030</v>
      </c>
      <c r="BX31" s="274">
        <v>0</v>
      </c>
      <c r="BY31" s="274">
        <v>0</v>
      </c>
      <c r="BZ31" s="277">
        <v>2030</v>
      </c>
      <c r="CA31" s="278">
        <v>2030</v>
      </c>
      <c r="CB31" s="273">
        <v>0</v>
      </c>
      <c r="CC31" s="274">
        <v>0</v>
      </c>
      <c r="CD31" s="275">
        <v>0</v>
      </c>
      <c r="CE31" s="276">
        <v>0</v>
      </c>
      <c r="CF31" s="274">
        <v>0</v>
      </c>
      <c r="CG31" s="274">
        <v>0</v>
      </c>
      <c r="CH31" s="274">
        <v>0</v>
      </c>
      <c r="CI31" s="274">
        <v>0</v>
      </c>
      <c r="CJ31" s="274">
        <v>0</v>
      </c>
      <c r="CK31" s="277">
        <v>0</v>
      </c>
      <c r="CL31" s="278">
        <v>0</v>
      </c>
      <c r="CM31" s="273">
        <v>0</v>
      </c>
      <c r="CN31" s="274">
        <v>0</v>
      </c>
      <c r="CO31" s="275">
        <v>0</v>
      </c>
      <c r="CP31" s="276">
        <v>0</v>
      </c>
      <c r="CQ31" s="274">
        <v>0</v>
      </c>
      <c r="CR31" s="274">
        <v>0</v>
      </c>
      <c r="CS31" s="274">
        <v>0</v>
      </c>
      <c r="CT31" s="274">
        <v>0</v>
      </c>
      <c r="CU31" s="274">
        <v>0</v>
      </c>
      <c r="CV31" s="277">
        <v>0</v>
      </c>
      <c r="CW31" s="278">
        <v>0</v>
      </c>
      <c r="CX31" s="273">
        <v>0</v>
      </c>
      <c r="CY31" s="274">
        <v>0</v>
      </c>
      <c r="CZ31" s="275">
        <v>0</v>
      </c>
      <c r="DA31" s="279"/>
      <c r="DB31" s="274">
        <v>0</v>
      </c>
      <c r="DC31" s="274">
        <v>0</v>
      </c>
      <c r="DD31" s="274">
        <v>0</v>
      </c>
      <c r="DE31" s="274">
        <v>0</v>
      </c>
      <c r="DF31" s="274">
        <v>0</v>
      </c>
      <c r="DG31" s="277">
        <v>0</v>
      </c>
      <c r="DH31" s="278">
        <v>0</v>
      </c>
      <c r="DI31" s="273">
        <v>0</v>
      </c>
      <c r="DJ31" s="274">
        <v>0</v>
      </c>
      <c r="DK31" s="275">
        <v>0</v>
      </c>
      <c r="DL31" s="276">
        <v>0</v>
      </c>
      <c r="DM31" s="274">
        <v>0</v>
      </c>
      <c r="DN31" s="274">
        <v>14787</v>
      </c>
      <c r="DO31" s="274">
        <v>235619</v>
      </c>
      <c r="DP31" s="274">
        <v>165629</v>
      </c>
      <c r="DQ31" s="274">
        <v>131037</v>
      </c>
      <c r="DR31" s="277">
        <v>547072</v>
      </c>
      <c r="DS31" s="280">
        <v>547072</v>
      </c>
      <c r="DT31" s="273">
        <v>0</v>
      </c>
      <c r="DU31" s="274">
        <v>0</v>
      </c>
      <c r="DV31" s="275">
        <v>0</v>
      </c>
      <c r="DW31" s="279"/>
      <c r="DX31" s="274">
        <v>0</v>
      </c>
      <c r="DY31" s="274">
        <v>14570</v>
      </c>
      <c r="DZ31" s="274">
        <v>183303</v>
      </c>
      <c r="EA31" s="274">
        <v>143867</v>
      </c>
      <c r="EB31" s="274">
        <v>131037</v>
      </c>
      <c r="EC31" s="277">
        <v>472777</v>
      </c>
      <c r="ED31" s="278">
        <v>472777</v>
      </c>
      <c r="EE31" s="273">
        <v>0</v>
      </c>
      <c r="EF31" s="274">
        <v>0</v>
      </c>
      <c r="EG31" s="275">
        <v>0</v>
      </c>
      <c r="EH31" s="279"/>
      <c r="EI31" s="274">
        <v>0</v>
      </c>
      <c r="EJ31" s="274">
        <v>217</v>
      </c>
      <c r="EK31" s="274">
        <v>22010</v>
      </c>
      <c r="EL31" s="274">
        <v>21762</v>
      </c>
      <c r="EM31" s="274">
        <v>0</v>
      </c>
      <c r="EN31" s="277">
        <v>43989</v>
      </c>
      <c r="EO31" s="278">
        <v>43989</v>
      </c>
      <c r="EP31" s="273">
        <v>0</v>
      </c>
      <c r="EQ31" s="274">
        <v>0</v>
      </c>
      <c r="ER31" s="275">
        <v>0</v>
      </c>
      <c r="ES31" s="279"/>
      <c r="ET31" s="274">
        <v>0</v>
      </c>
      <c r="EU31" s="274">
        <v>0</v>
      </c>
      <c r="EV31" s="274">
        <v>0</v>
      </c>
      <c r="EW31" s="274">
        <v>0</v>
      </c>
      <c r="EX31" s="274">
        <v>0</v>
      </c>
      <c r="EY31" s="277">
        <v>0</v>
      </c>
      <c r="EZ31" s="278">
        <v>0</v>
      </c>
      <c r="FA31" s="273">
        <v>0</v>
      </c>
      <c r="FB31" s="274">
        <v>0</v>
      </c>
      <c r="FC31" s="275">
        <v>0</v>
      </c>
      <c r="FD31" s="279"/>
      <c r="FE31" s="274">
        <v>0</v>
      </c>
      <c r="FF31" s="274">
        <v>0</v>
      </c>
      <c r="FG31" s="274">
        <v>0</v>
      </c>
      <c r="FH31" s="274">
        <v>0</v>
      </c>
      <c r="FI31" s="274">
        <v>0</v>
      </c>
      <c r="FJ31" s="277">
        <v>0</v>
      </c>
      <c r="FK31" s="278">
        <v>0</v>
      </c>
      <c r="FL31" s="273">
        <v>0</v>
      </c>
      <c r="FM31" s="274">
        <v>0</v>
      </c>
      <c r="FN31" s="275">
        <v>0</v>
      </c>
      <c r="FO31" s="279"/>
      <c r="FP31" s="274">
        <v>0</v>
      </c>
      <c r="FQ31" s="274">
        <v>0</v>
      </c>
      <c r="FR31" s="274">
        <v>21576</v>
      </c>
      <c r="FS31" s="274">
        <v>0</v>
      </c>
      <c r="FT31" s="274">
        <v>0</v>
      </c>
      <c r="FU31" s="277">
        <v>21576</v>
      </c>
      <c r="FV31" s="278">
        <v>21576</v>
      </c>
      <c r="FW31" s="273">
        <v>0</v>
      </c>
      <c r="FX31" s="274">
        <v>0</v>
      </c>
      <c r="FY31" s="275">
        <v>0</v>
      </c>
      <c r="FZ31" s="276">
        <v>0</v>
      </c>
      <c r="GA31" s="274">
        <v>0</v>
      </c>
      <c r="GB31" s="274">
        <v>0</v>
      </c>
      <c r="GC31" s="274">
        <v>8730</v>
      </c>
      <c r="GD31" s="274">
        <v>0</v>
      </c>
      <c r="GE31" s="274">
        <v>0</v>
      </c>
      <c r="GF31" s="277">
        <v>8730</v>
      </c>
      <c r="GG31" s="278">
        <v>8730</v>
      </c>
      <c r="GH31" s="273">
        <v>0</v>
      </c>
      <c r="GI31" s="274">
        <v>0</v>
      </c>
      <c r="GJ31" s="275">
        <v>0</v>
      </c>
      <c r="GK31" s="276">
        <v>0</v>
      </c>
      <c r="GL31" s="274">
        <v>0</v>
      </c>
      <c r="GM31" s="274">
        <v>0</v>
      </c>
      <c r="GN31" s="274">
        <v>0</v>
      </c>
      <c r="GO31" s="274">
        <v>0</v>
      </c>
      <c r="GP31" s="274">
        <v>0</v>
      </c>
      <c r="GQ31" s="277">
        <v>0</v>
      </c>
      <c r="GR31" s="278">
        <v>0</v>
      </c>
      <c r="GS31" s="273">
        <v>0</v>
      </c>
      <c r="GT31" s="274">
        <v>0</v>
      </c>
      <c r="GU31" s="275">
        <v>0</v>
      </c>
      <c r="GV31" s="276">
        <v>0</v>
      </c>
      <c r="GW31" s="274">
        <v>0</v>
      </c>
      <c r="GX31" s="274">
        <v>0</v>
      </c>
      <c r="GY31" s="274">
        <v>0</v>
      </c>
      <c r="GZ31" s="274">
        <v>0</v>
      </c>
      <c r="HA31" s="274">
        <v>0</v>
      </c>
      <c r="HB31" s="277">
        <v>0</v>
      </c>
      <c r="HC31" s="278">
        <v>0</v>
      </c>
      <c r="HD31" s="273">
        <v>0</v>
      </c>
      <c r="HE31" s="274">
        <v>0</v>
      </c>
      <c r="HF31" s="275">
        <v>0</v>
      </c>
      <c r="HG31" s="279"/>
      <c r="HH31" s="274">
        <v>0</v>
      </c>
      <c r="HI31" s="274">
        <v>0</v>
      </c>
      <c r="HJ31" s="274">
        <v>0</v>
      </c>
      <c r="HK31" s="274">
        <v>0</v>
      </c>
      <c r="HL31" s="274">
        <v>0</v>
      </c>
      <c r="HM31" s="277">
        <v>0</v>
      </c>
      <c r="HN31" s="278">
        <v>0</v>
      </c>
      <c r="HO31" s="273">
        <v>0</v>
      </c>
      <c r="HP31" s="274">
        <v>0</v>
      </c>
      <c r="HQ31" s="275">
        <v>0</v>
      </c>
      <c r="HR31" s="276">
        <v>0</v>
      </c>
      <c r="HS31" s="274">
        <v>0</v>
      </c>
      <c r="HT31" s="274">
        <v>78182</v>
      </c>
      <c r="HU31" s="274">
        <v>492314</v>
      </c>
      <c r="HV31" s="274">
        <v>359494</v>
      </c>
      <c r="HW31" s="274">
        <v>188077</v>
      </c>
      <c r="HX31" s="277">
        <v>1118067</v>
      </c>
      <c r="HY31" s="278">
        <v>1118067</v>
      </c>
    </row>
    <row r="32" spans="2:233" ht="21" customHeight="1" x14ac:dyDescent="0.2">
      <c r="B32" s="472" t="s">
        <v>29</v>
      </c>
      <c r="C32" s="273">
        <v>0</v>
      </c>
      <c r="D32" s="274">
        <v>0</v>
      </c>
      <c r="E32" s="275">
        <v>0</v>
      </c>
      <c r="F32" s="276">
        <v>0</v>
      </c>
      <c r="G32" s="274">
        <v>2145</v>
      </c>
      <c r="H32" s="274">
        <v>134703</v>
      </c>
      <c r="I32" s="274">
        <v>226600</v>
      </c>
      <c r="J32" s="274">
        <v>389165</v>
      </c>
      <c r="K32" s="274">
        <v>245850</v>
      </c>
      <c r="L32" s="277">
        <v>998463</v>
      </c>
      <c r="M32" s="278">
        <v>998463</v>
      </c>
      <c r="N32" s="273">
        <v>0</v>
      </c>
      <c r="O32" s="274">
        <v>0</v>
      </c>
      <c r="P32" s="275">
        <v>0</v>
      </c>
      <c r="Q32" s="279"/>
      <c r="R32" s="274">
        <v>0</v>
      </c>
      <c r="S32" s="274">
        <v>34998</v>
      </c>
      <c r="T32" s="274">
        <v>84630</v>
      </c>
      <c r="U32" s="274">
        <v>292640</v>
      </c>
      <c r="V32" s="274">
        <v>202275</v>
      </c>
      <c r="W32" s="277">
        <v>614543</v>
      </c>
      <c r="X32" s="278">
        <v>614543</v>
      </c>
      <c r="Y32" s="273">
        <v>0</v>
      </c>
      <c r="Z32" s="274">
        <v>0</v>
      </c>
      <c r="AA32" s="275">
        <v>0</v>
      </c>
      <c r="AB32" s="279"/>
      <c r="AC32" s="274">
        <v>0</v>
      </c>
      <c r="AD32" s="274">
        <v>87265</v>
      </c>
      <c r="AE32" s="274">
        <v>64745</v>
      </c>
      <c r="AF32" s="274">
        <v>40765</v>
      </c>
      <c r="AG32" s="274">
        <v>19470</v>
      </c>
      <c r="AH32" s="277">
        <v>212245</v>
      </c>
      <c r="AI32" s="278">
        <v>212245</v>
      </c>
      <c r="AJ32" s="273">
        <v>0</v>
      </c>
      <c r="AK32" s="274">
        <v>0</v>
      </c>
      <c r="AL32" s="275">
        <v>0</v>
      </c>
      <c r="AM32" s="279"/>
      <c r="AN32" s="274">
        <v>0</v>
      </c>
      <c r="AO32" s="274">
        <v>0</v>
      </c>
      <c r="AP32" s="274">
        <v>0</v>
      </c>
      <c r="AQ32" s="274">
        <v>0</v>
      </c>
      <c r="AR32" s="274">
        <v>0</v>
      </c>
      <c r="AS32" s="277">
        <v>0</v>
      </c>
      <c r="AT32" s="278">
        <v>0</v>
      </c>
      <c r="AU32" s="273">
        <v>0</v>
      </c>
      <c r="AV32" s="274">
        <v>0</v>
      </c>
      <c r="AW32" s="275">
        <v>0</v>
      </c>
      <c r="AX32" s="279"/>
      <c r="AY32" s="274">
        <v>0</v>
      </c>
      <c r="AZ32" s="274">
        <v>0</v>
      </c>
      <c r="BA32" s="274">
        <v>0</v>
      </c>
      <c r="BB32" s="274">
        <v>0</v>
      </c>
      <c r="BC32" s="274">
        <v>0</v>
      </c>
      <c r="BD32" s="277">
        <v>0</v>
      </c>
      <c r="BE32" s="278">
        <v>0</v>
      </c>
      <c r="BF32" s="273">
        <v>0</v>
      </c>
      <c r="BG32" s="274">
        <v>0</v>
      </c>
      <c r="BH32" s="275">
        <v>0</v>
      </c>
      <c r="BI32" s="279"/>
      <c r="BJ32" s="274">
        <v>0</v>
      </c>
      <c r="BK32" s="274">
        <v>0</v>
      </c>
      <c r="BL32" s="274">
        <v>75950</v>
      </c>
      <c r="BM32" s="274">
        <v>55760</v>
      </c>
      <c r="BN32" s="274">
        <v>22510</v>
      </c>
      <c r="BO32" s="277">
        <v>154220</v>
      </c>
      <c r="BP32" s="278">
        <v>154220</v>
      </c>
      <c r="BQ32" s="273">
        <v>0</v>
      </c>
      <c r="BR32" s="274">
        <v>0</v>
      </c>
      <c r="BS32" s="275">
        <v>0</v>
      </c>
      <c r="BT32" s="276">
        <v>0</v>
      </c>
      <c r="BU32" s="274">
        <v>2145</v>
      </c>
      <c r="BV32" s="274">
        <v>12440</v>
      </c>
      <c r="BW32" s="274">
        <v>935</v>
      </c>
      <c r="BX32" s="274">
        <v>0</v>
      </c>
      <c r="BY32" s="274">
        <v>1595</v>
      </c>
      <c r="BZ32" s="277">
        <v>17115</v>
      </c>
      <c r="CA32" s="278">
        <v>17115</v>
      </c>
      <c r="CB32" s="273">
        <v>0</v>
      </c>
      <c r="CC32" s="274">
        <v>0</v>
      </c>
      <c r="CD32" s="275">
        <v>0</v>
      </c>
      <c r="CE32" s="276">
        <v>0</v>
      </c>
      <c r="CF32" s="274">
        <v>0</v>
      </c>
      <c r="CG32" s="274">
        <v>0</v>
      </c>
      <c r="CH32" s="274">
        <v>340</v>
      </c>
      <c r="CI32" s="274">
        <v>0</v>
      </c>
      <c r="CJ32" s="274">
        <v>0</v>
      </c>
      <c r="CK32" s="277">
        <v>340</v>
      </c>
      <c r="CL32" s="278">
        <v>340</v>
      </c>
      <c r="CM32" s="273">
        <v>0</v>
      </c>
      <c r="CN32" s="274">
        <v>0</v>
      </c>
      <c r="CO32" s="275">
        <v>0</v>
      </c>
      <c r="CP32" s="276">
        <v>0</v>
      </c>
      <c r="CQ32" s="274">
        <v>0</v>
      </c>
      <c r="CR32" s="274">
        <v>0</v>
      </c>
      <c r="CS32" s="274">
        <v>0</v>
      </c>
      <c r="CT32" s="274">
        <v>0</v>
      </c>
      <c r="CU32" s="274">
        <v>0</v>
      </c>
      <c r="CV32" s="277">
        <v>0</v>
      </c>
      <c r="CW32" s="278">
        <v>0</v>
      </c>
      <c r="CX32" s="273">
        <v>0</v>
      </c>
      <c r="CY32" s="274">
        <v>0</v>
      </c>
      <c r="CZ32" s="275">
        <v>0</v>
      </c>
      <c r="DA32" s="279"/>
      <c r="DB32" s="274">
        <v>0</v>
      </c>
      <c r="DC32" s="274">
        <v>0</v>
      </c>
      <c r="DD32" s="274">
        <v>0</v>
      </c>
      <c r="DE32" s="274">
        <v>0</v>
      </c>
      <c r="DF32" s="274">
        <v>0</v>
      </c>
      <c r="DG32" s="277">
        <v>0</v>
      </c>
      <c r="DH32" s="278">
        <v>0</v>
      </c>
      <c r="DI32" s="273">
        <v>0</v>
      </c>
      <c r="DJ32" s="274">
        <v>0</v>
      </c>
      <c r="DK32" s="275">
        <v>0</v>
      </c>
      <c r="DL32" s="276">
        <v>0</v>
      </c>
      <c r="DM32" s="274">
        <v>2253</v>
      </c>
      <c r="DN32" s="274">
        <v>43279</v>
      </c>
      <c r="DO32" s="274">
        <v>242488</v>
      </c>
      <c r="DP32" s="274">
        <v>299150</v>
      </c>
      <c r="DQ32" s="274">
        <v>244583</v>
      </c>
      <c r="DR32" s="277">
        <v>831753</v>
      </c>
      <c r="DS32" s="280">
        <v>831753</v>
      </c>
      <c r="DT32" s="273">
        <v>0</v>
      </c>
      <c r="DU32" s="274">
        <v>0</v>
      </c>
      <c r="DV32" s="275">
        <v>0</v>
      </c>
      <c r="DW32" s="279"/>
      <c r="DX32" s="274">
        <v>0</v>
      </c>
      <c r="DY32" s="274">
        <v>26505</v>
      </c>
      <c r="DZ32" s="274">
        <v>66681</v>
      </c>
      <c r="EA32" s="274">
        <v>228687</v>
      </c>
      <c r="EB32" s="274">
        <v>196168</v>
      </c>
      <c r="EC32" s="277">
        <v>518041</v>
      </c>
      <c r="ED32" s="278">
        <v>518041</v>
      </c>
      <c r="EE32" s="273">
        <v>0</v>
      </c>
      <c r="EF32" s="274">
        <v>0</v>
      </c>
      <c r="EG32" s="275">
        <v>0</v>
      </c>
      <c r="EH32" s="279"/>
      <c r="EI32" s="274">
        <v>0</v>
      </c>
      <c r="EJ32" s="274">
        <v>1085</v>
      </c>
      <c r="EK32" s="274">
        <v>11905</v>
      </c>
      <c r="EL32" s="274">
        <v>12121</v>
      </c>
      <c r="EM32" s="274">
        <v>10342</v>
      </c>
      <c r="EN32" s="277">
        <v>35453</v>
      </c>
      <c r="EO32" s="278">
        <v>35453</v>
      </c>
      <c r="EP32" s="273">
        <v>0</v>
      </c>
      <c r="EQ32" s="274">
        <v>0</v>
      </c>
      <c r="ER32" s="275">
        <v>0</v>
      </c>
      <c r="ES32" s="279"/>
      <c r="ET32" s="274">
        <v>0</v>
      </c>
      <c r="EU32" s="274">
        <v>0</v>
      </c>
      <c r="EV32" s="274">
        <v>0</v>
      </c>
      <c r="EW32" s="274">
        <v>0</v>
      </c>
      <c r="EX32" s="274">
        <v>0</v>
      </c>
      <c r="EY32" s="277">
        <v>0</v>
      </c>
      <c r="EZ32" s="278">
        <v>0</v>
      </c>
      <c r="FA32" s="273">
        <v>0</v>
      </c>
      <c r="FB32" s="274">
        <v>0</v>
      </c>
      <c r="FC32" s="275">
        <v>0</v>
      </c>
      <c r="FD32" s="279"/>
      <c r="FE32" s="274">
        <v>0</v>
      </c>
      <c r="FF32" s="274">
        <v>0</v>
      </c>
      <c r="FG32" s="274">
        <v>0</v>
      </c>
      <c r="FH32" s="274">
        <v>0</v>
      </c>
      <c r="FI32" s="274">
        <v>0</v>
      </c>
      <c r="FJ32" s="277">
        <v>0</v>
      </c>
      <c r="FK32" s="278">
        <v>0</v>
      </c>
      <c r="FL32" s="273">
        <v>0</v>
      </c>
      <c r="FM32" s="274">
        <v>0</v>
      </c>
      <c r="FN32" s="275">
        <v>0</v>
      </c>
      <c r="FO32" s="279"/>
      <c r="FP32" s="274">
        <v>0</v>
      </c>
      <c r="FQ32" s="274">
        <v>0</v>
      </c>
      <c r="FR32" s="274">
        <v>159836</v>
      </c>
      <c r="FS32" s="274">
        <v>58342</v>
      </c>
      <c r="FT32" s="274">
        <v>32457</v>
      </c>
      <c r="FU32" s="277">
        <v>250635</v>
      </c>
      <c r="FV32" s="278">
        <v>250635</v>
      </c>
      <c r="FW32" s="273">
        <v>0</v>
      </c>
      <c r="FX32" s="274">
        <v>0</v>
      </c>
      <c r="FY32" s="275">
        <v>0</v>
      </c>
      <c r="FZ32" s="276">
        <v>0</v>
      </c>
      <c r="GA32" s="274">
        <v>2253</v>
      </c>
      <c r="GB32" s="274">
        <v>15689</v>
      </c>
      <c r="GC32" s="274">
        <v>3076</v>
      </c>
      <c r="GD32" s="274">
        <v>0</v>
      </c>
      <c r="GE32" s="274">
        <v>5616</v>
      </c>
      <c r="GF32" s="277">
        <v>26634</v>
      </c>
      <c r="GG32" s="278">
        <v>26634</v>
      </c>
      <c r="GH32" s="273">
        <v>0</v>
      </c>
      <c r="GI32" s="274">
        <v>0</v>
      </c>
      <c r="GJ32" s="275">
        <v>0</v>
      </c>
      <c r="GK32" s="276">
        <v>0</v>
      </c>
      <c r="GL32" s="274">
        <v>0</v>
      </c>
      <c r="GM32" s="274">
        <v>0</v>
      </c>
      <c r="GN32" s="274">
        <v>990</v>
      </c>
      <c r="GO32" s="274">
        <v>0</v>
      </c>
      <c r="GP32" s="274">
        <v>0</v>
      </c>
      <c r="GQ32" s="277">
        <v>990</v>
      </c>
      <c r="GR32" s="278">
        <v>990</v>
      </c>
      <c r="GS32" s="273">
        <v>0</v>
      </c>
      <c r="GT32" s="274">
        <v>0</v>
      </c>
      <c r="GU32" s="275">
        <v>0</v>
      </c>
      <c r="GV32" s="276">
        <v>0</v>
      </c>
      <c r="GW32" s="274">
        <v>0</v>
      </c>
      <c r="GX32" s="274">
        <v>0</v>
      </c>
      <c r="GY32" s="274">
        <v>0</v>
      </c>
      <c r="GZ32" s="274">
        <v>0</v>
      </c>
      <c r="HA32" s="274">
        <v>0</v>
      </c>
      <c r="HB32" s="277">
        <v>0</v>
      </c>
      <c r="HC32" s="278">
        <v>0</v>
      </c>
      <c r="HD32" s="273">
        <v>0</v>
      </c>
      <c r="HE32" s="274">
        <v>0</v>
      </c>
      <c r="HF32" s="275">
        <v>0</v>
      </c>
      <c r="HG32" s="279"/>
      <c r="HH32" s="274">
        <v>0</v>
      </c>
      <c r="HI32" s="274">
        <v>0</v>
      </c>
      <c r="HJ32" s="274">
        <v>0</v>
      </c>
      <c r="HK32" s="274">
        <v>0</v>
      </c>
      <c r="HL32" s="274">
        <v>0</v>
      </c>
      <c r="HM32" s="277">
        <v>0</v>
      </c>
      <c r="HN32" s="278">
        <v>0</v>
      </c>
      <c r="HO32" s="273">
        <v>0</v>
      </c>
      <c r="HP32" s="274">
        <v>0</v>
      </c>
      <c r="HQ32" s="275">
        <v>0</v>
      </c>
      <c r="HR32" s="276">
        <v>0</v>
      </c>
      <c r="HS32" s="274">
        <v>4398</v>
      </c>
      <c r="HT32" s="274">
        <v>177982</v>
      </c>
      <c r="HU32" s="274">
        <v>469088</v>
      </c>
      <c r="HV32" s="274">
        <v>688315</v>
      </c>
      <c r="HW32" s="274">
        <v>490433</v>
      </c>
      <c r="HX32" s="277">
        <v>1830216</v>
      </c>
      <c r="HY32" s="278">
        <v>1830216</v>
      </c>
    </row>
    <row r="33" spans="2:233" ht="21" customHeight="1" x14ac:dyDescent="0.2">
      <c r="B33" s="472" t="s">
        <v>30</v>
      </c>
      <c r="C33" s="273">
        <v>0</v>
      </c>
      <c r="D33" s="274">
        <v>0</v>
      </c>
      <c r="E33" s="275">
        <v>0</v>
      </c>
      <c r="F33" s="276">
        <v>0</v>
      </c>
      <c r="G33" s="274">
        <v>119970</v>
      </c>
      <c r="H33" s="274">
        <v>18725</v>
      </c>
      <c r="I33" s="274">
        <v>140600</v>
      </c>
      <c r="J33" s="274">
        <v>330550</v>
      </c>
      <c r="K33" s="274">
        <v>255185</v>
      </c>
      <c r="L33" s="277">
        <v>865030</v>
      </c>
      <c r="M33" s="278">
        <v>865030</v>
      </c>
      <c r="N33" s="273">
        <v>0</v>
      </c>
      <c r="O33" s="274">
        <v>0</v>
      </c>
      <c r="P33" s="275">
        <v>0</v>
      </c>
      <c r="Q33" s="279"/>
      <c r="R33" s="274">
        <v>0</v>
      </c>
      <c r="S33" s="274">
        <v>0</v>
      </c>
      <c r="T33" s="274">
        <v>103230</v>
      </c>
      <c r="U33" s="274">
        <v>278625</v>
      </c>
      <c r="V33" s="274">
        <v>180575</v>
      </c>
      <c r="W33" s="277">
        <v>562430</v>
      </c>
      <c r="X33" s="278">
        <v>562430</v>
      </c>
      <c r="Y33" s="273">
        <v>0</v>
      </c>
      <c r="Z33" s="274">
        <v>0</v>
      </c>
      <c r="AA33" s="275">
        <v>0</v>
      </c>
      <c r="AB33" s="279"/>
      <c r="AC33" s="274">
        <v>119970</v>
      </c>
      <c r="AD33" s="274">
        <v>2635</v>
      </c>
      <c r="AE33" s="274">
        <v>35340</v>
      </c>
      <c r="AF33" s="274">
        <v>51925</v>
      </c>
      <c r="AG33" s="274">
        <v>5270</v>
      </c>
      <c r="AH33" s="277">
        <v>215140</v>
      </c>
      <c r="AI33" s="278">
        <v>215140</v>
      </c>
      <c r="AJ33" s="273">
        <v>0</v>
      </c>
      <c r="AK33" s="274">
        <v>0</v>
      </c>
      <c r="AL33" s="275">
        <v>0</v>
      </c>
      <c r="AM33" s="279"/>
      <c r="AN33" s="274">
        <v>0</v>
      </c>
      <c r="AO33" s="274">
        <v>0</v>
      </c>
      <c r="AP33" s="274">
        <v>0</v>
      </c>
      <c r="AQ33" s="274">
        <v>0</v>
      </c>
      <c r="AR33" s="274">
        <v>0</v>
      </c>
      <c r="AS33" s="277">
        <v>0</v>
      </c>
      <c r="AT33" s="278">
        <v>0</v>
      </c>
      <c r="AU33" s="273">
        <v>0</v>
      </c>
      <c r="AV33" s="274">
        <v>0</v>
      </c>
      <c r="AW33" s="275">
        <v>0</v>
      </c>
      <c r="AX33" s="279"/>
      <c r="AY33" s="274">
        <v>0</v>
      </c>
      <c r="AZ33" s="274">
        <v>0</v>
      </c>
      <c r="BA33" s="274">
        <v>0</v>
      </c>
      <c r="BB33" s="274">
        <v>0</v>
      </c>
      <c r="BC33" s="274">
        <v>68200</v>
      </c>
      <c r="BD33" s="277">
        <v>68200</v>
      </c>
      <c r="BE33" s="278">
        <v>68200</v>
      </c>
      <c r="BF33" s="273">
        <v>0</v>
      </c>
      <c r="BG33" s="274">
        <v>0</v>
      </c>
      <c r="BH33" s="275">
        <v>0</v>
      </c>
      <c r="BI33" s="279"/>
      <c r="BJ33" s="274">
        <v>0</v>
      </c>
      <c r="BK33" s="274">
        <v>0</v>
      </c>
      <c r="BL33" s="274">
        <v>0</v>
      </c>
      <c r="BM33" s="274">
        <v>0</v>
      </c>
      <c r="BN33" s="274">
        <v>0</v>
      </c>
      <c r="BO33" s="277">
        <v>0</v>
      </c>
      <c r="BP33" s="278">
        <v>0</v>
      </c>
      <c r="BQ33" s="273">
        <v>0</v>
      </c>
      <c r="BR33" s="274">
        <v>0</v>
      </c>
      <c r="BS33" s="275">
        <v>0</v>
      </c>
      <c r="BT33" s="276">
        <v>0</v>
      </c>
      <c r="BU33" s="274">
        <v>0</v>
      </c>
      <c r="BV33" s="274">
        <v>16090</v>
      </c>
      <c r="BW33" s="274">
        <v>2030</v>
      </c>
      <c r="BX33" s="274">
        <v>0</v>
      </c>
      <c r="BY33" s="274">
        <v>1140</v>
      </c>
      <c r="BZ33" s="277">
        <v>19260</v>
      </c>
      <c r="CA33" s="278">
        <v>19260</v>
      </c>
      <c r="CB33" s="273">
        <v>0</v>
      </c>
      <c r="CC33" s="274">
        <v>0</v>
      </c>
      <c r="CD33" s="275">
        <v>0</v>
      </c>
      <c r="CE33" s="276">
        <v>0</v>
      </c>
      <c r="CF33" s="274">
        <v>0</v>
      </c>
      <c r="CG33" s="274">
        <v>0</v>
      </c>
      <c r="CH33" s="274">
        <v>0</v>
      </c>
      <c r="CI33" s="274">
        <v>0</v>
      </c>
      <c r="CJ33" s="274">
        <v>0</v>
      </c>
      <c r="CK33" s="277">
        <v>0</v>
      </c>
      <c r="CL33" s="278">
        <v>0</v>
      </c>
      <c r="CM33" s="273">
        <v>0</v>
      </c>
      <c r="CN33" s="274">
        <v>0</v>
      </c>
      <c r="CO33" s="275">
        <v>0</v>
      </c>
      <c r="CP33" s="276">
        <v>0</v>
      </c>
      <c r="CQ33" s="274">
        <v>0</v>
      </c>
      <c r="CR33" s="274">
        <v>0</v>
      </c>
      <c r="CS33" s="274">
        <v>0</v>
      </c>
      <c r="CT33" s="274">
        <v>0</v>
      </c>
      <c r="CU33" s="274">
        <v>0</v>
      </c>
      <c r="CV33" s="277">
        <v>0</v>
      </c>
      <c r="CW33" s="278">
        <v>0</v>
      </c>
      <c r="CX33" s="273">
        <v>0</v>
      </c>
      <c r="CY33" s="274">
        <v>0</v>
      </c>
      <c r="CZ33" s="275">
        <v>0</v>
      </c>
      <c r="DA33" s="279"/>
      <c r="DB33" s="274">
        <v>0</v>
      </c>
      <c r="DC33" s="274">
        <v>0</v>
      </c>
      <c r="DD33" s="274">
        <v>0</v>
      </c>
      <c r="DE33" s="274">
        <v>0</v>
      </c>
      <c r="DF33" s="274">
        <v>0</v>
      </c>
      <c r="DG33" s="277">
        <v>0</v>
      </c>
      <c r="DH33" s="278">
        <v>0</v>
      </c>
      <c r="DI33" s="273">
        <v>0</v>
      </c>
      <c r="DJ33" s="274">
        <v>0</v>
      </c>
      <c r="DK33" s="275">
        <v>0</v>
      </c>
      <c r="DL33" s="276">
        <v>0</v>
      </c>
      <c r="DM33" s="274">
        <v>36673</v>
      </c>
      <c r="DN33" s="274">
        <v>31098</v>
      </c>
      <c r="DO33" s="274">
        <v>234241</v>
      </c>
      <c r="DP33" s="274">
        <v>369639</v>
      </c>
      <c r="DQ33" s="274">
        <v>224179</v>
      </c>
      <c r="DR33" s="277">
        <v>895830</v>
      </c>
      <c r="DS33" s="280">
        <v>895830</v>
      </c>
      <c r="DT33" s="273">
        <v>0</v>
      </c>
      <c r="DU33" s="274">
        <v>0</v>
      </c>
      <c r="DV33" s="275">
        <v>0</v>
      </c>
      <c r="DW33" s="279"/>
      <c r="DX33" s="274">
        <v>0</v>
      </c>
      <c r="DY33" s="274">
        <v>0</v>
      </c>
      <c r="DZ33" s="274">
        <v>222652</v>
      </c>
      <c r="EA33" s="274">
        <v>368988</v>
      </c>
      <c r="EB33" s="274">
        <v>199888</v>
      </c>
      <c r="EC33" s="277">
        <v>791528</v>
      </c>
      <c r="ED33" s="278">
        <v>791528</v>
      </c>
      <c r="EE33" s="273">
        <v>0</v>
      </c>
      <c r="EF33" s="274">
        <v>0</v>
      </c>
      <c r="EG33" s="275">
        <v>0</v>
      </c>
      <c r="EH33" s="279"/>
      <c r="EI33" s="274">
        <v>36673</v>
      </c>
      <c r="EJ33" s="274">
        <v>11098</v>
      </c>
      <c r="EK33" s="274">
        <v>434</v>
      </c>
      <c r="EL33" s="274">
        <v>651</v>
      </c>
      <c r="EM33" s="274">
        <v>10447</v>
      </c>
      <c r="EN33" s="277">
        <v>59303</v>
      </c>
      <c r="EO33" s="278">
        <v>59303</v>
      </c>
      <c r="EP33" s="273">
        <v>0</v>
      </c>
      <c r="EQ33" s="274">
        <v>0</v>
      </c>
      <c r="ER33" s="275">
        <v>0</v>
      </c>
      <c r="ES33" s="279"/>
      <c r="ET33" s="274">
        <v>0</v>
      </c>
      <c r="EU33" s="274">
        <v>0</v>
      </c>
      <c r="EV33" s="274">
        <v>0</v>
      </c>
      <c r="EW33" s="274">
        <v>0</v>
      </c>
      <c r="EX33" s="274">
        <v>0</v>
      </c>
      <c r="EY33" s="277">
        <v>0</v>
      </c>
      <c r="EZ33" s="278">
        <v>0</v>
      </c>
      <c r="FA33" s="273">
        <v>0</v>
      </c>
      <c r="FB33" s="274">
        <v>0</v>
      </c>
      <c r="FC33" s="275">
        <v>0</v>
      </c>
      <c r="FD33" s="279"/>
      <c r="FE33" s="274">
        <v>0</v>
      </c>
      <c r="FF33" s="274">
        <v>0</v>
      </c>
      <c r="FG33" s="274">
        <v>0</v>
      </c>
      <c r="FH33" s="274">
        <v>0</v>
      </c>
      <c r="FI33" s="274">
        <v>11904</v>
      </c>
      <c r="FJ33" s="277">
        <v>11904</v>
      </c>
      <c r="FK33" s="278">
        <v>11904</v>
      </c>
      <c r="FL33" s="273">
        <v>0</v>
      </c>
      <c r="FM33" s="274">
        <v>0</v>
      </c>
      <c r="FN33" s="275">
        <v>0</v>
      </c>
      <c r="FO33" s="279"/>
      <c r="FP33" s="274">
        <v>0</v>
      </c>
      <c r="FQ33" s="274">
        <v>0</v>
      </c>
      <c r="FR33" s="274">
        <v>0</v>
      </c>
      <c r="FS33" s="274">
        <v>0</v>
      </c>
      <c r="FT33" s="274">
        <v>0</v>
      </c>
      <c r="FU33" s="277">
        <v>0</v>
      </c>
      <c r="FV33" s="278">
        <v>0</v>
      </c>
      <c r="FW33" s="273">
        <v>0</v>
      </c>
      <c r="FX33" s="274">
        <v>0</v>
      </c>
      <c r="FY33" s="275">
        <v>0</v>
      </c>
      <c r="FZ33" s="276">
        <v>0</v>
      </c>
      <c r="GA33" s="274">
        <v>0</v>
      </c>
      <c r="GB33" s="274">
        <v>20000</v>
      </c>
      <c r="GC33" s="274">
        <v>11155</v>
      </c>
      <c r="GD33" s="274">
        <v>0</v>
      </c>
      <c r="GE33" s="274">
        <v>1940</v>
      </c>
      <c r="GF33" s="277">
        <v>33095</v>
      </c>
      <c r="GG33" s="278">
        <v>33095</v>
      </c>
      <c r="GH33" s="273">
        <v>0</v>
      </c>
      <c r="GI33" s="274">
        <v>0</v>
      </c>
      <c r="GJ33" s="275">
        <v>0</v>
      </c>
      <c r="GK33" s="276">
        <v>0</v>
      </c>
      <c r="GL33" s="274">
        <v>0</v>
      </c>
      <c r="GM33" s="274">
        <v>0</v>
      </c>
      <c r="GN33" s="274">
        <v>0</v>
      </c>
      <c r="GO33" s="274">
        <v>0</v>
      </c>
      <c r="GP33" s="274">
        <v>0</v>
      </c>
      <c r="GQ33" s="277">
        <v>0</v>
      </c>
      <c r="GR33" s="278">
        <v>0</v>
      </c>
      <c r="GS33" s="273">
        <v>0</v>
      </c>
      <c r="GT33" s="274">
        <v>0</v>
      </c>
      <c r="GU33" s="275">
        <v>0</v>
      </c>
      <c r="GV33" s="276">
        <v>0</v>
      </c>
      <c r="GW33" s="274">
        <v>0</v>
      </c>
      <c r="GX33" s="274">
        <v>0</v>
      </c>
      <c r="GY33" s="274">
        <v>0</v>
      </c>
      <c r="GZ33" s="274">
        <v>0</v>
      </c>
      <c r="HA33" s="274">
        <v>0</v>
      </c>
      <c r="HB33" s="277">
        <v>0</v>
      </c>
      <c r="HC33" s="278">
        <v>0</v>
      </c>
      <c r="HD33" s="273">
        <v>0</v>
      </c>
      <c r="HE33" s="274">
        <v>0</v>
      </c>
      <c r="HF33" s="275">
        <v>0</v>
      </c>
      <c r="HG33" s="279"/>
      <c r="HH33" s="274">
        <v>0</v>
      </c>
      <c r="HI33" s="274">
        <v>0</v>
      </c>
      <c r="HJ33" s="274">
        <v>0</v>
      </c>
      <c r="HK33" s="274">
        <v>0</v>
      </c>
      <c r="HL33" s="274">
        <v>0</v>
      </c>
      <c r="HM33" s="277">
        <v>0</v>
      </c>
      <c r="HN33" s="278">
        <v>0</v>
      </c>
      <c r="HO33" s="273">
        <v>0</v>
      </c>
      <c r="HP33" s="274">
        <v>0</v>
      </c>
      <c r="HQ33" s="275">
        <v>0</v>
      </c>
      <c r="HR33" s="276">
        <v>0</v>
      </c>
      <c r="HS33" s="274">
        <v>156643</v>
      </c>
      <c r="HT33" s="274">
        <v>49823</v>
      </c>
      <c r="HU33" s="274">
        <v>374841</v>
      </c>
      <c r="HV33" s="274">
        <v>700189</v>
      </c>
      <c r="HW33" s="274">
        <v>479364</v>
      </c>
      <c r="HX33" s="277">
        <v>1760860</v>
      </c>
      <c r="HY33" s="278">
        <v>1760860</v>
      </c>
    </row>
    <row r="34" spans="2:233" ht="21" customHeight="1" x14ac:dyDescent="0.2">
      <c r="B34" s="472" t="s">
        <v>31</v>
      </c>
      <c r="C34" s="273">
        <v>0</v>
      </c>
      <c r="D34" s="274">
        <v>0</v>
      </c>
      <c r="E34" s="275">
        <v>0</v>
      </c>
      <c r="F34" s="276">
        <v>0</v>
      </c>
      <c r="G34" s="274">
        <v>59860</v>
      </c>
      <c r="H34" s="274">
        <v>154570</v>
      </c>
      <c r="I34" s="274">
        <v>253420</v>
      </c>
      <c r="J34" s="274">
        <v>201240</v>
      </c>
      <c r="K34" s="274">
        <v>186105</v>
      </c>
      <c r="L34" s="277">
        <v>855195</v>
      </c>
      <c r="M34" s="278">
        <v>855195</v>
      </c>
      <c r="N34" s="273">
        <v>0</v>
      </c>
      <c r="O34" s="274">
        <v>0</v>
      </c>
      <c r="P34" s="275">
        <v>0</v>
      </c>
      <c r="Q34" s="279"/>
      <c r="R34" s="274">
        <v>24645</v>
      </c>
      <c r="S34" s="274">
        <v>93490</v>
      </c>
      <c r="T34" s="274">
        <v>231415</v>
      </c>
      <c r="U34" s="274">
        <v>113105</v>
      </c>
      <c r="V34" s="274">
        <v>153400</v>
      </c>
      <c r="W34" s="277">
        <v>616055</v>
      </c>
      <c r="X34" s="278">
        <v>616055</v>
      </c>
      <c r="Y34" s="273">
        <v>0</v>
      </c>
      <c r="Z34" s="274">
        <v>0</v>
      </c>
      <c r="AA34" s="275">
        <v>0</v>
      </c>
      <c r="AB34" s="279"/>
      <c r="AC34" s="274">
        <v>0</v>
      </c>
      <c r="AD34" s="274">
        <v>54560</v>
      </c>
      <c r="AE34" s="274">
        <v>8075</v>
      </c>
      <c r="AF34" s="274">
        <v>70680</v>
      </c>
      <c r="AG34" s="274">
        <v>0</v>
      </c>
      <c r="AH34" s="277">
        <v>133315</v>
      </c>
      <c r="AI34" s="278">
        <v>133315</v>
      </c>
      <c r="AJ34" s="273">
        <v>0</v>
      </c>
      <c r="AK34" s="274">
        <v>0</v>
      </c>
      <c r="AL34" s="275">
        <v>0</v>
      </c>
      <c r="AM34" s="279"/>
      <c r="AN34" s="274">
        <v>0</v>
      </c>
      <c r="AO34" s="274">
        <v>0</v>
      </c>
      <c r="AP34" s="274">
        <v>0</v>
      </c>
      <c r="AQ34" s="274">
        <v>0</v>
      </c>
      <c r="AR34" s="274">
        <v>0</v>
      </c>
      <c r="AS34" s="277">
        <v>0</v>
      </c>
      <c r="AT34" s="278">
        <v>0</v>
      </c>
      <c r="AU34" s="273">
        <v>0</v>
      </c>
      <c r="AV34" s="274">
        <v>0</v>
      </c>
      <c r="AW34" s="275">
        <v>0</v>
      </c>
      <c r="AX34" s="279"/>
      <c r="AY34" s="274">
        <v>32705</v>
      </c>
      <c r="AZ34" s="274">
        <v>0</v>
      </c>
      <c r="BA34" s="274">
        <v>0</v>
      </c>
      <c r="BB34" s="274">
        <v>0</v>
      </c>
      <c r="BC34" s="274">
        <v>32705</v>
      </c>
      <c r="BD34" s="277">
        <v>65410</v>
      </c>
      <c r="BE34" s="278">
        <v>65410</v>
      </c>
      <c r="BF34" s="273">
        <v>0</v>
      </c>
      <c r="BG34" s="274">
        <v>0</v>
      </c>
      <c r="BH34" s="275">
        <v>0</v>
      </c>
      <c r="BI34" s="279"/>
      <c r="BJ34" s="274">
        <v>0</v>
      </c>
      <c r="BK34" s="274">
        <v>0</v>
      </c>
      <c r="BL34" s="274">
        <v>0</v>
      </c>
      <c r="BM34" s="274">
        <v>0</v>
      </c>
      <c r="BN34" s="274">
        <v>0</v>
      </c>
      <c r="BO34" s="277">
        <v>0</v>
      </c>
      <c r="BP34" s="278">
        <v>0</v>
      </c>
      <c r="BQ34" s="273">
        <v>0</v>
      </c>
      <c r="BR34" s="274">
        <v>0</v>
      </c>
      <c r="BS34" s="275">
        <v>0</v>
      </c>
      <c r="BT34" s="276">
        <v>0</v>
      </c>
      <c r="BU34" s="274">
        <v>2510</v>
      </c>
      <c r="BV34" s="274">
        <v>6520</v>
      </c>
      <c r="BW34" s="274">
        <v>13930</v>
      </c>
      <c r="BX34" s="274">
        <v>17455</v>
      </c>
      <c r="BY34" s="274">
        <v>0</v>
      </c>
      <c r="BZ34" s="277">
        <v>40415</v>
      </c>
      <c r="CA34" s="278">
        <v>40415</v>
      </c>
      <c r="CB34" s="273">
        <v>0</v>
      </c>
      <c r="CC34" s="274">
        <v>0</v>
      </c>
      <c r="CD34" s="275">
        <v>0</v>
      </c>
      <c r="CE34" s="276">
        <v>0</v>
      </c>
      <c r="CF34" s="274">
        <v>0</v>
      </c>
      <c r="CG34" s="274">
        <v>0</v>
      </c>
      <c r="CH34" s="274">
        <v>0</v>
      </c>
      <c r="CI34" s="274">
        <v>0</v>
      </c>
      <c r="CJ34" s="274">
        <v>0</v>
      </c>
      <c r="CK34" s="277">
        <v>0</v>
      </c>
      <c r="CL34" s="278">
        <v>0</v>
      </c>
      <c r="CM34" s="273">
        <v>0</v>
      </c>
      <c r="CN34" s="274">
        <v>0</v>
      </c>
      <c r="CO34" s="275">
        <v>0</v>
      </c>
      <c r="CP34" s="276">
        <v>0</v>
      </c>
      <c r="CQ34" s="274">
        <v>0</v>
      </c>
      <c r="CR34" s="274">
        <v>0</v>
      </c>
      <c r="CS34" s="274">
        <v>0</v>
      </c>
      <c r="CT34" s="274">
        <v>0</v>
      </c>
      <c r="CU34" s="274">
        <v>0</v>
      </c>
      <c r="CV34" s="277">
        <v>0</v>
      </c>
      <c r="CW34" s="278">
        <v>0</v>
      </c>
      <c r="CX34" s="273">
        <v>0</v>
      </c>
      <c r="CY34" s="274">
        <v>0</v>
      </c>
      <c r="CZ34" s="275">
        <v>0</v>
      </c>
      <c r="DA34" s="279"/>
      <c r="DB34" s="274">
        <v>0</v>
      </c>
      <c r="DC34" s="274">
        <v>0</v>
      </c>
      <c r="DD34" s="274">
        <v>0</v>
      </c>
      <c r="DE34" s="274">
        <v>0</v>
      </c>
      <c r="DF34" s="274">
        <v>0</v>
      </c>
      <c r="DG34" s="277">
        <v>0</v>
      </c>
      <c r="DH34" s="278">
        <v>0</v>
      </c>
      <c r="DI34" s="273">
        <v>0</v>
      </c>
      <c r="DJ34" s="274">
        <v>0</v>
      </c>
      <c r="DK34" s="275">
        <v>0</v>
      </c>
      <c r="DL34" s="276">
        <v>0</v>
      </c>
      <c r="DM34" s="274">
        <v>26273</v>
      </c>
      <c r="DN34" s="274">
        <v>80697</v>
      </c>
      <c r="DO34" s="274">
        <v>309015</v>
      </c>
      <c r="DP34" s="274">
        <v>277674</v>
      </c>
      <c r="DQ34" s="274">
        <v>232354</v>
      </c>
      <c r="DR34" s="277">
        <v>926013</v>
      </c>
      <c r="DS34" s="280">
        <v>926013</v>
      </c>
      <c r="DT34" s="273">
        <v>0</v>
      </c>
      <c r="DU34" s="274">
        <v>0</v>
      </c>
      <c r="DV34" s="275">
        <v>0</v>
      </c>
      <c r="DW34" s="279"/>
      <c r="DX34" s="274">
        <v>21576</v>
      </c>
      <c r="DY34" s="274">
        <v>69401</v>
      </c>
      <c r="DZ34" s="274">
        <v>294903</v>
      </c>
      <c r="EA34" s="274">
        <v>253088</v>
      </c>
      <c r="EB34" s="274">
        <v>232137</v>
      </c>
      <c r="EC34" s="277">
        <v>871105</v>
      </c>
      <c r="ED34" s="278">
        <v>871105</v>
      </c>
      <c r="EE34" s="273">
        <v>0</v>
      </c>
      <c r="EF34" s="274">
        <v>0</v>
      </c>
      <c r="EG34" s="275">
        <v>0</v>
      </c>
      <c r="EH34" s="279"/>
      <c r="EI34" s="274">
        <v>0</v>
      </c>
      <c r="EJ34" s="274">
        <v>806</v>
      </c>
      <c r="EK34" s="274">
        <v>672</v>
      </c>
      <c r="EL34" s="274">
        <v>868</v>
      </c>
      <c r="EM34" s="274">
        <v>0</v>
      </c>
      <c r="EN34" s="277">
        <v>2346</v>
      </c>
      <c r="EO34" s="278">
        <v>2346</v>
      </c>
      <c r="EP34" s="273">
        <v>0</v>
      </c>
      <c r="EQ34" s="274">
        <v>0</v>
      </c>
      <c r="ER34" s="275">
        <v>0</v>
      </c>
      <c r="ES34" s="279"/>
      <c r="ET34" s="274">
        <v>0</v>
      </c>
      <c r="EU34" s="274">
        <v>0</v>
      </c>
      <c r="EV34" s="274">
        <v>0</v>
      </c>
      <c r="EW34" s="274">
        <v>0</v>
      </c>
      <c r="EX34" s="274">
        <v>0</v>
      </c>
      <c r="EY34" s="277">
        <v>0</v>
      </c>
      <c r="EZ34" s="278">
        <v>0</v>
      </c>
      <c r="FA34" s="273">
        <v>0</v>
      </c>
      <c r="FB34" s="274">
        <v>0</v>
      </c>
      <c r="FC34" s="275">
        <v>0</v>
      </c>
      <c r="FD34" s="279"/>
      <c r="FE34" s="274">
        <v>217</v>
      </c>
      <c r="FF34" s="274">
        <v>0</v>
      </c>
      <c r="FG34" s="274">
        <v>0</v>
      </c>
      <c r="FH34" s="274">
        <v>0</v>
      </c>
      <c r="FI34" s="274">
        <v>217</v>
      </c>
      <c r="FJ34" s="277">
        <v>434</v>
      </c>
      <c r="FK34" s="278">
        <v>434</v>
      </c>
      <c r="FL34" s="273">
        <v>0</v>
      </c>
      <c r="FM34" s="274">
        <v>0</v>
      </c>
      <c r="FN34" s="275">
        <v>0</v>
      </c>
      <c r="FO34" s="279"/>
      <c r="FP34" s="274">
        <v>0</v>
      </c>
      <c r="FQ34" s="274">
        <v>0</v>
      </c>
      <c r="FR34" s="274">
        <v>0</v>
      </c>
      <c r="FS34" s="274">
        <v>0</v>
      </c>
      <c r="FT34" s="274">
        <v>0</v>
      </c>
      <c r="FU34" s="277">
        <v>0</v>
      </c>
      <c r="FV34" s="278">
        <v>0</v>
      </c>
      <c r="FW34" s="273">
        <v>0</v>
      </c>
      <c r="FX34" s="274">
        <v>0</v>
      </c>
      <c r="FY34" s="275">
        <v>0</v>
      </c>
      <c r="FZ34" s="276">
        <v>0</v>
      </c>
      <c r="GA34" s="274">
        <v>4480</v>
      </c>
      <c r="GB34" s="274">
        <v>10490</v>
      </c>
      <c r="GC34" s="274">
        <v>13440</v>
      </c>
      <c r="GD34" s="274">
        <v>23718</v>
      </c>
      <c r="GE34" s="274">
        <v>0</v>
      </c>
      <c r="GF34" s="277">
        <v>52128</v>
      </c>
      <c r="GG34" s="278">
        <v>52128</v>
      </c>
      <c r="GH34" s="273">
        <v>0</v>
      </c>
      <c r="GI34" s="274">
        <v>0</v>
      </c>
      <c r="GJ34" s="275">
        <v>0</v>
      </c>
      <c r="GK34" s="276">
        <v>0</v>
      </c>
      <c r="GL34" s="274">
        <v>0</v>
      </c>
      <c r="GM34" s="274">
        <v>0</v>
      </c>
      <c r="GN34" s="274">
        <v>0</v>
      </c>
      <c r="GO34" s="274">
        <v>0</v>
      </c>
      <c r="GP34" s="274">
        <v>0</v>
      </c>
      <c r="GQ34" s="277">
        <v>0</v>
      </c>
      <c r="GR34" s="278">
        <v>0</v>
      </c>
      <c r="GS34" s="273">
        <v>0</v>
      </c>
      <c r="GT34" s="274">
        <v>0</v>
      </c>
      <c r="GU34" s="275">
        <v>0</v>
      </c>
      <c r="GV34" s="276">
        <v>0</v>
      </c>
      <c r="GW34" s="274">
        <v>0</v>
      </c>
      <c r="GX34" s="274">
        <v>0</v>
      </c>
      <c r="GY34" s="274">
        <v>0</v>
      </c>
      <c r="GZ34" s="274">
        <v>0</v>
      </c>
      <c r="HA34" s="274">
        <v>0</v>
      </c>
      <c r="HB34" s="277">
        <v>0</v>
      </c>
      <c r="HC34" s="278">
        <v>0</v>
      </c>
      <c r="HD34" s="273">
        <v>0</v>
      </c>
      <c r="HE34" s="274">
        <v>0</v>
      </c>
      <c r="HF34" s="275">
        <v>0</v>
      </c>
      <c r="HG34" s="279"/>
      <c r="HH34" s="274">
        <v>0</v>
      </c>
      <c r="HI34" s="274">
        <v>0</v>
      </c>
      <c r="HJ34" s="274">
        <v>0</v>
      </c>
      <c r="HK34" s="274">
        <v>0</v>
      </c>
      <c r="HL34" s="274">
        <v>0</v>
      </c>
      <c r="HM34" s="277">
        <v>0</v>
      </c>
      <c r="HN34" s="278">
        <v>0</v>
      </c>
      <c r="HO34" s="273">
        <v>0</v>
      </c>
      <c r="HP34" s="274">
        <v>0</v>
      </c>
      <c r="HQ34" s="275">
        <v>0</v>
      </c>
      <c r="HR34" s="276">
        <v>0</v>
      </c>
      <c r="HS34" s="274">
        <v>86133</v>
      </c>
      <c r="HT34" s="274">
        <v>235267</v>
      </c>
      <c r="HU34" s="274">
        <v>562435</v>
      </c>
      <c r="HV34" s="274">
        <v>478914</v>
      </c>
      <c r="HW34" s="274">
        <v>418459</v>
      </c>
      <c r="HX34" s="277">
        <v>1781208</v>
      </c>
      <c r="HY34" s="278">
        <v>1781208</v>
      </c>
    </row>
    <row r="35" spans="2:233" ht="21" customHeight="1" x14ac:dyDescent="0.2">
      <c r="B35" s="472" t="s">
        <v>32</v>
      </c>
      <c r="C35" s="273">
        <v>0</v>
      </c>
      <c r="D35" s="274">
        <v>0</v>
      </c>
      <c r="E35" s="275">
        <v>0</v>
      </c>
      <c r="F35" s="276">
        <v>0</v>
      </c>
      <c r="G35" s="274">
        <v>70835</v>
      </c>
      <c r="H35" s="274">
        <v>40120</v>
      </c>
      <c r="I35" s="274">
        <v>306755</v>
      </c>
      <c r="J35" s="274">
        <v>534209</v>
      </c>
      <c r="K35" s="274">
        <v>165495</v>
      </c>
      <c r="L35" s="277">
        <v>1117414</v>
      </c>
      <c r="M35" s="278">
        <v>1117414</v>
      </c>
      <c r="N35" s="273">
        <v>0</v>
      </c>
      <c r="O35" s="274">
        <v>0</v>
      </c>
      <c r="P35" s="275">
        <v>0</v>
      </c>
      <c r="Q35" s="279"/>
      <c r="R35" s="274">
        <v>35495</v>
      </c>
      <c r="S35" s="274">
        <v>0</v>
      </c>
      <c r="T35" s="274">
        <v>81285</v>
      </c>
      <c r="U35" s="274">
        <v>244038</v>
      </c>
      <c r="V35" s="274">
        <v>97360</v>
      </c>
      <c r="W35" s="277">
        <v>458178</v>
      </c>
      <c r="X35" s="278">
        <v>458178</v>
      </c>
      <c r="Y35" s="273">
        <v>0</v>
      </c>
      <c r="Z35" s="274">
        <v>0</v>
      </c>
      <c r="AA35" s="275">
        <v>0</v>
      </c>
      <c r="AB35" s="279"/>
      <c r="AC35" s="274">
        <v>35340</v>
      </c>
      <c r="AD35" s="274">
        <v>32705</v>
      </c>
      <c r="AE35" s="274">
        <v>62620</v>
      </c>
      <c r="AF35" s="274">
        <v>251351</v>
      </c>
      <c r="AG35" s="274">
        <v>2635</v>
      </c>
      <c r="AH35" s="277">
        <v>384651</v>
      </c>
      <c r="AI35" s="278">
        <v>384651</v>
      </c>
      <c r="AJ35" s="273">
        <v>0</v>
      </c>
      <c r="AK35" s="274">
        <v>0</v>
      </c>
      <c r="AL35" s="275">
        <v>0</v>
      </c>
      <c r="AM35" s="279"/>
      <c r="AN35" s="274">
        <v>0</v>
      </c>
      <c r="AO35" s="274">
        <v>0</v>
      </c>
      <c r="AP35" s="274">
        <v>0</v>
      </c>
      <c r="AQ35" s="274">
        <v>0</v>
      </c>
      <c r="AR35" s="274">
        <v>0</v>
      </c>
      <c r="AS35" s="277">
        <v>0</v>
      </c>
      <c r="AT35" s="278">
        <v>0</v>
      </c>
      <c r="AU35" s="273">
        <v>0</v>
      </c>
      <c r="AV35" s="274">
        <v>0</v>
      </c>
      <c r="AW35" s="275">
        <v>0</v>
      </c>
      <c r="AX35" s="279"/>
      <c r="AY35" s="274">
        <v>0</v>
      </c>
      <c r="AZ35" s="274">
        <v>0</v>
      </c>
      <c r="BA35" s="274">
        <v>0</v>
      </c>
      <c r="BB35" s="274">
        <v>0</v>
      </c>
      <c r="BC35" s="274">
        <v>32705</v>
      </c>
      <c r="BD35" s="277">
        <v>32705</v>
      </c>
      <c r="BE35" s="278">
        <v>32705</v>
      </c>
      <c r="BF35" s="273">
        <v>0</v>
      </c>
      <c r="BG35" s="274">
        <v>0</v>
      </c>
      <c r="BH35" s="275">
        <v>0</v>
      </c>
      <c r="BI35" s="279"/>
      <c r="BJ35" s="274">
        <v>0</v>
      </c>
      <c r="BK35" s="274">
        <v>0</v>
      </c>
      <c r="BL35" s="274">
        <v>146305</v>
      </c>
      <c r="BM35" s="274">
        <v>35340</v>
      </c>
      <c r="BN35" s="274">
        <v>27280</v>
      </c>
      <c r="BO35" s="277">
        <v>208925</v>
      </c>
      <c r="BP35" s="278">
        <v>208925</v>
      </c>
      <c r="BQ35" s="273">
        <v>0</v>
      </c>
      <c r="BR35" s="274">
        <v>0</v>
      </c>
      <c r="BS35" s="275">
        <v>0</v>
      </c>
      <c r="BT35" s="276">
        <v>0</v>
      </c>
      <c r="BU35" s="274">
        <v>0</v>
      </c>
      <c r="BV35" s="274">
        <v>6980</v>
      </c>
      <c r="BW35" s="274">
        <v>16545</v>
      </c>
      <c r="BX35" s="274">
        <v>3480</v>
      </c>
      <c r="BY35" s="274">
        <v>4350</v>
      </c>
      <c r="BZ35" s="277">
        <v>31355</v>
      </c>
      <c r="CA35" s="278">
        <v>31355</v>
      </c>
      <c r="CB35" s="273">
        <v>0</v>
      </c>
      <c r="CC35" s="274">
        <v>0</v>
      </c>
      <c r="CD35" s="275">
        <v>0</v>
      </c>
      <c r="CE35" s="276">
        <v>0</v>
      </c>
      <c r="CF35" s="274">
        <v>0</v>
      </c>
      <c r="CG35" s="274">
        <v>435</v>
      </c>
      <c r="CH35" s="274">
        <v>0</v>
      </c>
      <c r="CI35" s="274">
        <v>0</v>
      </c>
      <c r="CJ35" s="274">
        <v>1165</v>
      </c>
      <c r="CK35" s="277">
        <v>1600</v>
      </c>
      <c r="CL35" s="278">
        <v>1600</v>
      </c>
      <c r="CM35" s="273">
        <v>0</v>
      </c>
      <c r="CN35" s="274">
        <v>0</v>
      </c>
      <c r="CO35" s="275">
        <v>0</v>
      </c>
      <c r="CP35" s="276">
        <v>0</v>
      </c>
      <c r="CQ35" s="274">
        <v>0</v>
      </c>
      <c r="CR35" s="274">
        <v>0</v>
      </c>
      <c r="CS35" s="274">
        <v>0</v>
      </c>
      <c r="CT35" s="274">
        <v>0</v>
      </c>
      <c r="CU35" s="274">
        <v>0</v>
      </c>
      <c r="CV35" s="277">
        <v>0</v>
      </c>
      <c r="CW35" s="278">
        <v>0</v>
      </c>
      <c r="CX35" s="273">
        <v>0</v>
      </c>
      <c r="CY35" s="274">
        <v>0</v>
      </c>
      <c r="CZ35" s="275">
        <v>0</v>
      </c>
      <c r="DA35" s="279"/>
      <c r="DB35" s="274">
        <v>0</v>
      </c>
      <c r="DC35" s="274">
        <v>0</v>
      </c>
      <c r="DD35" s="274">
        <v>0</v>
      </c>
      <c r="DE35" s="274">
        <v>0</v>
      </c>
      <c r="DF35" s="274">
        <v>0</v>
      </c>
      <c r="DG35" s="277">
        <v>0</v>
      </c>
      <c r="DH35" s="278">
        <v>0</v>
      </c>
      <c r="DI35" s="273">
        <v>0</v>
      </c>
      <c r="DJ35" s="274">
        <v>0</v>
      </c>
      <c r="DK35" s="275">
        <v>0</v>
      </c>
      <c r="DL35" s="276">
        <v>0</v>
      </c>
      <c r="DM35" s="274">
        <v>26939</v>
      </c>
      <c r="DN35" s="274">
        <v>7796</v>
      </c>
      <c r="DO35" s="274">
        <v>289520</v>
      </c>
      <c r="DP35" s="274">
        <v>419670</v>
      </c>
      <c r="DQ35" s="274">
        <v>184636</v>
      </c>
      <c r="DR35" s="277">
        <v>928561</v>
      </c>
      <c r="DS35" s="280">
        <v>928561</v>
      </c>
      <c r="DT35" s="273">
        <v>0</v>
      </c>
      <c r="DU35" s="274">
        <v>0</v>
      </c>
      <c r="DV35" s="275">
        <v>0</v>
      </c>
      <c r="DW35" s="279"/>
      <c r="DX35" s="274">
        <v>26505</v>
      </c>
      <c r="DY35" s="274">
        <v>0</v>
      </c>
      <c r="DZ35" s="274">
        <v>120378</v>
      </c>
      <c r="EA35" s="274">
        <v>303010</v>
      </c>
      <c r="EB35" s="274">
        <v>146816</v>
      </c>
      <c r="EC35" s="277">
        <v>596709</v>
      </c>
      <c r="ED35" s="278">
        <v>596709</v>
      </c>
      <c r="EE35" s="273">
        <v>0</v>
      </c>
      <c r="EF35" s="274">
        <v>0</v>
      </c>
      <c r="EG35" s="275">
        <v>0</v>
      </c>
      <c r="EH35" s="279"/>
      <c r="EI35" s="274">
        <v>434</v>
      </c>
      <c r="EJ35" s="274">
        <v>186</v>
      </c>
      <c r="EK35" s="274">
        <v>11718</v>
      </c>
      <c r="EL35" s="274">
        <v>60691</v>
      </c>
      <c r="EM35" s="274">
        <v>217</v>
      </c>
      <c r="EN35" s="277">
        <v>73246</v>
      </c>
      <c r="EO35" s="278">
        <v>73246</v>
      </c>
      <c r="EP35" s="273">
        <v>0</v>
      </c>
      <c r="EQ35" s="274">
        <v>0</v>
      </c>
      <c r="ER35" s="275">
        <v>0</v>
      </c>
      <c r="ES35" s="279"/>
      <c r="ET35" s="274">
        <v>0</v>
      </c>
      <c r="EU35" s="274">
        <v>0</v>
      </c>
      <c r="EV35" s="274">
        <v>0</v>
      </c>
      <c r="EW35" s="274">
        <v>0</v>
      </c>
      <c r="EX35" s="274">
        <v>0</v>
      </c>
      <c r="EY35" s="277">
        <v>0</v>
      </c>
      <c r="EZ35" s="278">
        <v>0</v>
      </c>
      <c r="FA35" s="273">
        <v>0</v>
      </c>
      <c r="FB35" s="274">
        <v>0</v>
      </c>
      <c r="FC35" s="275">
        <v>0</v>
      </c>
      <c r="FD35" s="279"/>
      <c r="FE35" s="274">
        <v>0</v>
      </c>
      <c r="FF35" s="274">
        <v>0</v>
      </c>
      <c r="FG35" s="274">
        <v>0</v>
      </c>
      <c r="FH35" s="274">
        <v>0</v>
      </c>
      <c r="FI35" s="274">
        <v>217</v>
      </c>
      <c r="FJ35" s="277">
        <v>217</v>
      </c>
      <c r="FK35" s="278">
        <v>217</v>
      </c>
      <c r="FL35" s="273">
        <v>0</v>
      </c>
      <c r="FM35" s="274">
        <v>0</v>
      </c>
      <c r="FN35" s="275">
        <v>0</v>
      </c>
      <c r="FO35" s="279"/>
      <c r="FP35" s="274">
        <v>0</v>
      </c>
      <c r="FQ35" s="274">
        <v>0</v>
      </c>
      <c r="FR35" s="274">
        <v>137922</v>
      </c>
      <c r="FS35" s="274">
        <v>40129</v>
      </c>
      <c r="FT35" s="274">
        <v>21762</v>
      </c>
      <c r="FU35" s="277">
        <v>199813</v>
      </c>
      <c r="FV35" s="278">
        <v>199813</v>
      </c>
      <c r="FW35" s="273">
        <v>0</v>
      </c>
      <c r="FX35" s="274">
        <v>0</v>
      </c>
      <c r="FY35" s="275">
        <v>0</v>
      </c>
      <c r="FZ35" s="276">
        <v>0</v>
      </c>
      <c r="GA35" s="274">
        <v>0</v>
      </c>
      <c r="GB35" s="274">
        <v>5820</v>
      </c>
      <c r="GC35" s="274">
        <v>19502</v>
      </c>
      <c r="GD35" s="274">
        <v>15840</v>
      </c>
      <c r="GE35" s="274">
        <v>14550</v>
      </c>
      <c r="GF35" s="277">
        <v>55712</v>
      </c>
      <c r="GG35" s="278">
        <v>55712</v>
      </c>
      <c r="GH35" s="273">
        <v>0</v>
      </c>
      <c r="GI35" s="274">
        <v>0</v>
      </c>
      <c r="GJ35" s="275">
        <v>0</v>
      </c>
      <c r="GK35" s="276">
        <v>0</v>
      </c>
      <c r="GL35" s="274">
        <v>0</v>
      </c>
      <c r="GM35" s="274">
        <v>1790</v>
      </c>
      <c r="GN35" s="274">
        <v>0</v>
      </c>
      <c r="GO35" s="274">
        <v>0</v>
      </c>
      <c r="GP35" s="274">
        <v>1074</v>
      </c>
      <c r="GQ35" s="277">
        <v>2864</v>
      </c>
      <c r="GR35" s="278">
        <v>2864</v>
      </c>
      <c r="GS35" s="273">
        <v>0</v>
      </c>
      <c r="GT35" s="274">
        <v>0</v>
      </c>
      <c r="GU35" s="275">
        <v>0</v>
      </c>
      <c r="GV35" s="276">
        <v>0</v>
      </c>
      <c r="GW35" s="274">
        <v>0</v>
      </c>
      <c r="GX35" s="274">
        <v>0</v>
      </c>
      <c r="GY35" s="274">
        <v>0</v>
      </c>
      <c r="GZ35" s="274">
        <v>0</v>
      </c>
      <c r="HA35" s="274">
        <v>0</v>
      </c>
      <c r="HB35" s="277">
        <v>0</v>
      </c>
      <c r="HC35" s="278">
        <v>0</v>
      </c>
      <c r="HD35" s="273">
        <v>0</v>
      </c>
      <c r="HE35" s="274">
        <v>0</v>
      </c>
      <c r="HF35" s="275">
        <v>0</v>
      </c>
      <c r="HG35" s="279"/>
      <c r="HH35" s="274">
        <v>0</v>
      </c>
      <c r="HI35" s="274">
        <v>0</v>
      </c>
      <c r="HJ35" s="274">
        <v>0</v>
      </c>
      <c r="HK35" s="274">
        <v>0</v>
      </c>
      <c r="HL35" s="274">
        <v>0</v>
      </c>
      <c r="HM35" s="277">
        <v>0</v>
      </c>
      <c r="HN35" s="278">
        <v>0</v>
      </c>
      <c r="HO35" s="273">
        <v>0</v>
      </c>
      <c r="HP35" s="274">
        <v>0</v>
      </c>
      <c r="HQ35" s="275">
        <v>0</v>
      </c>
      <c r="HR35" s="276">
        <v>0</v>
      </c>
      <c r="HS35" s="274">
        <v>97774</v>
      </c>
      <c r="HT35" s="274">
        <v>47916</v>
      </c>
      <c r="HU35" s="274">
        <v>596275</v>
      </c>
      <c r="HV35" s="274">
        <v>953879</v>
      </c>
      <c r="HW35" s="274">
        <v>350131</v>
      </c>
      <c r="HX35" s="277">
        <v>2045975</v>
      </c>
      <c r="HY35" s="278">
        <v>2045975</v>
      </c>
    </row>
    <row r="36" spans="2:233" ht="21" customHeight="1" x14ac:dyDescent="0.2">
      <c r="B36" s="472" t="s">
        <v>33</v>
      </c>
      <c r="C36" s="273">
        <v>0</v>
      </c>
      <c r="D36" s="274">
        <v>0</v>
      </c>
      <c r="E36" s="275">
        <v>0</v>
      </c>
      <c r="F36" s="276">
        <v>0</v>
      </c>
      <c r="G36" s="274">
        <v>49330</v>
      </c>
      <c r="H36" s="274">
        <v>163315</v>
      </c>
      <c r="I36" s="274">
        <v>337895</v>
      </c>
      <c r="J36" s="274">
        <v>693195</v>
      </c>
      <c r="K36" s="274">
        <v>244895</v>
      </c>
      <c r="L36" s="277">
        <v>1488630</v>
      </c>
      <c r="M36" s="278">
        <v>1488630</v>
      </c>
      <c r="N36" s="273">
        <v>0</v>
      </c>
      <c r="O36" s="274">
        <v>0</v>
      </c>
      <c r="P36" s="275">
        <v>0</v>
      </c>
      <c r="Q36" s="279"/>
      <c r="R36" s="274">
        <v>0</v>
      </c>
      <c r="S36" s="274">
        <v>27280</v>
      </c>
      <c r="T36" s="274">
        <v>246175</v>
      </c>
      <c r="U36" s="274">
        <v>395405</v>
      </c>
      <c r="V36" s="274">
        <v>222250</v>
      </c>
      <c r="W36" s="277">
        <v>891110</v>
      </c>
      <c r="X36" s="278">
        <v>891110</v>
      </c>
      <c r="Y36" s="273">
        <v>0</v>
      </c>
      <c r="Z36" s="274">
        <v>0</v>
      </c>
      <c r="AA36" s="275">
        <v>0</v>
      </c>
      <c r="AB36" s="279"/>
      <c r="AC36" s="274">
        <v>40770</v>
      </c>
      <c r="AD36" s="274">
        <v>62690</v>
      </c>
      <c r="AE36" s="274">
        <v>7905</v>
      </c>
      <c r="AF36" s="274">
        <v>262295</v>
      </c>
      <c r="AG36" s="274">
        <v>14765</v>
      </c>
      <c r="AH36" s="277">
        <v>388425</v>
      </c>
      <c r="AI36" s="278">
        <v>388425</v>
      </c>
      <c r="AJ36" s="273">
        <v>0</v>
      </c>
      <c r="AK36" s="274">
        <v>0</v>
      </c>
      <c r="AL36" s="275">
        <v>0</v>
      </c>
      <c r="AM36" s="279"/>
      <c r="AN36" s="274">
        <v>0</v>
      </c>
      <c r="AO36" s="274">
        <v>0</v>
      </c>
      <c r="AP36" s="274">
        <v>0</v>
      </c>
      <c r="AQ36" s="274">
        <v>0</v>
      </c>
      <c r="AR36" s="274">
        <v>0</v>
      </c>
      <c r="AS36" s="277">
        <v>0</v>
      </c>
      <c r="AT36" s="278">
        <v>0</v>
      </c>
      <c r="AU36" s="273">
        <v>0</v>
      </c>
      <c r="AV36" s="274">
        <v>0</v>
      </c>
      <c r="AW36" s="275">
        <v>0</v>
      </c>
      <c r="AX36" s="279"/>
      <c r="AY36" s="274">
        <v>8360</v>
      </c>
      <c r="AZ36" s="274">
        <v>67960</v>
      </c>
      <c r="BA36" s="274">
        <v>52860</v>
      </c>
      <c r="BB36" s="274">
        <v>35495</v>
      </c>
      <c r="BC36" s="274">
        <v>2635</v>
      </c>
      <c r="BD36" s="277">
        <v>167310</v>
      </c>
      <c r="BE36" s="278">
        <v>167310</v>
      </c>
      <c r="BF36" s="273">
        <v>0</v>
      </c>
      <c r="BG36" s="274">
        <v>0</v>
      </c>
      <c r="BH36" s="275">
        <v>0</v>
      </c>
      <c r="BI36" s="279"/>
      <c r="BJ36" s="274">
        <v>0</v>
      </c>
      <c r="BK36" s="274">
        <v>0</v>
      </c>
      <c r="BL36" s="274">
        <v>0</v>
      </c>
      <c r="BM36" s="274">
        <v>0</v>
      </c>
      <c r="BN36" s="274">
        <v>0</v>
      </c>
      <c r="BO36" s="277">
        <v>0</v>
      </c>
      <c r="BP36" s="278">
        <v>0</v>
      </c>
      <c r="BQ36" s="273">
        <v>0</v>
      </c>
      <c r="BR36" s="274">
        <v>0</v>
      </c>
      <c r="BS36" s="275">
        <v>0</v>
      </c>
      <c r="BT36" s="276">
        <v>0</v>
      </c>
      <c r="BU36" s="274">
        <v>200</v>
      </c>
      <c r="BV36" s="274">
        <v>5385</v>
      </c>
      <c r="BW36" s="274">
        <v>30955</v>
      </c>
      <c r="BX36" s="274">
        <v>0</v>
      </c>
      <c r="BY36" s="274">
        <v>5245</v>
      </c>
      <c r="BZ36" s="277">
        <v>41785</v>
      </c>
      <c r="CA36" s="278">
        <v>41785</v>
      </c>
      <c r="CB36" s="273">
        <v>0</v>
      </c>
      <c r="CC36" s="274">
        <v>0</v>
      </c>
      <c r="CD36" s="275">
        <v>0</v>
      </c>
      <c r="CE36" s="276">
        <v>0</v>
      </c>
      <c r="CF36" s="274">
        <v>0</v>
      </c>
      <c r="CG36" s="274">
        <v>0</v>
      </c>
      <c r="CH36" s="274">
        <v>0</v>
      </c>
      <c r="CI36" s="274">
        <v>0</v>
      </c>
      <c r="CJ36" s="274">
        <v>0</v>
      </c>
      <c r="CK36" s="277">
        <v>0</v>
      </c>
      <c r="CL36" s="278">
        <v>0</v>
      </c>
      <c r="CM36" s="273">
        <v>0</v>
      </c>
      <c r="CN36" s="274">
        <v>0</v>
      </c>
      <c r="CO36" s="275">
        <v>0</v>
      </c>
      <c r="CP36" s="276">
        <v>0</v>
      </c>
      <c r="CQ36" s="274">
        <v>0</v>
      </c>
      <c r="CR36" s="274">
        <v>0</v>
      </c>
      <c r="CS36" s="274">
        <v>0</v>
      </c>
      <c r="CT36" s="274">
        <v>0</v>
      </c>
      <c r="CU36" s="274">
        <v>0</v>
      </c>
      <c r="CV36" s="277">
        <v>0</v>
      </c>
      <c r="CW36" s="278">
        <v>0</v>
      </c>
      <c r="CX36" s="273">
        <v>0</v>
      </c>
      <c r="CY36" s="274">
        <v>0</v>
      </c>
      <c r="CZ36" s="275">
        <v>0</v>
      </c>
      <c r="DA36" s="279"/>
      <c r="DB36" s="274">
        <v>0</v>
      </c>
      <c r="DC36" s="274">
        <v>0</v>
      </c>
      <c r="DD36" s="274">
        <v>0</v>
      </c>
      <c r="DE36" s="274">
        <v>0</v>
      </c>
      <c r="DF36" s="274">
        <v>0</v>
      </c>
      <c r="DG36" s="277">
        <v>0</v>
      </c>
      <c r="DH36" s="278">
        <v>0</v>
      </c>
      <c r="DI36" s="273">
        <v>0</v>
      </c>
      <c r="DJ36" s="274">
        <v>0</v>
      </c>
      <c r="DK36" s="275">
        <v>0</v>
      </c>
      <c r="DL36" s="276">
        <v>0</v>
      </c>
      <c r="DM36" s="274">
        <v>4887</v>
      </c>
      <c r="DN36" s="274">
        <v>64930</v>
      </c>
      <c r="DO36" s="274">
        <v>387246</v>
      </c>
      <c r="DP36" s="274">
        <v>433380</v>
      </c>
      <c r="DQ36" s="274">
        <v>228967</v>
      </c>
      <c r="DR36" s="277">
        <v>1119410</v>
      </c>
      <c r="DS36" s="280">
        <v>1119410</v>
      </c>
      <c r="DT36" s="273">
        <v>0</v>
      </c>
      <c r="DU36" s="274">
        <v>0</v>
      </c>
      <c r="DV36" s="275">
        <v>0</v>
      </c>
      <c r="DW36" s="279"/>
      <c r="DX36" s="274">
        <v>0</v>
      </c>
      <c r="DY36" s="274">
        <v>36611</v>
      </c>
      <c r="DZ36" s="274">
        <v>336101</v>
      </c>
      <c r="EA36" s="274">
        <v>396583</v>
      </c>
      <c r="EB36" s="274">
        <v>224858</v>
      </c>
      <c r="EC36" s="277">
        <v>994153</v>
      </c>
      <c r="ED36" s="278">
        <v>994153</v>
      </c>
      <c r="EE36" s="273">
        <v>0</v>
      </c>
      <c r="EF36" s="274">
        <v>0</v>
      </c>
      <c r="EG36" s="275">
        <v>0</v>
      </c>
      <c r="EH36" s="279"/>
      <c r="EI36" s="274">
        <v>2083</v>
      </c>
      <c r="EJ36" s="274">
        <v>12121</v>
      </c>
      <c r="EK36" s="274">
        <v>651</v>
      </c>
      <c r="EL36" s="274">
        <v>25110</v>
      </c>
      <c r="EM36" s="274">
        <v>497</v>
      </c>
      <c r="EN36" s="277">
        <v>40462</v>
      </c>
      <c r="EO36" s="278">
        <v>40462</v>
      </c>
      <c r="EP36" s="273">
        <v>0</v>
      </c>
      <c r="EQ36" s="274">
        <v>0</v>
      </c>
      <c r="ER36" s="275">
        <v>0</v>
      </c>
      <c r="ES36" s="279"/>
      <c r="ET36" s="274">
        <v>0</v>
      </c>
      <c r="EU36" s="274">
        <v>0</v>
      </c>
      <c r="EV36" s="274">
        <v>0</v>
      </c>
      <c r="EW36" s="274">
        <v>0</v>
      </c>
      <c r="EX36" s="274">
        <v>0</v>
      </c>
      <c r="EY36" s="277">
        <v>0</v>
      </c>
      <c r="EZ36" s="278">
        <v>0</v>
      </c>
      <c r="FA36" s="273">
        <v>0</v>
      </c>
      <c r="FB36" s="274">
        <v>0</v>
      </c>
      <c r="FC36" s="275">
        <v>0</v>
      </c>
      <c r="FD36" s="279"/>
      <c r="FE36" s="274">
        <v>2102</v>
      </c>
      <c r="FF36" s="274">
        <v>12548</v>
      </c>
      <c r="FG36" s="274">
        <v>12338</v>
      </c>
      <c r="FH36" s="274">
        <v>11687</v>
      </c>
      <c r="FI36" s="274">
        <v>217</v>
      </c>
      <c r="FJ36" s="277">
        <v>38892</v>
      </c>
      <c r="FK36" s="278">
        <v>38892</v>
      </c>
      <c r="FL36" s="273">
        <v>0</v>
      </c>
      <c r="FM36" s="274">
        <v>0</v>
      </c>
      <c r="FN36" s="275">
        <v>0</v>
      </c>
      <c r="FO36" s="279"/>
      <c r="FP36" s="274">
        <v>0</v>
      </c>
      <c r="FQ36" s="274">
        <v>0</v>
      </c>
      <c r="FR36" s="274">
        <v>0</v>
      </c>
      <c r="FS36" s="274">
        <v>0</v>
      </c>
      <c r="FT36" s="274">
        <v>0</v>
      </c>
      <c r="FU36" s="277">
        <v>0</v>
      </c>
      <c r="FV36" s="278">
        <v>0</v>
      </c>
      <c r="FW36" s="273">
        <v>0</v>
      </c>
      <c r="FX36" s="274">
        <v>0</v>
      </c>
      <c r="FY36" s="275">
        <v>0</v>
      </c>
      <c r="FZ36" s="276">
        <v>0</v>
      </c>
      <c r="GA36" s="274">
        <v>702</v>
      </c>
      <c r="GB36" s="274">
        <v>3650</v>
      </c>
      <c r="GC36" s="274">
        <v>38156</v>
      </c>
      <c r="GD36" s="274">
        <v>0</v>
      </c>
      <c r="GE36" s="274">
        <v>3395</v>
      </c>
      <c r="GF36" s="277">
        <v>45903</v>
      </c>
      <c r="GG36" s="278">
        <v>45903</v>
      </c>
      <c r="GH36" s="273">
        <v>0</v>
      </c>
      <c r="GI36" s="274">
        <v>0</v>
      </c>
      <c r="GJ36" s="275">
        <v>0</v>
      </c>
      <c r="GK36" s="276">
        <v>0</v>
      </c>
      <c r="GL36" s="274">
        <v>0</v>
      </c>
      <c r="GM36" s="274">
        <v>0</v>
      </c>
      <c r="GN36" s="274">
        <v>0</v>
      </c>
      <c r="GO36" s="274">
        <v>0</v>
      </c>
      <c r="GP36" s="274">
        <v>0</v>
      </c>
      <c r="GQ36" s="277">
        <v>0</v>
      </c>
      <c r="GR36" s="278">
        <v>0</v>
      </c>
      <c r="GS36" s="273">
        <v>0</v>
      </c>
      <c r="GT36" s="274">
        <v>0</v>
      </c>
      <c r="GU36" s="275">
        <v>0</v>
      </c>
      <c r="GV36" s="276">
        <v>0</v>
      </c>
      <c r="GW36" s="274">
        <v>0</v>
      </c>
      <c r="GX36" s="274">
        <v>0</v>
      </c>
      <c r="GY36" s="274">
        <v>0</v>
      </c>
      <c r="GZ36" s="274">
        <v>0</v>
      </c>
      <c r="HA36" s="274">
        <v>0</v>
      </c>
      <c r="HB36" s="277">
        <v>0</v>
      </c>
      <c r="HC36" s="278">
        <v>0</v>
      </c>
      <c r="HD36" s="273">
        <v>0</v>
      </c>
      <c r="HE36" s="274">
        <v>0</v>
      </c>
      <c r="HF36" s="275">
        <v>0</v>
      </c>
      <c r="HG36" s="279"/>
      <c r="HH36" s="274">
        <v>0</v>
      </c>
      <c r="HI36" s="274">
        <v>0</v>
      </c>
      <c r="HJ36" s="274">
        <v>0</v>
      </c>
      <c r="HK36" s="274">
        <v>0</v>
      </c>
      <c r="HL36" s="274">
        <v>0</v>
      </c>
      <c r="HM36" s="277">
        <v>0</v>
      </c>
      <c r="HN36" s="278">
        <v>0</v>
      </c>
      <c r="HO36" s="273">
        <v>0</v>
      </c>
      <c r="HP36" s="274">
        <v>0</v>
      </c>
      <c r="HQ36" s="275">
        <v>0</v>
      </c>
      <c r="HR36" s="276">
        <v>0</v>
      </c>
      <c r="HS36" s="274">
        <v>54217</v>
      </c>
      <c r="HT36" s="274">
        <v>228245</v>
      </c>
      <c r="HU36" s="274">
        <v>725141</v>
      </c>
      <c r="HV36" s="274">
        <v>1126575</v>
      </c>
      <c r="HW36" s="274">
        <v>473862</v>
      </c>
      <c r="HX36" s="277">
        <v>2608040</v>
      </c>
      <c r="HY36" s="278">
        <v>2608040</v>
      </c>
    </row>
    <row r="37" spans="2:233" ht="21" customHeight="1" x14ac:dyDescent="0.2">
      <c r="B37" s="472" t="s">
        <v>34</v>
      </c>
      <c r="C37" s="273">
        <v>0</v>
      </c>
      <c r="D37" s="274">
        <v>0</v>
      </c>
      <c r="E37" s="275">
        <v>0</v>
      </c>
      <c r="F37" s="276">
        <v>0</v>
      </c>
      <c r="G37" s="274">
        <v>26770</v>
      </c>
      <c r="H37" s="274">
        <v>54560</v>
      </c>
      <c r="I37" s="274">
        <v>123130</v>
      </c>
      <c r="J37" s="274">
        <v>278465</v>
      </c>
      <c r="K37" s="274">
        <v>186435</v>
      </c>
      <c r="L37" s="277">
        <v>669360</v>
      </c>
      <c r="M37" s="278">
        <v>669360</v>
      </c>
      <c r="N37" s="273">
        <v>0</v>
      </c>
      <c r="O37" s="274">
        <v>0</v>
      </c>
      <c r="P37" s="275">
        <v>0</v>
      </c>
      <c r="Q37" s="279"/>
      <c r="R37" s="274">
        <v>0</v>
      </c>
      <c r="S37" s="274">
        <v>0</v>
      </c>
      <c r="T37" s="274">
        <v>57195</v>
      </c>
      <c r="U37" s="274">
        <v>235900</v>
      </c>
      <c r="V37" s="274">
        <v>119445</v>
      </c>
      <c r="W37" s="277">
        <v>412540</v>
      </c>
      <c r="X37" s="278">
        <v>412540</v>
      </c>
      <c r="Y37" s="273">
        <v>0</v>
      </c>
      <c r="Z37" s="274">
        <v>0</v>
      </c>
      <c r="AA37" s="275">
        <v>0</v>
      </c>
      <c r="AB37" s="279"/>
      <c r="AC37" s="274">
        <v>26770</v>
      </c>
      <c r="AD37" s="274">
        <v>54560</v>
      </c>
      <c r="AE37" s="274">
        <v>63995</v>
      </c>
      <c r="AF37" s="274">
        <v>35680</v>
      </c>
      <c r="AG37" s="274">
        <v>34285</v>
      </c>
      <c r="AH37" s="277">
        <v>215290</v>
      </c>
      <c r="AI37" s="278">
        <v>215290</v>
      </c>
      <c r="AJ37" s="273">
        <v>0</v>
      </c>
      <c r="AK37" s="274">
        <v>0</v>
      </c>
      <c r="AL37" s="275">
        <v>0</v>
      </c>
      <c r="AM37" s="279"/>
      <c r="AN37" s="274">
        <v>0</v>
      </c>
      <c r="AO37" s="274">
        <v>0</v>
      </c>
      <c r="AP37" s="274">
        <v>0</v>
      </c>
      <c r="AQ37" s="274">
        <v>0</v>
      </c>
      <c r="AR37" s="274">
        <v>0</v>
      </c>
      <c r="AS37" s="277">
        <v>0</v>
      </c>
      <c r="AT37" s="278">
        <v>0</v>
      </c>
      <c r="AU37" s="273">
        <v>0</v>
      </c>
      <c r="AV37" s="274">
        <v>0</v>
      </c>
      <c r="AW37" s="275">
        <v>0</v>
      </c>
      <c r="AX37" s="279"/>
      <c r="AY37" s="274">
        <v>0</v>
      </c>
      <c r="AZ37" s="274">
        <v>0</v>
      </c>
      <c r="BA37" s="274">
        <v>0</v>
      </c>
      <c r="BB37" s="274">
        <v>0</v>
      </c>
      <c r="BC37" s="274">
        <v>32705</v>
      </c>
      <c r="BD37" s="277">
        <v>32705</v>
      </c>
      <c r="BE37" s="278">
        <v>32705</v>
      </c>
      <c r="BF37" s="273">
        <v>0</v>
      </c>
      <c r="BG37" s="274">
        <v>0</v>
      </c>
      <c r="BH37" s="275">
        <v>0</v>
      </c>
      <c r="BI37" s="279"/>
      <c r="BJ37" s="274">
        <v>0</v>
      </c>
      <c r="BK37" s="274">
        <v>0</v>
      </c>
      <c r="BL37" s="274">
        <v>0</v>
      </c>
      <c r="BM37" s="274">
        <v>0</v>
      </c>
      <c r="BN37" s="274">
        <v>0</v>
      </c>
      <c r="BO37" s="277">
        <v>0</v>
      </c>
      <c r="BP37" s="278">
        <v>0</v>
      </c>
      <c r="BQ37" s="273">
        <v>0</v>
      </c>
      <c r="BR37" s="274">
        <v>0</v>
      </c>
      <c r="BS37" s="275">
        <v>0</v>
      </c>
      <c r="BT37" s="276">
        <v>0</v>
      </c>
      <c r="BU37" s="274">
        <v>0</v>
      </c>
      <c r="BV37" s="274">
        <v>0</v>
      </c>
      <c r="BW37" s="274">
        <v>1940</v>
      </c>
      <c r="BX37" s="274">
        <v>145</v>
      </c>
      <c r="BY37" s="274">
        <v>0</v>
      </c>
      <c r="BZ37" s="277">
        <v>2085</v>
      </c>
      <c r="CA37" s="278">
        <v>2085</v>
      </c>
      <c r="CB37" s="273">
        <v>0</v>
      </c>
      <c r="CC37" s="274">
        <v>0</v>
      </c>
      <c r="CD37" s="275">
        <v>0</v>
      </c>
      <c r="CE37" s="276">
        <v>0</v>
      </c>
      <c r="CF37" s="274">
        <v>0</v>
      </c>
      <c r="CG37" s="274">
        <v>0</v>
      </c>
      <c r="CH37" s="274">
        <v>0</v>
      </c>
      <c r="CI37" s="274">
        <v>6740</v>
      </c>
      <c r="CJ37" s="274">
        <v>0</v>
      </c>
      <c r="CK37" s="277">
        <v>6740</v>
      </c>
      <c r="CL37" s="278">
        <v>6740</v>
      </c>
      <c r="CM37" s="273">
        <v>0</v>
      </c>
      <c r="CN37" s="274">
        <v>0</v>
      </c>
      <c r="CO37" s="275">
        <v>0</v>
      </c>
      <c r="CP37" s="276">
        <v>0</v>
      </c>
      <c r="CQ37" s="274">
        <v>0</v>
      </c>
      <c r="CR37" s="274">
        <v>0</v>
      </c>
      <c r="CS37" s="274">
        <v>0</v>
      </c>
      <c r="CT37" s="274">
        <v>0</v>
      </c>
      <c r="CU37" s="274">
        <v>0</v>
      </c>
      <c r="CV37" s="277">
        <v>0</v>
      </c>
      <c r="CW37" s="278">
        <v>0</v>
      </c>
      <c r="CX37" s="273">
        <v>0</v>
      </c>
      <c r="CY37" s="274">
        <v>0</v>
      </c>
      <c r="CZ37" s="275">
        <v>0</v>
      </c>
      <c r="DA37" s="279"/>
      <c r="DB37" s="274">
        <v>0</v>
      </c>
      <c r="DC37" s="274">
        <v>0</v>
      </c>
      <c r="DD37" s="274">
        <v>0</v>
      </c>
      <c r="DE37" s="274">
        <v>0</v>
      </c>
      <c r="DF37" s="274">
        <v>0</v>
      </c>
      <c r="DG37" s="277">
        <v>0</v>
      </c>
      <c r="DH37" s="278">
        <v>0</v>
      </c>
      <c r="DI37" s="273">
        <v>0</v>
      </c>
      <c r="DJ37" s="274">
        <v>0</v>
      </c>
      <c r="DK37" s="275">
        <v>0</v>
      </c>
      <c r="DL37" s="276">
        <v>0</v>
      </c>
      <c r="DM37" s="274">
        <v>368</v>
      </c>
      <c r="DN37" s="274">
        <v>868</v>
      </c>
      <c r="DO37" s="274">
        <v>117860</v>
      </c>
      <c r="DP37" s="274">
        <v>286073</v>
      </c>
      <c r="DQ37" s="274">
        <v>112849</v>
      </c>
      <c r="DR37" s="277">
        <v>518018</v>
      </c>
      <c r="DS37" s="280">
        <v>518018</v>
      </c>
      <c r="DT37" s="273">
        <v>0</v>
      </c>
      <c r="DU37" s="274">
        <v>0</v>
      </c>
      <c r="DV37" s="275">
        <v>0</v>
      </c>
      <c r="DW37" s="279"/>
      <c r="DX37" s="274">
        <v>0</v>
      </c>
      <c r="DY37" s="274">
        <v>0</v>
      </c>
      <c r="DZ37" s="274">
        <v>101339</v>
      </c>
      <c r="EA37" s="274">
        <v>283453</v>
      </c>
      <c r="EB37" s="274">
        <v>112205</v>
      </c>
      <c r="EC37" s="277">
        <v>496997</v>
      </c>
      <c r="ED37" s="278">
        <v>496997</v>
      </c>
      <c r="EE37" s="273">
        <v>0</v>
      </c>
      <c r="EF37" s="274">
        <v>0</v>
      </c>
      <c r="EG37" s="275">
        <v>0</v>
      </c>
      <c r="EH37" s="279"/>
      <c r="EI37" s="274">
        <v>368</v>
      </c>
      <c r="EJ37" s="274">
        <v>868</v>
      </c>
      <c r="EK37" s="274">
        <v>12282</v>
      </c>
      <c r="EL37" s="274">
        <v>462</v>
      </c>
      <c r="EM37" s="274">
        <v>427</v>
      </c>
      <c r="EN37" s="277">
        <v>14407</v>
      </c>
      <c r="EO37" s="278">
        <v>14407</v>
      </c>
      <c r="EP37" s="273">
        <v>0</v>
      </c>
      <c r="EQ37" s="274">
        <v>0</v>
      </c>
      <c r="ER37" s="275">
        <v>0</v>
      </c>
      <c r="ES37" s="279"/>
      <c r="ET37" s="274">
        <v>0</v>
      </c>
      <c r="EU37" s="274">
        <v>0</v>
      </c>
      <c r="EV37" s="274">
        <v>0</v>
      </c>
      <c r="EW37" s="274">
        <v>0</v>
      </c>
      <c r="EX37" s="274">
        <v>0</v>
      </c>
      <c r="EY37" s="277">
        <v>0</v>
      </c>
      <c r="EZ37" s="278">
        <v>0</v>
      </c>
      <c r="FA37" s="273">
        <v>0</v>
      </c>
      <c r="FB37" s="274">
        <v>0</v>
      </c>
      <c r="FC37" s="275">
        <v>0</v>
      </c>
      <c r="FD37" s="279"/>
      <c r="FE37" s="274">
        <v>0</v>
      </c>
      <c r="FF37" s="274">
        <v>0</v>
      </c>
      <c r="FG37" s="274">
        <v>0</v>
      </c>
      <c r="FH37" s="274">
        <v>0</v>
      </c>
      <c r="FI37" s="274">
        <v>217</v>
      </c>
      <c r="FJ37" s="277">
        <v>217</v>
      </c>
      <c r="FK37" s="278">
        <v>217</v>
      </c>
      <c r="FL37" s="273">
        <v>0</v>
      </c>
      <c r="FM37" s="274">
        <v>0</v>
      </c>
      <c r="FN37" s="275">
        <v>0</v>
      </c>
      <c r="FO37" s="279"/>
      <c r="FP37" s="274">
        <v>0</v>
      </c>
      <c r="FQ37" s="274">
        <v>0</v>
      </c>
      <c r="FR37" s="274">
        <v>0</v>
      </c>
      <c r="FS37" s="274">
        <v>0</v>
      </c>
      <c r="FT37" s="274">
        <v>0</v>
      </c>
      <c r="FU37" s="277">
        <v>0</v>
      </c>
      <c r="FV37" s="278">
        <v>0</v>
      </c>
      <c r="FW37" s="273">
        <v>0</v>
      </c>
      <c r="FX37" s="274">
        <v>0</v>
      </c>
      <c r="FY37" s="275">
        <v>0</v>
      </c>
      <c r="FZ37" s="276">
        <v>0</v>
      </c>
      <c r="GA37" s="274">
        <v>0</v>
      </c>
      <c r="GB37" s="274">
        <v>0</v>
      </c>
      <c r="GC37" s="274">
        <v>4239</v>
      </c>
      <c r="GD37" s="274">
        <v>2088</v>
      </c>
      <c r="GE37" s="274">
        <v>0</v>
      </c>
      <c r="GF37" s="277">
        <v>6327</v>
      </c>
      <c r="GG37" s="278">
        <v>6327</v>
      </c>
      <c r="GH37" s="273">
        <v>0</v>
      </c>
      <c r="GI37" s="274">
        <v>0</v>
      </c>
      <c r="GJ37" s="275">
        <v>0</v>
      </c>
      <c r="GK37" s="276">
        <v>0</v>
      </c>
      <c r="GL37" s="274">
        <v>0</v>
      </c>
      <c r="GM37" s="274">
        <v>0</v>
      </c>
      <c r="GN37" s="274">
        <v>0</v>
      </c>
      <c r="GO37" s="274">
        <v>70</v>
      </c>
      <c r="GP37" s="274">
        <v>0</v>
      </c>
      <c r="GQ37" s="277">
        <v>70</v>
      </c>
      <c r="GR37" s="278">
        <v>70</v>
      </c>
      <c r="GS37" s="273">
        <v>0</v>
      </c>
      <c r="GT37" s="274">
        <v>0</v>
      </c>
      <c r="GU37" s="275">
        <v>0</v>
      </c>
      <c r="GV37" s="276">
        <v>0</v>
      </c>
      <c r="GW37" s="274">
        <v>0</v>
      </c>
      <c r="GX37" s="274">
        <v>0</v>
      </c>
      <c r="GY37" s="274">
        <v>0</v>
      </c>
      <c r="GZ37" s="274">
        <v>0</v>
      </c>
      <c r="HA37" s="274">
        <v>0</v>
      </c>
      <c r="HB37" s="277">
        <v>0</v>
      </c>
      <c r="HC37" s="278">
        <v>0</v>
      </c>
      <c r="HD37" s="273">
        <v>0</v>
      </c>
      <c r="HE37" s="274">
        <v>0</v>
      </c>
      <c r="HF37" s="275">
        <v>0</v>
      </c>
      <c r="HG37" s="279"/>
      <c r="HH37" s="274">
        <v>0</v>
      </c>
      <c r="HI37" s="274">
        <v>0</v>
      </c>
      <c r="HJ37" s="274">
        <v>0</v>
      </c>
      <c r="HK37" s="274">
        <v>0</v>
      </c>
      <c r="HL37" s="274">
        <v>0</v>
      </c>
      <c r="HM37" s="277">
        <v>0</v>
      </c>
      <c r="HN37" s="278">
        <v>0</v>
      </c>
      <c r="HO37" s="273">
        <v>0</v>
      </c>
      <c r="HP37" s="274">
        <v>0</v>
      </c>
      <c r="HQ37" s="275">
        <v>0</v>
      </c>
      <c r="HR37" s="276">
        <v>0</v>
      </c>
      <c r="HS37" s="274">
        <v>27138</v>
      </c>
      <c r="HT37" s="274">
        <v>55428</v>
      </c>
      <c r="HU37" s="274">
        <v>240990</v>
      </c>
      <c r="HV37" s="274">
        <v>564538</v>
      </c>
      <c r="HW37" s="274">
        <v>299284</v>
      </c>
      <c r="HX37" s="277">
        <v>1187378</v>
      </c>
      <c r="HY37" s="278">
        <v>1187378</v>
      </c>
    </row>
    <row r="38" spans="2:233" ht="21" customHeight="1" x14ac:dyDescent="0.2">
      <c r="B38" s="472" t="s">
        <v>35</v>
      </c>
      <c r="C38" s="273">
        <v>1885</v>
      </c>
      <c r="D38" s="274">
        <v>0</v>
      </c>
      <c r="E38" s="275">
        <v>1885</v>
      </c>
      <c r="F38" s="276">
        <v>0</v>
      </c>
      <c r="G38" s="274">
        <v>246355</v>
      </c>
      <c r="H38" s="274">
        <v>248070</v>
      </c>
      <c r="I38" s="274">
        <v>718100</v>
      </c>
      <c r="J38" s="274">
        <v>597212</v>
      </c>
      <c r="K38" s="274">
        <v>370240</v>
      </c>
      <c r="L38" s="277">
        <v>2179977</v>
      </c>
      <c r="M38" s="278">
        <v>2181862</v>
      </c>
      <c r="N38" s="273">
        <v>0</v>
      </c>
      <c r="O38" s="274">
        <v>0</v>
      </c>
      <c r="P38" s="275">
        <v>0</v>
      </c>
      <c r="Q38" s="279"/>
      <c r="R38" s="274">
        <v>2635</v>
      </c>
      <c r="S38" s="274">
        <v>24645</v>
      </c>
      <c r="T38" s="274">
        <v>297625</v>
      </c>
      <c r="U38" s="274">
        <v>364560</v>
      </c>
      <c r="V38" s="274">
        <v>280785</v>
      </c>
      <c r="W38" s="277">
        <v>970250</v>
      </c>
      <c r="X38" s="278">
        <v>970250</v>
      </c>
      <c r="Y38" s="273">
        <v>0</v>
      </c>
      <c r="Z38" s="274">
        <v>0</v>
      </c>
      <c r="AA38" s="275">
        <v>0</v>
      </c>
      <c r="AB38" s="279"/>
      <c r="AC38" s="274">
        <v>190385</v>
      </c>
      <c r="AD38" s="274">
        <v>220750</v>
      </c>
      <c r="AE38" s="274">
        <v>230880</v>
      </c>
      <c r="AF38" s="274">
        <v>67660</v>
      </c>
      <c r="AG38" s="274">
        <v>27280</v>
      </c>
      <c r="AH38" s="277">
        <v>736955</v>
      </c>
      <c r="AI38" s="278">
        <v>736955</v>
      </c>
      <c r="AJ38" s="273">
        <v>0</v>
      </c>
      <c r="AK38" s="274">
        <v>0</v>
      </c>
      <c r="AL38" s="275">
        <v>0</v>
      </c>
      <c r="AM38" s="279"/>
      <c r="AN38" s="274">
        <v>0</v>
      </c>
      <c r="AO38" s="274">
        <v>0</v>
      </c>
      <c r="AP38" s="274">
        <v>0</v>
      </c>
      <c r="AQ38" s="274">
        <v>0</v>
      </c>
      <c r="AR38" s="274">
        <v>0</v>
      </c>
      <c r="AS38" s="277">
        <v>0</v>
      </c>
      <c r="AT38" s="278">
        <v>0</v>
      </c>
      <c r="AU38" s="273">
        <v>0</v>
      </c>
      <c r="AV38" s="274">
        <v>0</v>
      </c>
      <c r="AW38" s="275">
        <v>0</v>
      </c>
      <c r="AX38" s="279"/>
      <c r="AY38" s="274">
        <v>32705</v>
      </c>
      <c r="AZ38" s="274">
        <v>0</v>
      </c>
      <c r="BA38" s="274">
        <v>106485</v>
      </c>
      <c r="BB38" s="274">
        <v>114300</v>
      </c>
      <c r="BC38" s="274">
        <v>62175</v>
      </c>
      <c r="BD38" s="277">
        <v>315665</v>
      </c>
      <c r="BE38" s="278">
        <v>315665</v>
      </c>
      <c r="BF38" s="273">
        <v>0</v>
      </c>
      <c r="BG38" s="274">
        <v>0</v>
      </c>
      <c r="BH38" s="275">
        <v>0</v>
      </c>
      <c r="BI38" s="279"/>
      <c r="BJ38" s="274">
        <v>0</v>
      </c>
      <c r="BK38" s="274">
        <v>0</v>
      </c>
      <c r="BL38" s="274">
        <v>0</v>
      </c>
      <c r="BM38" s="274">
        <v>0</v>
      </c>
      <c r="BN38" s="274">
        <v>0</v>
      </c>
      <c r="BO38" s="277">
        <v>0</v>
      </c>
      <c r="BP38" s="278">
        <v>0</v>
      </c>
      <c r="BQ38" s="273">
        <v>1885</v>
      </c>
      <c r="BR38" s="274">
        <v>0</v>
      </c>
      <c r="BS38" s="275">
        <v>1885</v>
      </c>
      <c r="BT38" s="276">
        <v>0</v>
      </c>
      <c r="BU38" s="274">
        <v>20630</v>
      </c>
      <c r="BV38" s="274">
        <v>2675</v>
      </c>
      <c r="BW38" s="274">
        <v>81860</v>
      </c>
      <c r="BX38" s="274">
        <v>50692</v>
      </c>
      <c r="BY38" s="274">
        <v>0</v>
      </c>
      <c r="BZ38" s="277">
        <v>155857</v>
      </c>
      <c r="CA38" s="278">
        <v>157742</v>
      </c>
      <c r="CB38" s="273">
        <v>0</v>
      </c>
      <c r="CC38" s="274">
        <v>0</v>
      </c>
      <c r="CD38" s="275">
        <v>0</v>
      </c>
      <c r="CE38" s="276">
        <v>0</v>
      </c>
      <c r="CF38" s="274">
        <v>0</v>
      </c>
      <c r="CG38" s="274">
        <v>0</v>
      </c>
      <c r="CH38" s="274">
        <v>1250</v>
      </c>
      <c r="CI38" s="274">
        <v>0</v>
      </c>
      <c r="CJ38" s="274">
        <v>0</v>
      </c>
      <c r="CK38" s="277">
        <v>1250</v>
      </c>
      <c r="CL38" s="278">
        <v>1250</v>
      </c>
      <c r="CM38" s="273">
        <v>0</v>
      </c>
      <c r="CN38" s="274">
        <v>0</v>
      </c>
      <c r="CO38" s="275">
        <v>0</v>
      </c>
      <c r="CP38" s="276">
        <v>0</v>
      </c>
      <c r="CQ38" s="274">
        <v>0</v>
      </c>
      <c r="CR38" s="274">
        <v>0</v>
      </c>
      <c r="CS38" s="274">
        <v>0</v>
      </c>
      <c r="CT38" s="274">
        <v>0</v>
      </c>
      <c r="CU38" s="274">
        <v>0</v>
      </c>
      <c r="CV38" s="277">
        <v>0</v>
      </c>
      <c r="CW38" s="278">
        <v>0</v>
      </c>
      <c r="CX38" s="273">
        <v>0</v>
      </c>
      <c r="CY38" s="274">
        <v>0</v>
      </c>
      <c r="CZ38" s="275">
        <v>0</v>
      </c>
      <c r="DA38" s="279"/>
      <c r="DB38" s="274">
        <v>0</v>
      </c>
      <c r="DC38" s="274">
        <v>0</v>
      </c>
      <c r="DD38" s="274">
        <v>0</v>
      </c>
      <c r="DE38" s="274">
        <v>0</v>
      </c>
      <c r="DF38" s="274">
        <v>0</v>
      </c>
      <c r="DG38" s="277">
        <v>0</v>
      </c>
      <c r="DH38" s="278">
        <v>0</v>
      </c>
      <c r="DI38" s="273">
        <v>1410</v>
      </c>
      <c r="DJ38" s="274">
        <v>0</v>
      </c>
      <c r="DK38" s="275">
        <v>1410</v>
      </c>
      <c r="DL38" s="276">
        <v>0</v>
      </c>
      <c r="DM38" s="274">
        <v>68029</v>
      </c>
      <c r="DN38" s="274">
        <v>50211</v>
      </c>
      <c r="DO38" s="274">
        <v>453636</v>
      </c>
      <c r="DP38" s="274">
        <v>522689</v>
      </c>
      <c r="DQ38" s="274">
        <v>356650</v>
      </c>
      <c r="DR38" s="277">
        <v>1451215</v>
      </c>
      <c r="DS38" s="280">
        <v>1452625</v>
      </c>
      <c r="DT38" s="273">
        <v>0</v>
      </c>
      <c r="DU38" s="274">
        <v>0</v>
      </c>
      <c r="DV38" s="275">
        <v>0</v>
      </c>
      <c r="DW38" s="279"/>
      <c r="DX38" s="274">
        <v>15035</v>
      </c>
      <c r="DY38" s="274">
        <v>21576</v>
      </c>
      <c r="DZ38" s="274">
        <v>285688</v>
      </c>
      <c r="EA38" s="274">
        <v>435395</v>
      </c>
      <c r="EB38" s="274">
        <v>332625</v>
      </c>
      <c r="EC38" s="277">
        <v>1090319</v>
      </c>
      <c r="ED38" s="278">
        <v>1090319</v>
      </c>
      <c r="EE38" s="273">
        <v>0</v>
      </c>
      <c r="EF38" s="274">
        <v>0</v>
      </c>
      <c r="EG38" s="275">
        <v>0</v>
      </c>
      <c r="EH38" s="279"/>
      <c r="EI38" s="274">
        <v>22707</v>
      </c>
      <c r="EJ38" s="274">
        <v>22436</v>
      </c>
      <c r="EK38" s="274">
        <v>2121</v>
      </c>
      <c r="EL38" s="274">
        <v>651</v>
      </c>
      <c r="EM38" s="274">
        <v>434</v>
      </c>
      <c r="EN38" s="277">
        <v>48349</v>
      </c>
      <c r="EO38" s="278">
        <v>48349</v>
      </c>
      <c r="EP38" s="273">
        <v>0</v>
      </c>
      <c r="EQ38" s="274">
        <v>0</v>
      </c>
      <c r="ER38" s="275">
        <v>0</v>
      </c>
      <c r="ES38" s="279"/>
      <c r="ET38" s="274">
        <v>0</v>
      </c>
      <c r="EU38" s="274">
        <v>0</v>
      </c>
      <c r="EV38" s="274">
        <v>0</v>
      </c>
      <c r="EW38" s="274">
        <v>0</v>
      </c>
      <c r="EX38" s="274">
        <v>0</v>
      </c>
      <c r="EY38" s="277">
        <v>0</v>
      </c>
      <c r="EZ38" s="278">
        <v>0</v>
      </c>
      <c r="FA38" s="273">
        <v>0</v>
      </c>
      <c r="FB38" s="274">
        <v>0</v>
      </c>
      <c r="FC38" s="275">
        <v>0</v>
      </c>
      <c r="FD38" s="279"/>
      <c r="FE38" s="274">
        <v>217</v>
      </c>
      <c r="FF38" s="274">
        <v>0</v>
      </c>
      <c r="FG38" s="274">
        <v>35061</v>
      </c>
      <c r="FH38" s="274">
        <v>29086</v>
      </c>
      <c r="FI38" s="274">
        <v>23591</v>
      </c>
      <c r="FJ38" s="277">
        <v>87955</v>
      </c>
      <c r="FK38" s="278">
        <v>87955</v>
      </c>
      <c r="FL38" s="273">
        <v>0</v>
      </c>
      <c r="FM38" s="274">
        <v>0</v>
      </c>
      <c r="FN38" s="275">
        <v>0</v>
      </c>
      <c r="FO38" s="279"/>
      <c r="FP38" s="274">
        <v>0</v>
      </c>
      <c r="FQ38" s="274">
        <v>0</v>
      </c>
      <c r="FR38" s="274">
        <v>0</v>
      </c>
      <c r="FS38" s="274">
        <v>0</v>
      </c>
      <c r="FT38" s="274">
        <v>0</v>
      </c>
      <c r="FU38" s="277">
        <v>0</v>
      </c>
      <c r="FV38" s="278">
        <v>0</v>
      </c>
      <c r="FW38" s="273">
        <v>1410</v>
      </c>
      <c r="FX38" s="274">
        <v>0</v>
      </c>
      <c r="FY38" s="275">
        <v>1410</v>
      </c>
      <c r="FZ38" s="276">
        <v>0</v>
      </c>
      <c r="GA38" s="274">
        <v>30070</v>
      </c>
      <c r="GB38" s="274">
        <v>6199</v>
      </c>
      <c r="GC38" s="274">
        <v>130738</v>
      </c>
      <c r="GD38" s="274">
        <v>57557</v>
      </c>
      <c r="GE38" s="274">
        <v>0</v>
      </c>
      <c r="GF38" s="277">
        <v>224564</v>
      </c>
      <c r="GG38" s="278">
        <v>225974</v>
      </c>
      <c r="GH38" s="273">
        <v>0</v>
      </c>
      <c r="GI38" s="274">
        <v>0</v>
      </c>
      <c r="GJ38" s="275">
        <v>0</v>
      </c>
      <c r="GK38" s="276">
        <v>0</v>
      </c>
      <c r="GL38" s="274">
        <v>0</v>
      </c>
      <c r="GM38" s="274">
        <v>0</v>
      </c>
      <c r="GN38" s="274">
        <v>28</v>
      </c>
      <c r="GO38" s="274">
        <v>0</v>
      </c>
      <c r="GP38" s="274">
        <v>0</v>
      </c>
      <c r="GQ38" s="277">
        <v>28</v>
      </c>
      <c r="GR38" s="278">
        <v>28</v>
      </c>
      <c r="GS38" s="273">
        <v>0</v>
      </c>
      <c r="GT38" s="274">
        <v>0</v>
      </c>
      <c r="GU38" s="275">
        <v>0</v>
      </c>
      <c r="GV38" s="276">
        <v>0</v>
      </c>
      <c r="GW38" s="274">
        <v>0</v>
      </c>
      <c r="GX38" s="274">
        <v>0</v>
      </c>
      <c r="GY38" s="274">
        <v>0</v>
      </c>
      <c r="GZ38" s="274">
        <v>0</v>
      </c>
      <c r="HA38" s="274">
        <v>0</v>
      </c>
      <c r="HB38" s="277">
        <v>0</v>
      </c>
      <c r="HC38" s="278">
        <v>0</v>
      </c>
      <c r="HD38" s="273">
        <v>0</v>
      </c>
      <c r="HE38" s="274">
        <v>0</v>
      </c>
      <c r="HF38" s="275">
        <v>0</v>
      </c>
      <c r="HG38" s="279"/>
      <c r="HH38" s="274">
        <v>0</v>
      </c>
      <c r="HI38" s="274">
        <v>0</v>
      </c>
      <c r="HJ38" s="274">
        <v>0</v>
      </c>
      <c r="HK38" s="274">
        <v>0</v>
      </c>
      <c r="HL38" s="274">
        <v>0</v>
      </c>
      <c r="HM38" s="277">
        <v>0</v>
      </c>
      <c r="HN38" s="278">
        <v>0</v>
      </c>
      <c r="HO38" s="273">
        <v>3295</v>
      </c>
      <c r="HP38" s="274">
        <v>0</v>
      </c>
      <c r="HQ38" s="275">
        <v>3295</v>
      </c>
      <c r="HR38" s="276">
        <v>0</v>
      </c>
      <c r="HS38" s="274">
        <v>314384</v>
      </c>
      <c r="HT38" s="274">
        <v>298281</v>
      </c>
      <c r="HU38" s="274">
        <v>1171736</v>
      </c>
      <c r="HV38" s="274">
        <v>1119901</v>
      </c>
      <c r="HW38" s="274">
        <v>726890</v>
      </c>
      <c r="HX38" s="277">
        <v>3631192</v>
      </c>
      <c r="HY38" s="278">
        <v>3634487</v>
      </c>
    </row>
    <row r="39" spans="2:233" ht="21" customHeight="1" x14ac:dyDescent="0.2">
      <c r="B39" s="472" t="s">
        <v>36</v>
      </c>
      <c r="C39" s="273">
        <v>0</v>
      </c>
      <c r="D39" s="274">
        <v>0</v>
      </c>
      <c r="E39" s="275">
        <v>0</v>
      </c>
      <c r="F39" s="276">
        <v>0</v>
      </c>
      <c r="G39" s="274">
        <v>137851</v>
      </c>
      <c r="H39" s="274">
        <v>144948</v>
      </c>
      <c r="I39" s="274">
        <v>863587</v>
      </c>
      <c r="J39" s="274">
        <v>946150</v>
      </c>
      <c r="K39" s="274">
        <v>681364</v>
      </c>
      <c r="L39" s="277">
        <v>2773900</v>
      </c>
      <c r="M39" s="278">
        <v>2773900</v>
      </c>
      <c r="N39" s="273">
        <v>0</v>
      </c>
      <c r="O39" s="274">
        <v>0</v>
      </c>
      <c r="P39" s="275">
        <v>0</v>
      </c>
      <c r="Q39" s="279"/>
      <c r="R39" s="274">
        <v>0</v>
      </c>
      <c r="S39" s="274">
        <v>32705</v>
      </c>
      <c r="T39" s="274">
        <v>558545</v>
      </c>
      <c r="U39" s="274">
        <v>629375</v>
      </c>
      <c r="V39" s="274">
        <v>422684</v>
      </c>
      <c r="W39" s="277">
        <v>1643309</v>
      </c>
      <c r="X39" s="278">
        <v>1643309</v>
      </c>
      <c r="Y39" s="273">
        <v>0</v>
      </c>
      <c r="Z39" s="274">
        <v>0</v>
      </c>
      <c r="AA39" s="275">
        <v>0</v>
      </c>
      <c r="AB39" s="279"/>
      <c r="AC39" s="274">
        <v>103230</v>
      </c>
      <c r="AD39" s="274">
        <v>60930</v>
      </c>
      <c r="AE39" s="274">
        <v>296902</v>
      </c>
      <c r="AF39" s="274">
        <v>193360</v>
      </c>
      <c r="AG39" s="274">
        <v>226060</v>
      </c>
      <c r="AH39" s="277">
        <v>880482</v>
      </c>
      <c r="AI39" s="278">
        <v>880482</v>
      </c>
      <c r="AJ39" s="273">
        <v>0</v>
      </c>
      <c r="AK39" s="274">
        <v>0</v>
      </c>
      <c r="AL39" s="275">
        <v>0</v>
      </c>
      <c r="AM39" s="279"/>
      <c r="AN39" s="274">
        <v>0</v>
      </c>
      <c r="AO39" s="274">
        <v>0</v>
      </c>
      <c r="AP39" s="274">
        <v>0</v>
      </c>
      <c r="AQ39" s="274">
        <v>680</v>
      </c>
      <c r="AR39" s="274">
        <v>0</v>
      </c>
      <c r="AS39" s="277">
        <v>680</v>
      </c>
      <c r="AT39" s="278">
        <v>680</v>
      </c>
      <c r="AU39" s="273">
        <v>0</v>
      </c>
      <c r="AV39" s="274">
        <v>0</v>
      </c>
      <c r="AW39" s="275">
        <v>0</v>
      </c>
      <c r="AX39" s="279"/>
      <c r="AY39" s="274">
        <v>0</v>
      </c>
      <c r="AZ39" s="274">
        <v>0</v>
      </c>
      <c r="BA39" s="274">
        <v>0</v>
      </c>
      <c r="BB39" s="274">
        <v>120125</v>
      </c>
      <c r="BC39" s="274">
        <v>0</v>
      </c>
      <c r="BD39" s="277">
        <v>120125</v>
      </c>
      <c r="BE39" s="278">
        <v>120125</v>
      </c>
      <c r="BF39" s="273">
        <v>0</v>
      </c>
      <c r="BG39" s="274">
        <v>0</v>
      </c>
      <c r="BH39" s="275">
        <v>0</v>
      </c>
      <c r="BI39" s="279"/>
      <c r="BJ39" s="274">
        <v>0</v>
      </c>
      <c r="BK39" s="274">
        <v>0</v>
      </c>
      <c r="BL39" s="274">
        <v>0</v>
      </c>
      <c r="BM39" s="274">
        <v>0</v>
      </c>
      <c r="BN39" s="274">
        <v>0</v>
      </c>
      <c r="BO39" s="277">
        <v>0</v>
      </c>
      <c r="BP39" s="278">
        <v>0</v>
      </c>
      <c r="BQ39" s="273">
        <v>0</v>
      </c>
      <c r="BR39" s="274">
        <v>0</v>
      </c>
      <c r="BS39" s="275">
        <v>0</v>
      </c>
      <c r="BT39" s="276">
        <v>0</v>
      </c>
      <c r="BU39" s="274">
        <v>30531</v>
      </c>
      <c r="BV39" s="274">
        <v>51313</v>
      </c>
      <c r="BW39" s="274">
        <v>8140</v>
      </c>
      <c r="BX39" s="274">
        <v>2610</v>
      </c>
      <c r="BY39" s="274">
        <v>32620</v>
      </c>
      <c r="BZ39" s="277">
        <v>125214</v>
      </c>
      <c r="CA39" s="278">
        <v>125214</v>
      </c>
      <c r="CB39" s="273">
        <v>0</v>
      </c>
      <c r="CC39" s="274">
        <v>0</v>
      </c>
      <c r="CD39" s="275">
        <v>0</v>
      </c>
      <c r="CE39" s="276">
        <v>0</v>
      </c>
      <c r="CF39" s="274">
        <v>4090</v>
      </c>
      <c r="CG39" s="274">
        <v>0</v>
      </c>
      <c r="CH39" s="274">
        <v>0</v>
      </c>
      <c r="CI39" s="274">
        <v>0</v>
      </c>
      <c r="CJ39" s="274">
        <v>0</v>
      </c>
      <c r="CK39" s="277">
        <v>4090</v>
      </c>
      <c r="CL39" s="278">
        <v>4090</v>
      </c>
      <c r="CM39" s="273">
        <v>0</v>
      </c>
      <c r="CN39" s="274">
        <v>0</v>
      </c>
      <c r="CO39" s="275">
        <v>0</v>
      </c>
      <c r="CP39" s="276">
        <v>0</v>
      </c>
      <c r="CQ39" s="274">
        <v>0</v>
      </c>
      <c r="CR39" s="274">
        <v>0</v>
      </c>
      <c r="CS39" s="274">
        <v>0</v>
      </c>
      <c r="CT39" s="274">
        <v>0</v>
      </c>
      <c r="CU39" s="274">
        <v>0</v>
      </c>
      <c r="CV39" s="277">
        <v>0</v>
      </c>
      <c r="CW39" s="278">
        <v>0</v>
      </c>
      <c r="CX39" s="273">
        <v>0</v>
      </c>
      <c r="CY39" s="274">
        <v>0</v>
      </c>
      <c r="CZ39" s="275">
        <v>0</v>
      </c>
      <c r="DA39" s="279"/>
      <c r="DB39" s="274">
        <v>0</v>
      </c>
      <c r="DC39" s="274">
        <v>0</v>
      </c>
      <c r="DD39" s="274">
        <v>0</v>
      </c>
      <c r="DE39" s="274">
        <v>0</v>
      </c>
      <c r="DF39" s="274">
        <v>0</v>
      </c>
      <c r="DG39" s="277">
        <v>0</v>
      </c>
      <c r="DH39" s="278">
        <v>0</v>
      </c>
      <c r="DI39" s="273">
        <v>0</v>
      </c>
      <c r="DJ39" s="274">
        <v>0</v>
      </c>
      <c r="DK39" s="275">
        <v>0</v>
      </c>
      <c r="DL39" s="276">
        <v>0</v>
      </c>
      <c r="DM39" s="274">
        <v>34630</v>
      </c>
      <c r="DN39" s="274">
        <v>77889</v>
      </c>
      <c r="DO39" s="274">
        <v>651728</v>
      </c>
      <c r="DP39" s="274">
        <v>924236</v>
      </c>
      <c r="DQ39" s="274">
        <v>698343</v>
      </c>
      <c r="DR39" s="277">
        <v>2386826</v>
      </c>
      <c r="DS39" s="280">
        <v>2386826</v>
      </c>
      <c r="DT39" s="273">
        <v>0</v>
      </c>
      <c r="DU39" s="274">
        <v>0</v>
      </c>
      <c r="DV39" s="275">
        <v>0</v>
      </c>
      <c r="DW39" s="279"/>
      <c r="DX39" s="274">
        <v>0</v>
      </c>
      <c r="DY39" s="274">
        <v>15035</v>
      </c>
      <c r="DZ39" s="274">
        <v>625679</v>
      </c>
      <c r="EA39" s="274">
        <v>867604</v>
      </c>
      <c r="EB39" s="274">
        <v>653251</v>
      </c>
      <c r="EC39" s="277">
        <v>2161569</v>
      </c>
      <c r="ED39" s="278">
        <v>2161569</v>
      </c>
      <c r="EE39" s="273">
        <v>0</v>
      </c>
      <c r="EF39" s="274">
        <v>0</v>
      </c>
      <c r="EG39" s="275">
        <v>0</v>
      </c>
      <c r="EH39" s="279"/>
      <c r="EI39" s="274">
        <v>1736</v>
      </c>
      <c r="EJ39" s="274">
        <v>1519</v>
      </c>
      <c r="EK39" s="274">
        <v>-2969</v>
      </c>
      <c r="EL39" s="274">
        <v>26551</v>
      </c>
      <c r="EM39" s="274">
        <v>13337</v>
      </c>
      <c r="EN39" s="277">
        <v>40174</v>
      </c>
      <c r="EO39" s="278">
        <v>40174</v>
      </c>
      <c r="EP39" s="273">
        <v>0</v>
      </c>
      <c r="EQ39" s="274">
        <v>0</v>
      </c>
      <c r="ER39" s="275">
        <v>0</v>
      </c>
      <c r="ES39" s="279"/>
      <c r="ET39" s="274">
        <v>0</v>
      </c>
      <c r="EU39" s="274">
        <v>0</v>
      </c>
      <c r="EV39" s="274">
        <v>0</v>
      </c>
      <c r="EW39" s="274">
        <v>0</v>
      </c>
      <c r="EX39" s="274">
        <v>0</v>
      </c>
      <c r="EY39" s="277">
        <v>0</v>
      </c>
      <c r="EZ39" s="278">
        <v>0</v>
      </c>
      <c r="FA39" s="273">
        <v>0</v>
      </c>
      <c r="FB39" s="274">
        <v>0</v>
      </c>
      <c r="FC39" s="275">
        <v>0</v>
      </c>
      <c r="FD39" s="279"/>
      <c r="FE39" s="274">
        <v>0</v>
      </c>
      <c r="FF39" s="274">
        <v>0</v>
      </c>
      <c r="FG39" s="274">
        <v>0</v>
      </c>
      <c r="FH39" s="274">
        <v>12555</v>
      </c>
      <c r="FI39" s="274">
        <v>0</v>
      </c>
      <c r="FJ39" s="277">
        <v>12555</v>
      </c>
      <c r="FK39" s="278">
        <v>12555</v>
      </c>
      <c r="FL39" s="273">
        <v>0</v>
      </c>
      <c r="FM39" s="274">
        <v>0</v>
      </c>
      <c r="FN39" s="275">
        <v>0</v>
      </c>
      <c r="FO39" s="279"/>
      <c r="FP39" s="274">
        <v>0</v>
      </c>
      <c r="FQ39" s="274">
        <v>0</v>
      </c>
      <c r="FR39" s="274">
        <v>0</v>
      </c>
      <c r="FS39" s="274">
        <v>0</v>
      </c>
      <c r="FT39" s="274">
        <v>0</v>
      </c>
      <c r="FU39" s="277">
        <v>0</v>
      </c>
      <c r="FV39" s="278">
        <v>0</v>
      </c>
      <c r="FW39" s="273">
        <v>0</v>
      </c>
      <c r="FX39" s="274">
        <v>0</v>
      </c>
      <c r="FY39" s="275">
        <v>0</v>
      </c>
      <c r="FZ39" s="276">
        <v>0</v>
      </c>
      <c r="GA39" s="274">
        <v>32859</v>
      </c>
      <c r="GB39" s="274">
        <v>61335</v>
      </c>
      <c r="GC39" s="274">
        <v>29018</v>
      </c>
      <c r="GD39" s="274">
        <v>17526</v>
      </c>
      <c r="GE39" s="274">
        <v>31755</v>
      </c>
      <c r="GF39" s="277">
        <v>172493</v>
      </c>
      <c r="GG39" s="278">
        <v>172493</v>
      </c>
      <c r="GH39" s="273">
        <v>0</v>
      </c>
      <c r="GI39" s="274">
        <v>0</v>
      </c>
      <c r="GJ39" s="275">
        <v>0</v>
      </c>
      <c r="GK39" s="276">
        <v>0</v>
      </c>
      <c r="GL39" s="274">
        <v>35</v>
      </c>
      <c r="GM39" s="274">
        <v>0</v>
      </c>
      <c r="GN39" s="274">
        <v>0</v>
      </c>
      <c r="GO39" s="274">
        <v>0</v>
      </c>
      <c r="GP39" s="274">
        <v>0</v>
      </c>
      <c r="GQ39" s="277">
        <v>35</v>
      </c>
      <c r="GR39" s="278">
        <v>35</v>
      </c>
      <c r="GS39" s="273">
        <v>0</v>
      </c>
      <c r="GT39" s="274">
        <v>0</v>
      </c>
      <c r="GU39" s="275">
        <v>0</v>
      </c>
      <c r="GV39" s="276">
        <v>0</v>
      </c>
      <c r="GW39" s="274">
        <v>0</v>
      </c>
      <c r="GX39" s="274">
        <v>0</v>
      </c>
      <c r="GY39" s="274">
        <v>0</v>
      </c>
      <c r="GZ39" s="274">
        <v>0</v>
      </c>
      <c r="HA39" s="274">
        <v>0</v>
      </c>
      <c r="HB39" s="277">
        <v>0</v>
      </c>
      <c r="HC39" s="278">
        <v>0</v>
      </c>
      <c r="HD39" s="273">
        <v>0</v>
      </c>
      <c r="HE39" s="274">
        <v>0</v>
      </c>
      <c r="HF39" s="275">
        <v>0</v>
      </c>
      <c r="HG39" s="279"/>
      <c r="HH39" s="274">
        <v>0</v>
      </c>
      <c r="HI39" s="274">
        <v>0</v>
      </c>
      <c r="HJ39" s="274">
        <v>0</v>
      </c>
      <c r="HK39" s="274">
        <v>0</v>
      </c>
      <c r="HL39" s="274">
        <v>0</v>
      </c>
      <c r="HM39" s="277">
        <v>0</v>
      </c>
      <c r="HN39" s="278">
        <v>0</v>
      </c>
      <c r="HO39" s="273">
        <v>0</v>
      </c>
      <c r="HP39" s="274">
        <v>0</v>
      </c>
      <c r="HQ39" s="275">
        <v>0</v>
      </c>
      <c r="HR39" s="276">
        <v>0</v>
      </c>
      <c r="HS39" s="274">
        <v>172481</v>
      </c>
      <c r="HT39" s="274">
        <v>222837</v>
      </c>
      <c r="HU39" s="274">
        <v>1515315</v>
      </c>
      <c r="HV39" s="274">
        <v>1870386</v>
      </c>
      <c r="HW39" s="274">
        <v>1379707</v>
      </c>
      <c r="HX39" s="277">
        <v>5160726</v>
      </c>
      <c r="HY39" s="278">
        <v>5160726</v>
      </c>
    </row>
    <row r="40" spans="2:233" ht="21" customHeight="1" thickBot="1" x14ac:dyDescent="0.25">
      <c r="B40" s="473" t="s">
        <v>37</v>
      </c>
      <c r="C40" s="281">
        <v>0</v>
      </c>
      <c r="D40" s="282">
        <v>0</v>
      </c>
      <c r="E40" s="283">
        <v>0</v>
      </c>
      <c r="F40" s="284">
        <v>0</v>
      </c>
      <c r="G40" s="282">
        <v>0</v>
      </c>
      <c r="H40" s="282">
        <v>39360</v>
      </c>
      <c r="I40" s="282">
        <v>81090</v>
      </c>
      <c r="J40" s="282">
        <v>65255</v>
      </c>
      <c r="K40" s="282">
        <v>62620</v>
      </c>
      <c r="L40" s="285">
        <v>248325</v>
      </c>
      <c r="M40" s="286">
        <v>248325</v>
      </c>
      <c r="N40" s="281">
        <v>0</v>
      </c>
      <c r="O40" s="282">
        <v>0</v>
      </c>
      <c r="P40" s="283">
        <v>0</v>
      </c>
      <c r="Q40" s="287"/>
      <c r="R40" s="282">
        <v>0</v>
      </c>
      <c r="S40" s="282">
        <v>0</v>
      </c>
      <c r="T40" s="282">
        <v>40610</v>
      </c>
      <c r="U40" s="282">
        <v>32550</v>
      </c>
      <c r="V40" s="282">
        <v>37975</v>
      </c>
      <c r="W40" s="285">
        <v>111135</v>
      </c>
      <c r="X40" s="286">
        <v>111135</v>
      </c>
      <c r="Y40" s="281">
        <v>0</v>
      </c>
      <c r="Z40" s="282">
        <v>0</v>
      </c>
      <c r="AA40" s="283">
        <v>0</v>
      </c>
      <c r="AB40" s="287"/>
      <c r="AC40" s="282">
        <v>0</v>
      </c>
      <c r="AD40" s="282">
        <v>39360</v>
      </c>
      <c r="AE40" s="282">
        <v>35340</v>
      </c>
      <c r="AF40" s="282">
        <v>32705</v>
      </c>
      <c r="AG40" s="282">
        <v>24645</v>
      </c>
      <c r="AH40" s="285">
        <v>132050</v>
      </c>
      <c r="AI40" s="286">
        <v>132050</v>
      </c>
      <c r="AJ40" s="281">
        <v>0</v>
      </c>
      <c r="AK40" s="282">
        <v>0</v>
      </c>
      <c r="AL40" s="283">
        <v>0</v>
      </c>
      <c r="AM40" s="287"/>
      <c r="AN40" s="282">
        <v>0</v>
      </c>
      <c r="AO40" s="282">
        <v>0</v>
      </c>
      <c r="AP40" s="282">
        <v>0</v>
      </c>
      <c r="AQ40" s="282">
        <v>0</v>
      </c>
      <c r="AR40" s="282">
        <v>0</v>
      </c>
      <c r="AS40" s="285">
        <v>0</v>
      </c>
      <c r="AT40" s="286">
        <v>0</v>
      </c>
      <c r="AU40" s="281">
        <v>0</v>
      </c>
      <c r="AV40" s="282">
        <v>0</v>
      </c>
      <c r="AW40" s="283">
        <v>0</v>
      </c>
      <c r="AX40" s="287"/>
      <c r="AY40" s="282">
        <v>0</v>
      </c>
      <c r="AZ40" s="282">
        <v>0</v>
      </c>
      <c r="BA40" s="282">
        <v>0</v>
      </c>
      <c r="BB40" s="282">
        <v>0</v>
      </c>
      <c r="BC40" s="282">
        <v>0</v>
      </c>
      <c r="BD40" s="285">
        <v>0</v>
      </c>
      <c r="BE40" s="286">
        <v>0</v>
      </c>
      <c r="BF40" s="281">
        <v>0</v>
      </c>
      <c r="BG40" s="282">
        <v>0</v>
      </c>
      <c r="BH40" s="283">
        <v>0</v>
      </c>
      <c r="BI40" s="287"/>
      <c r="BJ40" s="282">
        <v>0</v>
      </c>
      <c r="BK40" s="282">
        <v>0</v>
      </c>
      <c r="BL40" s="282">
        <v>0</v>
      </c>
      <c r="BM40" s="282">
        <v>0</v>
      </c>
      <c r="BN40" s="282">
        <v>0</v>
      </c>
      <c r="BO40" s="285">
        <v>0</v>
      </c>
      <c r="BP40" s="286">
        <v>0</v>
      </c>
      <c r="BQ40" s="281">
        <v>0</v>
      </c>
      <c r="BR40" s="282">
        <v>0</v>
      </c>
      <c r="BS40" s="283">
        <v>0</v>
      </c>
      <c r="BT40" s="284">
        <v>0</v>
      </c>
      <c r="BU40" s="282">
        <v>0</v>
      </c>
      <c r="BV40" s="282">
        <v>0</v>
      </c>
      <c r="BW40" s="282">
        <v>5140</v>
      </c>
      <c r="BX40" s="282">
        <v>0</v>
      </c>
      <c r="BY40" s="282">
        <v>0</v>
      </c>
      <c r="BZ40" s="285">
        <v>5140</v>
      </c>
      <c r="CA40" s="286">
        <v>5140</v>
      </c>
      <c r="CB40" s="281">
        <v>0</v>
      </c>
      <c r="CC40" s="282">
        <v>0</v>
      </c>
      <c r="CD40" s="283">
        <v>0</v>
      </c>
      <c r="CE40" s="284">
        <v>0</v>
      </c>
      <c r="CF40" s="282">
        <v>0</v>
      </c>
      <c r="CG40" s="282">
        <v>0</v>
      </c>
      <c r="CH40" s="282">
        <v>0</v>
      </c>
      <c r="CI40" s="282">
        <v>0</v>
      </c>
      <c r="CJ40" s="282">
        <v>0</v>
      </c>
      <c r="CK40" s="285">
        <v>0</v>
      </c>
      <c r="CL40" s="286">
        <v>0</v>
      </c>
      <c r="CM40" s="281">
        <v>0</v>
      </c>
      <c r="CN40" s="282">
        <v>0</v>
      </c>
      <c r="CO40" s="283">
        <v>0</v>
      </c>
      <c r="CP40" s="284">
        <v>0</v>
      </c>
      <c r="CQ40" s="282">
        <v>0</v>
      </c>
      <c r="CR40" s="282">
        <v>0</v>
      </c>
      <c r="CS40" s="282">
        <v>0</v>
      </c>
      <c r="CT40" s="282">
        <v>0</v>
      </c>
      <c r="CU40" s="282">
        <v>0</v>
      </c>
      <c r="CV40" s="285">
        <v>0</v>
      </c>
      <c r="CW40" s="286">
        <v>0</v>
      </c>
      <c r="CX40" s="281">
        <v>0</v>
      </c>
      <c r="CY40" s="282">
        <v>0</v>
      </c>
      <c r="CZ40" s="283">
        <v>0</v>
      </c>
      <c r="DA40" s="287"/>
      <c r="DB40" s="282">
        <v>0</v>
      </c>
      <c r="DC40" s="282">
        <v>0</v>
      </c>
      <c r="DD40" s="282">
        <v>0</v>
      </c>
      <c r="DE40" s="282">
        <v>0</v>
      </c>
      <c r="DF40" s="282">
        <v>0</v>
      </c>
      <c r="DG40" s="285">
        <v>0</v>
      </c>
      <c r="DH40" s="286">
        <v>0</v>
      </c>
      <c r="DI40" s="281">
        <v>0</v>
      </c>
      <c r="DJ40" s="282">
        <v>0</v>
      </c>
      <c r="DK40" s="283">
        <v>0</v>
      </c>
      <c r="DL40" s="284">
        <v>0</v>
      </c>
      <c r="DM40" s="282">
        <v>0</v>
      </c>
      <c r="DN40" s="282">
        <v>315</v>
      </c>
      <c r="DO40" s="282">
        <v>80591</v>
      </c>
      <c r="DP40" s="282">
        <v>66898</v>
      </c>
      <c r="DQ40" s="282">
        <v>51863</v>
      </c>
      <c r="DR40" s="285">
        <v>199667</v>
      </c>
      <c r="DS40" s="288">
        <v>199667</v>
      </c>
      <c r="DT40" s="281">
        <v>0</v>
      </c>
      <c r="DU40" s="282">
        <v>0</v>
      </c>
      <c r="DV40" s="283">
        <v>0</v>
      </c>
      <c r="DW40" s="287"/>
      <c r="DX40" s="282">
        <v>0</v>
      </c>
      <c r="DY40" s="282">
        <v>0</v>
      </c>
      <c r="DZ40" s="282">
        <v>73222</v>
      </c>
      <c r="EA40" s="282">
        <v>66681</v>
      </c>
      <c r="EB40" s="282">
        <v>51646</v>
      </c>
      <c r="EC40" s="285">
        <v>191549</v>
      </c>
      <c r="ED40" s="286">
        <v>191549</v>
      </c>
      <c r="EE40" s="281">
        <v>0</v>
      </c>
      <c r="EF40" s="282">
        <v>0</v>
      </c>
      <c r="EG40" s="283">
        <v>0</v>
      </c>
      <c r="EH40" s="287"/>
      <c r="EI40" s="282">
        <v>0</v>
      </c>
      <c r="EJ40" s="282">
        <v>315</v>
      </c>
      <c r="EK40" s="282">
        <v>434</v>
      </c>
      <c r="EL40" s="282">
        <v>217</v>
      </c>
      <c r="EM40" s="282">
        <v>217</v>
      </c>
      <c r="EN40" s="285">
        <v>1183</v>
      </c>
      <c r="EO40" s="286">
        <v>1183</v>
      </c>
      <c r="EP40" s="281">
        <v>0</v>
      </c>
      <c r="EQ40" s="282">
        <v>0</v>
      </c>
      <c r="ER40" s="283">
        <v>0</v>
      </c>
      <c r="ES40" s="287"/>
      <c r="ET40" s="282">
        <v>0</v>
      </c>
      <c r="EU40" s="282">
        <v>0</v>
      </c>
      <c r="EV40" s="282">
        <v>0</v>
      </c>
      <c r="EW40" s="282">
        <v>0</v>
      </c>
      <c r="EX40" s="282">
        <v>0</v>
      </c>
      <c r="EY40" s="285">
        <v>0</v>
      </c>
      <c r="EZ40" s="286">
        <v>0</v>
      </c>
      <c r="FA40" s="281">
        <v>0</v>
      </c>
      <c r="FB40" s="282">
        <v>0</v>
      </c>
      <c r="FC40" s="283">
        <v>0</v>
      </c>
      <c r="FD40" s="287"/>
      <c r="FE40" s="282">
        <v>0</v>
      </c>
      <c r="FF40" s="282">
        <v>0</v>
      </c>
      <c r="FG40" s="282">
        <v>0</v>
      </c>
      <c r="FH40" s="282">
        <v>0</v>
      </c>
      <c r="FI40" s="282">
        <v>0</v>
      </c>
      <c r="FJ40" s="285">
        <v>0</v>
      </c>
      <c r="FK40" s="286">
        <v>0</v>
      </c>
      <c r="FL40" s="281">
        <v>0</v>
      </c>
      <c r="FM40" s="282">
        <v>0</v>
      </c>
      <c r="FN40" s="283">
        <v>0</v>
      </c>
      <c r="FO40" s="287"/>
      <c r="FP40" s="282">
        <v>0</v>
      </c>
      <c r="FQ40" s="282">
        <v>0</v>
      </c>
      <c r="FR40" s="282">
        <v>0</v>
      </c>
      <c r="FS40" s="282">
        <v>0</v>
      </c>
      <c r="FT40" s="282">
        <v>0</v>
      </c>
      <c r="FU40" s="285">
        <v>0</v>
      </c>
      <c r="FV40" s="286">
        <v>0</v>
      </c>
      <c r="FW40" s="281">
        <v>0</v>
      </c>
      <c r="FX40" s="282">
        <v>0</v>
      </c>
      <c r="FY40" s="283">
        <v>0</v>
      </c>
      <c r="FZ40" s="284">
        <v>0</v>
      </c>
      <c r="GA40" s="282">
        <v>0</v>
      </c>
      <c r="GB40" s="282">
        <v>0</v>
      </c>
      <c r="GC40" s="282">
        <v>6935</v>
      </c>
      <c r="GD40" s="282">
        <v>0</v>
      </c>
      <c r="GE40" s="282">
        <v>0</v>
      </c>
      <c r="GF40" s="285">
        <v>6935</v>
      </c>
      <c r="GG40" s="286">
        <v>6935</v>
      </c>
      <c r="GH40" s="281">
        <v>0</v>
      </c>
      <c r="GI40" s="282">
        <v>0</v>
      </c>
      <c r="GJ40" s="283">
        <v>0</v>
      </c>
      <c r="GK40" s="284">
        <v>0</v>
      </c>
      <c r="GL40" s="282">
        <v>0</v>
      </c>
      <c r="GM40" s="282">
        <v>0</v>
      </c>
      <c r="GN40" s="282">
        <v>0</v>
      </c>
      <c r="GO40" s="282">
        <v>0</v>
      </c>
      <c r="GP40" s="282">
        <v>0</v>
      </c>
      <c r="GQ40" s="285">
        <v>0</v>
      </c>
      <c r="GR40" s="286">
        <v>0</v>
      </c>
      <c r="GS40" s="281">
        <v>0</v>
      </c>
      <c r="GT40" s="282">
        <v>0</v>
      </c>
      <c r="GU40" s="283">
        <v>0</v>
      </c>
      <c r="GV40" s="284">
        <v>0</v>
      </c>
      <c r="GW40" s="282">
        <v>0</v>
      </c>
      <c r="GX40" s="282">
        <v>0</v>
      </c>
      <c r="GY40" s="282">
        <v>0</v>
      </c>
      <c r="GZ40" s="282">
        <v>0</v>
      </c>
      <c r="HA40" s="282">
        <v>0</v>
      </c>
      <c r="HB40" s="285">
        <v>0</v>
      </c>
      <c r="HC40" s="286">
        <v>0</v>
      </c>
      <c r="HD40" s="281">
        <v>0</v>
      </c>
      <c r="HE40" s="282">
        <v>0</v>
      </c>
      <c r="HF40" s="283">
        <v>0</v>
      </c>
      <c r="HG40" s="287"/>
      <c r="HH40" s="282">
        <v>0</v>
      </c>
      <c r="HI40" s="282">
        <v>0</v>
      </c>
      <c r="HJ40" s="282">
        <v>0</v>
      </c>
      <c r="HK40" s="282">
        <v>0</v>
      </c>
      <c r="HL40" s="282">
        <v>0</v>
      </c>
      <c r="HM40" s="285">
        <v>0</v>
      </c>
      <c r="HN40" s="286">
        <v>0</v>
      </c>
      <c r="HO40" s="281">
        <v>0</v>
      </c>
      <c r="HP40" s="282">
        <v>0</v>
      </c>
      <c r="HQ40" s="283">
        <v>0</v>
      </c>
      <c r="HR40" s="284">
        <v>0</v>
      </c>
      <c r="HS40" s="282">
        <v>0</v>
      </c>
      <c r="HT40" s="282">
        <v>39675</v>
      </c>
      <c r="HU40" s="282">
        <v>161681</v>
      </c>
      <c r="HV40" s="282">
        <v>132153</v>
      </c>
      <c r="HW40" s="282">
        <v>114483</v>
      </c>
      <c r="HX40" s="285">
        <v>447992</v>
      </c>
      <c r="HY40" s="286">
        <v>447992</v>
      </c>
    </row>
    <row r="41" spans="2:233" x14ac:dyDescent="0.2">
      <c r="B41" s="1" t="s">
        <v>84</v>
      </c>
    </row>
  </sheetData>
  <mergeCells count="88">
    <mergeCell ref="FK5:FK6"/>
    <mergeCell ref="HC5:HC6"/>
    <mergeCell ref="HO5:HQ5"/>
    <mergeCell ref="HR5:HX5"/>
    <mergeCell ref="HY5:HY6"/>
    <mergeCell ref="GG5:GG6"/>
    <mergeCell ref="GH5:GJ5"/>
    <mergeCell ref="GK5:GQ5"/>
    <mergeCell ref="GR5:GR6"/>
    <mergeCell ref="GS5:GU5"/>
    <mergeCell ref="GV5:HB5"/>
    <mergeCell ref="HD5:HF5"/>
    <mergeCell ref="HG5:HM5"/>
    <mergeCell ref="HN5:HN6"/>
    <mergeCell ref="DA5:DG5"/>
    <mergeCell ref="DH5:DH6"/>
    <mergeCell ref="FZ5:GF5"/>
    <mergeCell ref="ED5:ED6"/>
    <mergeCell ref="EE5:EG5"/>
    <mergeCell ref="EH5:EN5"/>
    <mergeCell ref="EO5:EO6"/>
    <mergeCell ref="EP5:ER5"/>
    <mergeCell ref="ES5:EY5"/>
    <mergeCell ref="EZ5:EZ6"/>
    <mergeCell ref="FL5:FN5"/>
    <mergeCell ref="FO5:FU5"/>
    <mergeCell ref="FV5:FV6"/>
    <mergeCell ref="FW5:FY5"/>
    <mergeCell ref="FA5:FC5"/>
    <mergeCell ref="FD5:FJ5"/>
    <mergeCell ref="AU5:AW5"/>
    <mergeCell ref="AX5:BD5"/>
    <mergeCell ref="BE5:BE6"/>
    <mergeCell ref="DW5:EC5"/>
    <mergeCell ref="CA5:CA6"/>
    <mergeCell ref="CB5:CD5"/>
    <mergeCell ref="CE5:CK5"/>
    <mergeCell ref="CL5:CL6"/>
    <mergeCell ref="CM5:CO5"/>
    <mergeCell ref="CP5:CV5"/>
    <mergeCell ref="CW5:CW6"/>
    <mergeCell ref="DI5:DK5"/>
    <mergeCell ref="DL5:DR5"/>
    <mergeCell ref="DS5:DS6"/>
    <mergeCell ref="DT5:DV5"/>
    <mergeCell ref="CX5:CZ5"/>
    <mergeCell ref="B3:B6"/>
    <mergeCell ref="BQ4:CA4"/>
    <mergeCell ref="CB4:CL4"/>
    <mergeCell ref="CM4:CW4"/>
    <mergeCell ref="BT5:BZ5"/>
    <mergeCell ref="X5:X6"/>
    <mergeCell ref="Y5:AA5"/>
    <mergeCell ref="AB5:AH5"/>
    <mergeCell ref="AI5:AI6"/>
    <mergeCell ref="AJ5:AL5"/>
    <mergeCell ref="AM5:AS5"/>
    <mergeCell ref="AT5:AT6"/>
    <mergeCell ref="BF5:BH5"/>
    <mergeCell ref="BI5:BO5"/>
    <mergeCell ref="BP5:BP6"/>
    <mergeCell ref="BQ5:BS5"/>
    <mergeCell ref="C5:E5"/>
    <mergeCell ref="F5:L5"/>
    <mergeCell ref="M5:M6"/>
    <mergeCell ref="N5:P5"/>
    <mergeCell ref="Q5:W5"/>
    <mergeCell ref="HO3:HY4"/>
    <mergeCell ref="EE4:EO4"/>
    <mergeCell ref="FW4:GG4"/>
    <mergeCell ref="GH4:GR4"/>
    <mergeCell ref="GS4:HC4"/>
    <mergeCell ref="FA4:FK4"/>
    <mergeCell ref="G1:H1"/>
    <mergeCell ref="HD4:HN4"/>
    <mergeCell ref="DI3:HN3"/>
    <mergeCell ref="EP4:EZ4"/>
    <mergeCell ref="FL4:FV4"/>
    <mergeCell ref="CX4:DH4"/>
    <mergeCell ref="C3:DH3"/>
    <mergeCell ref="DI4:DS4"/>
    <mergeCell ref="DT4:ED4"/>
    <mergeCell ref="C4:M4"/>
    <mergeCell ref="N4:X4"/>
    <mergeCell ref="Y4:AI4"/>
    <mergeCell ref="AJ4:AT4"/>
    <mergeCell ref="BF4:BP4"/>
    <mergeCell ref="AU4:BE4"/>
  </mergeCells>
  <phoneticPr fontId="4"/>
  <pageMargins left="0.59055118110236227" right="0.39370078740157483" top="0.74803149606299213" bottom="0.74803149606299213" header="0.31496062992125984" footer="0.31496062992125984"/>
  <pageSetup paperSize="9" scale="40" orientation="landscape" r:id="rId1"/>
  <headerFooter>
    <oddFooter>&amp;L&amp;20&amp;A&amp;C&amp;P/&amp;N</oddFooter>
  </headerFooter>
  <colBreaks count="6" manualBreakCount="6">
    <brk id="35" max="1048575" man="1"/>
    <brk id="68" max="1048575" man="1"/>
    <brk id="102" max="1048575" man="1"/>
    <brk id="134" max="1048575" man="1"/>
    <brk id="167" max="1048575" man="1"/>
    <brk id="200" max="1048575" man="1"/>
  </col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39" customWidth="1"/>
    <col min="2" max="2" width="9.77734375" style="39" customWidth="1"/>
    <col min="3" max="11" width="7.88671875" style="38" customWidth="1"/>
    <col min="12" max="13" width="8.77734375" style="38" customWidth="1"/>
    <col min="14" max="33" width="7.88671875" style="38" customWidth="1"/>
    <col min="34" max="34" width="9.109375" style="38" customWidth="1"/>
    <col min="35" max="35" width="8.44140625" style="38" customWidth="1"/>
    <col min="36" max="55" width="7.88671875" style="38" customWidth="1"/>
    <col min="56" max="56" width="9.109375" style="38" customWidth="1"/>
    <col min="57" max="57" width="8.44140625" style="38" customWidth="1"/>
    <col min="58" max="77" width="7.88671875" style="38" customWidth="1"/>
    <col min="78" max="78" width="9.109375" style="38" customWidth="1"/>
    <col min="79" max="79" width="8.44140625" style="38" customWidth="1"/>
    <col min="80" max="86" width="7.88671875" style="38" customWidth="1"/>
    <col min="87" max="93" width="9" style="38"/>
    <col min="94" max="94" width="8.44140625" style="38" customWidth="1"/>
    <col min="95" max="102" width="9" style="38"/>
    <col min="103" max="104" width="9" style="39"/>
    <col min="105" max="105" width="7.77734375" style="39" customWidth="1"/>
    <col min="106" max="115" width="9" style="39"/>
    <col min="116" max="116" width="7.77734375" style="39" customWidth="1"/>
    <col min="117" max="126" width="9" style="39"/>
    <col min="127" max="127" width="7.77734375" style="39" customWidth="1"/>
    <col min="128" max="137" width="9" style="39"/>
    <col min="138" max="138" width="8" style="39" customWidth="1"/>
    <col min="139" max="148" width="9" style="39"/>
    <col min="149" max="149" width="7.77734375" style="39" customWidth="1"/>
    <col min="150" max="159" width="9" style="39"/>
    <col min="160" max="160" width="7.44140625" style="39" customWidth="1"/>
    <col min="161" max="170" width="9" style="39"/>
    <col min="171" max="171" width="7.88671875" style="39" customWidth="1"/>
    <col min="172" max="181" width="9" style="39"/>
    <col min="182" max="182" width="7.21875" style="39" customWidth="1"/>
    <col min="183" max="192" width="9" style="39"/>
    <col min="193" max="193" width="8" style="39" customWidth="1"/>
    <col min="194" max="203" width="9" style="39"/>
    <col min="204" max="204" width="7.88671875" style="39" customWidth="1"/>
    <col min="205" max="214" width="9" style="39"/>
    <col min="215" max="215" width="7.88671875" style="39" customWidth="1"/>
    <col min="216" max="225" width="9" style="39"/>
    <col min="226" max="226" width="7.33203125" style="39" customWidth="1"/>
    <col min="227" max="236" width="9" style="39"/>
    <col min="237" max="237" width="7.6640625" style="39" customWidth="1"/>
    <col min="238" max="247" width="9" style="39"/>
    <col min="248" max="248" width="8" style="39" customWidth="1"/>
    <col min="249" max="258" width="9" style="39"/>
    <col min="259" max="259" width="8" style="39" customWidth="1"/>
    <col min="260" max="269" width="9" style="39"/>
    <col min="270" max="270" width="8" style="39" customWidth="1"/>
    <col min="271" max="280" width="9" style="39"/>
    <col min="281" max="281" width="8" style="39" customWidth="1"/>
    <col min="282" max="291" width="9" style="39"/>
    <col min="292" max="292" width="8.109375" style="39" customWidth="1"/>
    <col min="293" max="16384" width="9" style="39"/>
  </cols>
  <sheetData>
    <row r="1" spans="2:299" ht="24" customHeight="1" x14ac:dyDescent="0.2">
      <c r="B1" s="10" t="s">
        <v>120</v>
      </c>
      <c r="F1" s="500">
        <f>第１表!F2</f>
        <v>5</v>
      </c>
      <c r="G1" s="500"/>
      <c r="H1" s="235">
        <f>第１表!G2</f>
        <v>12</v>
      </c>
      <c r="I1" s="482">
        <f>H1</f>
        <v>12</v>
      </c>
      <c r="J1" s="482"/>
    </row>
    <row r="2" spans="2:299" ht="24" customHeight="1" thickBot="1" x14ac:dyDescent="0.25">
      <c r="B2" s="15" t="s">
        <v>130</v>
      </c>
    </row>
    <row r="3" spans="2:299" ht="21" customHeight="1" thickBot="1" x14ac:dyDescent="0.25">
      <c r="B3" s="483" t="s">
        <v>38</v>
      </c>
      <c r="C3" s="495" t="s">
        <v>96</v>
      </c>
      <c r="D3" s="495"/>
      <c r="E3" s="495"/>
      <c r="F3" s="495"/>
      <c r="G3" s="495"/>
      <c r="H3" s="495"/>
      <c r="I3" s="495"/>
      <c r="J3" s="495"/>
      <c r="K3" s="495"/>
      <c r="L3" s="495"/>
      <c r="M3" s="495"/>
      <c r="N3" s="495"/>
      <c r="O3" s="495"/>
      <c r="P3" s="495"/>
      <c r="Q3" s="495"/>
      <c r="R3" s="495"/>
      <c r="S3" s="495"/>
      <c r="T3" s="495"/>
      <c r="U3" s="495"/>
      <c r="V3" s="495"/>
      <c r="W3" s="495"/>
      <c r="X3" s="495"/>
      <c r="Y3" s="495"/>
      <c r="Z3" s="495"/>
      <c r="AA3" s="495"/>
      <c r="AB3" s="495"/>
      <c r="AC3" s="495"/>
      <c r="AD3" s="495"/>
      <c r="AE3" s="495"/>
      <c r="AF3" s="495"/>
      <c r="AG3" s="495"/>
      <c r="AH3" s="495"/>
      <c r="AI3" s="495"/>
      <c r="AJ3" s="495"/>
      <c r="AK3" s="495"/>
      <c r="AL3" s="495"/>
      <c r="AM3" s="495"/>
      <c r="AN3" s="495"/>
      <c r="AO3" s="495"/>
      <c r="AP3" s="495"/>
      <c r="AQ3" s="495"/>
      <c r="AR3" s="495"/>
      <c r="AS3" s="495"/>
      <c r="AT3" s="495"/>
      <c r="AU3" s="495"/>
      <c r="AV3" s="495"/>
      <c r="AW3" s="495"/>
      <c r="AX3" s="495"/>
      <c r="AY3" s="495"/>
      <c r="AZ3" s="495"/>
      <c r="BA3" s="495"/>
      <c r="BB3" s="495"/>
      <c r="BC3" s="495"/>
      <c r="BD3" s="495"/>
      <c r="BE3" s="495"/>
      <c r="BF3" s="495"/>
      <c r="BG3" s="495"/>
      <c r="BH3" s="495"/>
      <c r="BI3" s="495"/>
      <c r="BJ3" s="495"/>
      <c r="BK3" s="495"/>
      <c r="BL3" s="495"/>
      <c r="BM3" s="495"/>
      <c r="BN3" s="495"/>
      <c r="BO3" s="495"/>
      <c r="BP3" s="495"/>
      <c r="BQ3" s="495"/>
      <c r="BR3" s="495"/>
      <c r="BS3" s="495"/>
      <c r="BT3" s="495"/>
      <c r="BU3" s="495"/>
      <c r="BV3" s="495"/>
      <c r="BW3" s="495"/>
      <c r="BX3" s="495"/>
      <c r="BY3" s="495"/>
      <c r="BZ3" s="495"/>
      <c r="CA3" s="495"/>
      <c r="CB3" s="495"/>
      <c r="CC3" s="495"/>
      <c r="CD3" s="495"/>
      <c r="CE3" s="495"/>
      <c r="CF3" s="495"/>
      <c r="CG3" s="495"/>
      <c r="CH3" s="495"/>
      <c r="CI3" s="495"/>
      <c r="CJ3" s="495"/>
      <c r="CK3" s="495"/>
      <c r="CL3" s="495"/>
      <c r="CM3" s="495"/>
      <c r="CN3" s="495"/>
      <c r="CO3" s="495"/>
      <c r="CP3" s="495"/>
      <c r="CQ3" s="495"/>
      <c r="CR3" s="495"/>
      <c r="CS3" s="495"/>
      <c r="CT3" s="495"/>
      <c r="CU3" s="495"/>
      <c r="CV3" s="495"/>
      <c r="CW3" s="496"/>
      <c r="CX3" s="495" t="s">
        <v>103</v>
      </c>
      <c r="CY3" s="495"/>
      <c r="CZ3" s="495"/>
      <c r="DA3" s="495"/>
      <c r="DB3" s="495"/>
      <c r="DC3" s="495"/>
      <c r="DD3" s="495"/>
      <c r="DE3" s="495"/>
      <c r="DF3" s="495"/>
      <c r="DG3" s="495"/>
      <c r="DH3" s="495"/>
      <c r="DI3" s="495"/>
      <c r="DJ3" s="495"/>
      <c r="DK3" s="495"/>
      <c r="DL3" s="495"/>
      <c r="DM3" s="495"/>
      <c r="DN3" s="495"/>
      <c r="DO3" s="495"/>
      <c r="DP3" s="495"/>
      <c r="DQ3" s="495"/>
      <c r="DR3" s="495"/>
      <c r="DS3" s="495"/>
      <c r="DT3" s="495"/>
      <c r="DU3" s="495"/>
      <c r="DV3" s="495"/>
      <c r="DW3" s="495"/>
      <c r="DX3" s="495"/>
      <c r="DY3" s="495"/>
      <c r="DZ3" s="495"/>
      <c r="EA3" s="495"/>
      <c r="EB3" s="495"/>
      <c r="EC3" s="495"/>
      <c r="ED3" s="495"/>
      <c r="EE3" s="495"/>
      <c r="EF3" s="495"/>
      <c r="EG3" s="495"/>
      <c r="EH3" s="495"/>
      <c r="EI3" s="495"/>
      <c r="EJ3" s="495"/>
      <c r="EK3" s="495"/>
      <c r="EL3" s="495"/>
      <c r="EM3" s="495"/>
      <c r="EN3" s="495"/>
      <c r="EO3" s="495"/>
      <c r="EP3" s="495"/>
      <c r="EQ3" s="495"/>
      <c r="ER3" s="495"/>
      <c r="ES3" s="495"/>
      <c r="ET3" s="495"/>
      <c r="EU3" s="495"/>
      <c r="EV3" s="495"/>
      <c r="EW3" s="495"/>
      <c r="EX3" s="495"/>
      <c r="EY3" s="495"/>
      <c r="EZ3" s="495"/>
      <c r="FA3" s="495"/>
      <c r="FB3" s="495"/>
      <c r="FC3" s="495"/>
      <c r="FD3" s="495"/>
      <c r="FE3" s="495"/>
      <c r="FF3" s="495"/>
      <c r="FG3" s="495"/>
      <c r="FH3" s="495"/>
      <c r="FI3" s="495"/>
      <c r="FJ3" s="495"/>
      <c r="FK3" s="495"/>
      <c r="FL3" s="495"/>
      <c r="FM3" s="495"/>
      <c r="FN3" s="495"/>
      <c r="FO3" s="495"/>
      <c r="FP3" s="495"/>
      <c r="FQ3" s="495"/>
      <c r="FR3" s="495"/>
      <c r="FS3" s="495"/>
      <c r="FT3" s="495"/>
      <c r="FU3" s="495"/>
      <c r="FV3" s="495"/>
      <c r="FW3" s="495"/>
      <c r="FX3" s="495"/>
      <c r="FY3" s="495"/>
      <c r="FZ3" s="495"/>
      <c r="GA3" s="495"/>
      <c r="GB3" s="495"/>
      <c r="GC3" s="495"/>
      <c r="GD3" s="495"/>
      <c r="GE3" s="495"/>
      <c r="GF3" s="495"/>
      <c r="GG3" s="495"/>
      <c r="GH3" s="495"/>
      <c r="GI3" s="495"/>
      <c r="GJ3" s="495"/>
      <c r="GK3" s="495"/>
      <c r="GL3" s="495"/>
      <c r="GM3" s="495"/>
      <c r="GN3" s="495"/>
      <c r="GO3" s="495"/>
      <c r="GP3" s="495"/>
      <c r="GQ3" s="495"/>
      <c r="GR3" s="496"/>
      <c r="GS3" s="495" t="s">
        <v>104</v>
      </c>
      <c r="GT3" s="495"/>
      <c r="GU3" s="495"/>
      <c r="GV3" s="495"/>
      <c r="GW3" s="495"/>
      <c r="GX3" s="495"/>
      <c r="GY3" s="495"/>
      <c r="GZ3" s="495"/>
      <c r="HA3" s="495"/>
      <c r="HB3" s="495"/>
      <c r="HC3" s="495"/>
      <c r="HD3" s="495"/>
      <c r="HE3" s="495"/>
      <c r="HF3" s="495"/>
      <c r="HG3" s="495"/>
      <c r="HH3" s="495"/>
      <c r="HI3" s="495"/>
      <c r="HJ3" s="495"/>
      <c r="HK3" s="495"/>
      <c r="HL3" s="495"/>
      <c r="HM3" s="495"/>
      <c r="HN3" s="495"/>
      <c r="HO3" s="495"/>
      <c r="HP3" s="495"/>
      <c r="HQ3" s="495"/>
      <c r="HR3" s="495"/>
      <c r="HS3" s="495"/>
      <c r="HT3" s="495"/>
      <c r="HU3" s="495"/>
      <c r="HV3" s="495"/>
      <c r="HW3" s="495"/>
      <c r="HX3" s="495"/>
      <c r="HY3" s="495"/>
      <c r="HZ3" s="495"/>
      <c r="IA3" s="495"/>
      <c r="IB3" s="495"/>
      <c r="IC3" s="495"/>
      <c r="ID3" s="495"/>
      <c r="IE3" s="495"/>
      <c r="IF3" s="495"/>
      <c r="IG3" s="495"/>
      <c r="IH3" s="495"/>
      <c r="II3" s="495"/>
      <c r="IJ3" s="495"/>
      <c r="IK3" s="495"/>
      <c r="IL3" s="495"/>
      <c r="IM3" s="495"/>
      <c r="IN3" s="495"/>
      <c r="IO3" s="495"/>
      <c r="IP3" s="495"/>
      <c r="IQ3" s="495"/>
      <c r="IR3" s="495"/>
      <c r="IS3" s="495"/>
      <c r="IT3" s="495"/>
      <c r="IU3" s="495"/>
      <c r="IV3" s="495"/>
      <c r="IW3" s="495"/>
      <c r="IX3" s="495"/>
      <c r="IY3" s="495"/>
      <c r="IZ3" s="495"/>
      <c r="JA3" s="495"/>
      <c r="JB3" s="495"/>
      <c r="JC3" s="495"/>
      <c r="JD3" s="495"/>
      <c r="JE3" s="495"/>
      <c r="JF3" s="495"/>
      <c r="JG3" s="495"/>
      <c r="JH3" s="495"/>
      <c r="JI3" s="495"/>
      <c r="JJ3" s="495"/>
      <c r="JK3" s="495"/>
      <c r="JL3" s="495"/>
      <c r="JM3" s="495"/>
      <c r="JN3" s="495"/>
      <c r="JO3" s="495"/>
      <c r="JP3" s="495"/>
      <c r="JQ3" s="495"/>
      <c r="JR3" s="495"/>
      <c r="JS3" s="495"/>
      <c r="JT3" s="495"/>
      <c r="JU3" s="495"/>
      <c r="JV3" s="495"/>
      <c r="JW3" s="495"/>
      <c r="JX3" s="495"/>
      <c r="JY3" s="495"/>
      <c r="JZ3" s="495"/>
      <c r="KA3" s="495"/>
      <c r="KB3" s="495"/>
      <c r="KC3" s="495"/>
      <c r="KD3" s="495"/>
      <c r="KE3" s="495"/>
      <c r="KF3" s="495"/>
      <c r="KG3" s="495"/>
      <c r="KH3" s="495"/>
      <c r="KI3" s="495"/>
      <c r="KJ3" s="495"/>
      <c r="KK3" s="495"/>
      <c r="KL3" s="495"/>
      <c r="KM3" s="496"/>
    </row>
    <row r="4" spans="2:299" ht="21" customHeight="1" thickBot="1" x14ac:dyDescent="0.25">
      <c r="B4" s="501"/>
      <c r="C4" s="497" t="s">
        <v>39</v>
      </c>
      <c r="D4" s="498"/>
      <c r="E4" s="498"/>
      <c r="F4" s="498"/>
      <c r="G4" s="498"/>
      <c r="H4" s="498"/>
      <c r="I4" s="498"/>
      <c r="J4" s="498"/>
      <c r="K4" s="498"/>
      <c r="L4" s="498"/>
      <c r="M4" s="498"/>
      <c r="N4" s="498"/>
      <c r="O4" s="498"/>
      <c r="P4" s="498"/>
      <c r="Q4" s="498"/>
      <c r="R4" s="498"/>
      <c r="S4" s="498"/>
      <c r="T4" s="498"/>
      <c r="U4" s="498"/>
      <c r="V4" s="498"/>
      <c r="W4" s="498"/>
      <c r="X4" s="498"/>
      <c r="Y4" s="498"/>
      <c r="Z4" s="498"/>
      <c r="AA4" s="498"/>
      <c r="AB4" s="498"/>
      <c r="AC4" s="498"/>
      <c r="AD4" s="498"/>
      <c r="AE4" s="498"/>
      <c r="AF4" s="498"/>
      <c r="AG4" s="498"/>
      <c r="AH4" s="498"/>
      <c r="AI4" s="498"/>
      <c r="AJ4" s="498"/>
      <c r="AK4" s="498"/>
      <c r="AL4" s="498"/>
      <c r="AM4" s="498"/>
      <c r="AN4" s="498"/>
      <c r="AO4" s="498"/>
      <c r="AP4" s="498"/>
      <c r="AQ4" s="498"/>
      <c r="AR4" s="498"/>
      <c r="AS4" s="498"/>
      <c r="AT4" s="498"/>
      <c r="AU4" s="498"/>
      <c r="AV4" s="498"/>
      <c r="AW4" s="498"/>
      <c r="AX4" s="498"/>
      <c r="AY4" s="498"/>
      <c r="AZ4" s="498"/>
      <c r="BA4" s="498"/>
      <c r="BB4" s="498"/>
      <c r="BC4" s="498"/>
      <c r="BD4" s="498"/>
      <c r="BE4" s="498"/>
      <c r="BF4" s="498"/>
      <c r="BG4" s="498"/>
      <c r="BH4" s="498"/>
      <c r="BI4" s="498"/>
      <c r="BJ4" s="498"/>
      <c r="BK4" s="498"/>
      <c r="BL4" s="498"/>
      <c r="BM4" s="498"/>
      <c r="BN4" s="498"/>
      <c r="BO4" s="498"/>
      <c r="BP4" s="498"/>
      <c r="BQ4" s="498"/>
      <c r="BR4" s="498"/>
      <c r="BS4" s="498"/>
      <c r="BT4" s="498"/>
      <c r="BU4" s="498"/>
      <c r="BV4" s="498"/>
      <c r="BW4" s="498"/>
      <c r="BX4" s="498"/>
      <c r="BY4" s="498"/>
      <c r="BZ4" s="498"/>
      <c r="CA4" s="499"/>
      <c r="CB4" s="483" t="s">
        <v>40</v>
      </c>
      <c r="CC4" s="484"/>
      <c r="CD4" s="484"/>
      <c r="CE4" s="484"/>
      <c r="CF4" s="484"/>
      <c r="CG4" s="484"/>
      <c r="CH4" s="484"/>
      <c r="CI4" s="484"/>
      <c r="CJ4" s="484"/>
      <c r="CK4" s="484"/>
      <c r="CL4" s="485"/>
      <c r="CM4" s="483" t="s">
        <v>41</v>
      </c>
      <c r="CN4" s="484"/>
      <c r="CO4" s="484"/>
      <c r="CP4" s="484"/>
      <c r="CQ4" s="484"/>
      <c r="CR4" s="484"/>
      <c r="CS4" s="484"/>
      <c r="CT4" s="484"/>
      <c r="CU4" s="484"/>
      <c r="CV4" s="484"/>
      <c r="CW4" s="485"/>
      <c r="CX4" s="497" t="s">
        <v>39</v>
      </c>
      <c r="CY4" s="498"/>
      <c r="CZ4" s="498"/>
      <c r="DA4" s="498"/>
      <c r="DB4" s="498"/>
      <c r="DC4" s="498"/>
      <c r="DD4" s="498"/>
      <c r="DE4" s="498"/>
      <c r="DF4" s="498"/>
      <c r="DG4" s="498"/>
      <c r="DH4" s="498"/>
      <c r="DI4" s="498"/>
      <c r="DJ4" s="498"/>
      <c r="DK4" s="498"/>
      <c r="DL4" s="498"/>
      <c r="DM4" s="498"/>
      <c r="DN4" s="498"/>
      <c r="DO4" s="498"/>
      <c r="DP4" s="498"/>
      <c r="DQ4" s="498"/>
      <c r="DR4" s="498"/>
      <c r="DS4" s="498"/>
      <c r="DT4" s="498"/>
      <c r="DU4" s="498"/>
      <c r="DV4" s="498"/>
      <c r="DW4" s="498"/>
      <c r="DX4" s="498"/>
      <c r="DY4" s="498"/>
      <c r="DZ4" s="498"/>
      <c r="EA4" s="498"/>
      <c r="EB4" s="498"/>
      <c r="EC4" s="498"/>
      <c r="ED4" s="498"/>
      <c r="EE4" s="498"/>
      <c r="EF4" s="498"/>
      <c r="EG4" s="498"/>
      <c r="EH4" s="498"/>
      <c r="EI4" s="498"/>
      <c r="EJ4" s="498"/>
      <c r="EK4" s="498"/>
      <c r="EL4" s="498"/>
      <c r="EM4" s="498"/>
      <c r="EN4" s="498"/>
      <c r="EO4" s="498"/>
      <c r="EP4" s="498"/>
      <c r="EQ4" s="498"/>
      <c r="ER4" s="498"/>
      <c r="ES4" s="498"/>
      <c r="ET4" s="498"/>
      <c r="EU4" s="498"/>
      <c r="EV4" s="498"/>
      <c r="EW4" s="498"/>
      <c r="EX4" s="498"/>
      <c r="EY4" s="498"/>
      <c r="EZ4" s="498"/>
      <c r="FA4" s="498"/>
      <c r="FB4" s="498"/>
      <c r="FC4" s="498"/>
      <c r="FD4" s="498"/>
      <c r="FE4" s="498"/>
      <c r="FF4" s="498"/>
      <c r="FG4" s="498"/>
      <c r="FH4" s="498"/>
      <c r="FI4" s="498"/>
      <c r="FJ4" s="498"/>
      <c r="FK4" s="498"/>
      <c r="FL4" s="498"/>
      <c r="FM4" s="498"/>
      <c r="FN4" s="498"/>
      <c r="FO4" s="498"/>
      <c r="FP4" s="498"/>
      <c r="FQ4" s="498"/>
      <c r="FR4" s="498"/>
      <c r="FS4" s="498"/>
      <c r="FT4" s="498"/>
      <c r="FU4" s="498"/>
      <c r="FV4" s="499"/>
      <c r="FW4" s="483" t="s">
        <v>40</v>
      </c>
      <c r="FX4" s="484"/>
      <c r="FY4" s="484"/>
      <c r="FZ4" s="484"/>
      <c r="GA4" s="484"/>
      <c r="GB4" s="484"/>
      <c r="GC4" s="484"/>
      <c r="GD4" s="484"/>
      <c r="GE4" s="484"/>
      <c r="GF4" s="484"/>
      <c r="GG4" s="485"/>
      <c r="GH4" s="483" t="s">
        <v>41</v>
      </c>
      <c r="GI4" s="484"/>
      <c r="GJ4" s="484"/>
      <c r="GK4" s="484"/>
      <c r="GL4" s="484"/>
      <c r="GM4" s="484"/>
      <c r="GN4" s="484"/>
      <c r="GO4" s="484"/>
      <c r="GP4" s="484"/>
      <c r="GQ4" s="484"/>
      <c r="GR4" s="485"/>
      <c r="GS4" s="497" t="s">
        <v>39</v>
      </c>
      <c r="GT4" s="498"/>
      <c r="GU4" s="498"/>
      <c r="GV4" s="498"/>
      <c r="GW4" s="498"/>
      <c r="GX4" s="498"/>
      <c r="GY4" s="498"/>
      <c r="GZ4" s="498"/>
      <c r="HA4" s="498"/>
      <c r="HB4" s="498"/>
      <c r="HC4" s="498"/>
      <c r="HD4" s="498"/>
      <c r="HE4" s="498"/>
      <c r="HF4" s="498"/>
      <c r="HG4" s="498"/>
      <c r="HH4" s="498"/>
      <c r="HI4" s="498"/>
      <c r="HJ4" s="498"/>
      <c r="HK4" s="498"/>
      <c r="HL4" s="498"/>
      <c r="HM4" s="498"/>
      <c r="HN4" s="498"/>
      <c r="HO4" s="498"/>
      <c r="HP4" s="498"/>
      <c r="HQ4" s="498"/>
      <c r="HR4" s="498"/>
      <c r="HS4" s="498"/>
      <c r="HT4" s="498"/>
      <c r="HU4" s="498"/>
      <c r="HV4" s="498"/>
      <c r="HW4" s="498"/>
      <c r="HX4" s="498"/>
      <c r="HY4" s="498"/>
      <c r="HZ4" s="498"/>
      <c r="IA4" s="498"/>
      <c r="IB4" s="498"/>
      <c r="IC4" s="498"/>
      <c r="ID4" s="498"/>
      <c r="IE4" s="498"/>
      <c r="IF4" s="498"/>
      <c r="IG4" s="498"/>
      <c r="IH4" s="498"/>
      <c r="II4" s="498"/>
      <c r="IJ4" s="498"/>
      <c r="IK4" s="498"/>
      <c r="IL4" s="498"/>
      <c r="IM4" s="498"/>
      <c r="IN4" s="498"/>
      <c r="IO4" s="498"/>
      <c r="IP4" s="498"/>
      <c r="IQ4" s="498"/>
      <c r="IR4" s="498"/>
      <c r="IS4" s="498"/>
      <c r="IT4" s="498"/>
      <c r="IU4" s="498"/>
      <c r="IV4" s="498"/>
      <c r="IW4" s="498"/>
      <c r="IX4" s="498"/>
      <c r="IY4" s="498"/>
      <c r="IZ4" s="498"/>
      <c r="JA4" s="498"/>
      <c r="JB4" s="498"/>
      <c r="JC4" s="498"/>
      <c r="JD4" s="498"/>
      <c r="JE4" s="498"/>
      <c r="JF4" s="498"/>
      <c r="JG4" s="498"/>
      <c r="JH4" s="498"/>
      <c r="JI4" s="498"/>
      <c r="JJ4" s="498"/>
      <c r="JK4" s="498"/>
      <c r="JL4" s="498"/>
      <c r="JM4" s="498"/>
      <c r="JN4" s="498"/>
      <c r="JO4" s="498"/>
      <c r="JP4" s="498"/>
      <c r="JQ4" s="499"/>
      <c r="JR4" s="483" t="s">
        <v>40</v>
      </c>
      <c r="JS4" s="484"/>
      <c r="JT4" s="484"/>
      <c r="JU4" s="484"/>
      <c r="JV4" s="484"/>
      <c r="JW4" s="484"/>
      <c r="JX4" s="484"/>
      <c r="JY4" s="484"/>
      <c r="JZ4" s="484"/>
      <c r="KA4" s="484"/>
      <c r="KB4" s="485"/>
      <c r="KC4" s="483" t="s">
        <v>41</v>
      </c>
      <c r="KD4" s="484"/>
      <c r="KE4" s="484"/>
      <c r="KF4" s="484"/>
      <c r="KG4" s="484"/>
      <c r="KH4" s="484"/>
      <c r="KI4" s="484"/>
      <c r="KJ4" s="484"/>
      <c r="KK4" s="484"/>
      <c r="KL4" s="484"/>
      <c r="KM4" s="485"/>
    </row>
    <row r="5" spans="2:299" ht="21" customHeight="1" thickBot="1" x14ac:dyDescent="0.25">
      <c r="B5" s="489"/>
      <c r="C5" s="489"/>
      <c r="D5" s="490"/>
      <c r="E5" s="490"/>
      <c r="F5" s="490"/>
      <c r="G5" s="490"/>
      <c r="H5" s="490"/>
      <c r="I5" s="490"/>
      <c r="J5" s="490"/>
      <c r="K5" s="490"/>
      <c r="L5" s="490"/>
      <c r="M5" s="491"/>
      <c r="N5" s="492" t="s">
        <v>97</v>
      </c>
      <c r="O5" s="493"/>
      <c r="P5" s="493"/>
      <c r="Q5" s="493"/>
      <c r="R5" s="493"/>
      <c r="S5" s="493"/>
      <c r="T5" s="493"/>
      <c r="U5" s="493"/>
      <c r="V5" s="493"/>
      <c r="W5" s="493"/>
      <c r="X5" s="494"/>
      <c r="Y5" s="492" t="s">
        <v>98</v>
      </c>
      <c r="Z5" s="493"/>
      <c r="AA5" s="493"/>
      <c r="AB5" s="493"/>
      <c r="AC5" s="493"/>
      <c r="AD5" s="493"/>
      <c r="AE5" s="493"/>
      <c r="AF5" s="493"/>
      <c r="AG5" s="493"/>
      <c r="AH5" s="493"/>
      <c r="AI5" s="494"/>
      <c r="AJ5" s="492" t="s">
        <v>99</v>
      </c>
      <c r="AK5" s="493"/>
      <c r="AL5" s="493"/>
      <c r="AM5" s="493"/>
      <c r="AN5" s="493"/>
      <c r="AO5" s="493"/>
      <c r="AP5" s="493"/>
      <c r="AQ5" s="493"/>
      <c r="AR5" s="493"/>
      <c r="AS5" s="493"/>
      <c r="AT5" s="494"/>
      <c r="AU5" s="492" t="s">
        <v>100</v>
      </c>
      <c r="AV5" s="493"/>
      <c r="AW5" s="493"/>
      <c r="AX5" s="493"/>
      <c r="AY5" s="493"/>
      <c r="AZ5" s="493"/>
      <c r="BA5" s="493"/>
      <c r="BB5" s="493"/>
      <c r="BC5" s="493"/>
      <c r="BD5" s="493"/>
      <c r="BE5" s="494"/>
      <c r="BF5" s="492" t="s">
        <v>101</v>
      </c>
      <c r="BG5" s="493"/>
      <c r="BH5" s="493"/>
      <c r="BI5" s="493"/>
      <c r="BJ5" s="493"/>
      <c r="BK5" s="493"/>
      <c r="BL5" s="493"/>
      <c r="BM5" s="493"/>
      <c r="BN5" s="493"/>
      <c r="BO5" s="493"/>
      <c r="BP5" s="494"/>
      <c r="BQ5" s="492" t="s">
        <v>102</v>
      </c>
      <c r="BR5" s="493"/>
      <c r="BS5" s="493"/>
      <c r="BT5" s="493"/>
      <c r="BU5" s="493"/>
      <c r="BV5" s="493"/>
      <c r="BW5" s="493"/>
      <c r="BX5" s="493"/>
      <c r="BY5" s="493"/>
      <c r="BZ5" s="493"/>
      <c r="CA5" s="494"/>
      <c r="CB5" s="486"/>
      <c r="CC5" s="487"/>
      <c r="CD5" s="487"/>
      <c r="CE5" s="487"/>
      <c r="CF5" s="487"/>
      <c r="CG5" s="487"/>
      <c r="CH5" s="487"/>
      <c r="CI5" s="487"/>
      <c r="CJ5" s="487"/>
      <c r="CK5" s="487"/>
      <c r="CL5" s="488"/>
      <c r="CM5" s="486"/>
      <c r="CN5" s="487"/>
      <c r="CO5" s="487"/>
      <c r="CP5" s="487"/>
      <c r="CQ5" s="487"/>
      <c r="CR5" s="487"/>
      <c r="CS5" s="487"/>
      <c r="CT5" s="487"/>
      <c r="CU5" s="487"/>
      <c r="CV5" s="487"/>
      <c r="CW5" s="488"/>
      <c r="CX5" s="489"/>
      <c r="CY5" s="490"/>
      <c r="CZ5" s="490"/>
      <c r="DA5" s="490"/>
      <c r="DB5" s="490"/>
      <c r="DC5" s="490"/>
      <c r="DD5" s="490"/>
      <c r="DE5" s="490"/>
      <c r="DF5" s="490"/>
      <c r="DG5" s="490"/>
      <c r="DH5" s="491"/>
      <c r="DI5" s="492" t="s">
        <v>97</v>
      </c>
      <c r="DJ5" s="493"/>
      <c r="DK5" s="493"/>
      <c r="DL5" s="493"/>
      <c r="DM5" s="493"/>
      <c r="DN5" s="493"/>
      <c r="DO5" s="493"/>
      <c r="DP5" s="493"/>
      <c r="DQ5" s="493"/>
      <c r="DR5" s="493"/>
      <c r="DS5" s="494"/>
      <c r="DT5" s="492" t="s">
        <v>98</v>
      </c>
      <c r="DU5" s="493"/>
      <c r="DV5" s="493"/>
      <c r="DW5" s="493"/>
      <c r="DX5" s="493"/>
      <c r="DY5" s="493"/>
      <c r="DZ5" s="493"/>
      <c r="EA5" s="493"/>
      <c r="EB5" s="493"/>
      <c r="EC5" s="493"/>
      <c r="ED5" s="494"/>
      <c r="EE5" s="492" t="s">
        <v>99</v>
      </c>
      <c r="EF5" s="493"/>
      <c r="EG5" s="493"/>
      <c r="EH5" s="493"/>
      <c r="EI5" s="493"/>
      <c r="EJ5" s="493"/>
      <c r="EK5" s="493"/>
      <c r="EL5" s="493"/>
      <c r="EM5" s="493"/>
      <c r="EN5" s="493"/>
      <c r="EO5" s="494"/>
      <c r="EP5" s="492" t="s">
        <v>100</v>
      </c>
      <c r="EQ5" s="493"/>
      <c r="ER5" s="493"/>
      <c r="ES5" s="493"/>
      <c r="ET5" s="493"/>
      <c r="EU5" s="493"/>
      <c r="EV5" s="493"/>
      <c r="EW5" s="493"/>
      <c r="EX5" s="493"/>
      <c r="EY5" s="493"/>
      <c r="EZ5" s="494"/>
      <c r="FA5" s="492" t="s">
        <v>101</v>
      </c>
      <c r="FB5" s="493"/>
      <c r="FC5" s="493"/>
      <c r="FD5" s="493"/>
      <c r="FE5" s="493"/>
      <c r="FF5" s="493"/>
      <c r="FG5" s="493"/>
      <c r="FH5" s="493"/>
      <c r="FI5" s="493"/>
      <c r="FJ5" s="493"/>
      <c r="FK5" s="494"/>
      <c r="FL5" s="492" t="s">
        <v>102</v>
      </c>
      <c r="FM5" s="493"/>
      <c r="FN5" s="493"/>
      <c r="FO5" s="493"/>
      <c r="FP5" s="493"/>
      <c r="FQ5" s="493"/>
      <c r="FR5" s="493"/>
      <c r="FS5" s="493"/>
      <c r="FT5" s="493"/>
      <c r="FU5" s="493"/>
      <c r="FV5" s="494"/>
      <c r="FW5" s="486"/>
      <c r="FX5" s="487"/>
      <c r="FY5" s="487"/>
      <c r="FZ5" s="487"/>
      <c r="GA5" s="487"/>
      <c r="GB5" s="487"/>
      <c r="GC5" s="487"/>
      <c r="GD5" s="487"/>
      <c r="GE5" s="487"/>
      <c r="GF5" s="487"/>
      <c r="GG5" s="488"/>
      <c r="GH5" s="486"/>
      <c r="GI5" s="487"/>
      <c r="GJ5" s="487"/>
      <c r="GK5" s="487"/>
      <c r="GL5" s="487"/>
      <c r="GM5" s="487"/>
      <c r="GN5" s="487"/>
      <c r="GO5" s="487"/>
      <c r="GP5" s="487"/>
      <c r="GQ5" s="487"/>
      <c r="GR5" s="488"/>
      <c r="GS5" s="489"/>
      <c r="GT5" s="490"/>
      <c r="GU5" s="490"/>
      <c r="GV5" s="490"/>
      <c r="GW5" s="490"/>
      <c r="GX5" s="490"/>
      <c r="GY5" s="490"/>
      <c r="GZ5" s="490"/>
      <c r="HA5" s="490"/>
      <c r="HB5" s="490"/>
      <c r="HC5" s="491"/>
      <c r="HD5" s="492" t="s">
        <v>97</v>
      </c>
      <c r="HE5" s="493"/>
      <c r="HF5" s="493"/>
      <c r="HG5" s="493"/>
      <c r="HH5" s="493"/>
      <c r="HI5" s="493"/>
      <c r="HJ5" s="493"/>
      <c r="HK5" s="493"/>
      <c r="HL5" s="493"/>
      <c r="HM5" s="493"/>
      <c r="HN5" s="494"/>
      <c r="HO5" s="492" t="s">
        <v>98</v>
      </c>
      <c r="HP5" s="493"/>
      <c r="HQ5" s="493"/>
      <c r="HR5" s="493"/>
      <c r="HS5" s="493"/>
      <c r="HT5" s="493"/>
      <c r="HU5" s="493"/>
      <c r="HV5" s="493"/>
      <c r="HW5" s="493"/>
      <c r="HX5" s="493"/>
      <c r="HY5" s="494"/>
      <c r="HZ5" s="492" t="s">
        <v>99</v>
      </c>
      <c r="IA5" s="493"/>
      <c r="IB5" s="493"/>
      <c r="IC5" s="493"/>
      <c r="ID5" s="493"/>
      <c r="IE5" s="493"/>
      <c r="IF5" s="493"/>
      <c r="IG5" s="493"/>
      <c r="IH5" s="493"/>
      <c r="II5" s="493"/>
      <c r="IJ5" s="494"/>
      <c r="IK5" s="492" t="s">
        <v>100</v>
      </c>
      <c r="IL5" s="493"/>
      <c r="IM5" s="493"/>
      <c r="IN5" s="493"/>
      <c r="IO5" s="493"/>
      <c r="IP5" s="493"/>
      <c r="IQ5" s="493"/>
      <c r="IR5" s="493"/>
      <c r="IS5" s="493"/>
      <c r="IT5" s="493"/>
      <c r="IU5" s="494"/>
      <c r="IV5" s="492" t="s">
        <v>101</v>
      </c>
      <c r="IW5" s="493"/>
      <c r="IX5" s="493"/>
      <c r="IY5" s="493"/>
      <c r="IZ5" s="493"/>
      <c r="JA5" s="493"/>
      <c r="JB5" s="493"/>
      <c r="JC5" s="493"/>
      <c r="JD5" s="493"/>
      <c r="JE5" s="493"/>
      <c r="JF5" s="494"/>
      <c r="JG5" s="492" t="s">
        <v>102</v>
      </c>
      <c r="JH5" s="493"/>
      <c r="JI5" s="493"/>
      <c r="JJ5" s="493"/>
      <c r="JK5" s="493"/>
      <c r="JL5" s="493"/>
      <c r="JM5" s="493"/>
      <c r="JN5" s="493"/>
      <c r="JO5" s="493"/>
      <c r="JP5" s="493"/>
      <c r="JQ5" s="494"/>
      <c r="JR5" s="486"/>
      <c r="JS5" s="487"/>
      <c r="JT5" s="487"/>
      <c r="JU5" s="487"/>
      <c r="JV5" s="487"/>
      <c r="JW5" s="487"/>
      <c r="JX5" s="487"/>
      <c r="JY5" s="487"/>
      <c r="JZ5" s="487"/>
      <c r="KA5" s="487"/>
      <c r="KB5" s="488"/>
      <c r="KC5" s="486"/>
      <c r="KD5" s="487"/>
      <c r="KE5" s="487"/>
      <c r="KF5" s="487"/>
      <c r="KG5" s="487"/>
      <c r="KH5" s="487"/>
      <c r="KI5" s="487"/>
      <c r="KJ5" s="487"/>
      <c r="KK5" s="487"/>
      <c r="KL5" s="487"/>
      <c r="KM5" s="488"/>
    </row>
    <row r="6" spans="2:299" ht="30" customHeight="1" thickBot="1" x14ac:dyDescent="0.25">
      <c r="B6" s="295" t="s">
        <v>42</v>
      </c>
      <c r="C6" s="43" t="s">
        <v>43</v>
      </c>
      <c r="D6" s="41" t="s">
        <v>44</v>
      </c>
      <c r="E6" s="42" t="s">
        <v>45</v>
      </c>
      <c r="F6" s="44" t="s">
        <v>46</v>
      </c>
      <c r="G6" s="41" t="s">
        <v>47</v>
      </c>
      <c r="H6" s="41" t="s">
        <v>48</v>
      </c>
      <c r="I6" s="41" t="s">
        <v>49</v>
      </c>
      <c r="J6" s="41" t="s">
        <v>50</v>
      </c>
      <c r="K6" s="41" t="s">
        <v>51</v>
      </c>
      <c r="L6" s="42" t="s">
        <v>45</v>
      </c>
      <c r="M6" s="45" t="s">
        <v>52</v>
      </c>
      <c r="N6" s="332" t="s">
        <v>43</v>
      </c>
      <c r="O6" s="333" t="s">
        <v>44</v>
      </c>
      <c r="P6" s="334" t="s">
        <v>45</v>
      </c>
      <c r="Q6" s="335" t="s">
        <v>46</v>
      </c>
      <c r="R6" s="333" t="s">
        <v>47</v>
      </c>
      <c r="S6" s="333" t="s">
        <v>48</v>
      </c>
      <c r="T6" s="333" t="s">
        <v>49</v>
      </c>
      <c r="U6" s="333" t="s">
        <v>50</v>
      </c>
      <c r="V6" s="333" t="s">
        <v>51</v>
      </c>
      <c r="W6" s="334" t="s">
        <v>45</v>
      </c>
      <c r="X6" s="331" t="s">
        <v>52</v>
      </c>
      <c r="Y6" s="332" t="s">
        <v>43</v>
      </c>
      <c r="Z6" s="333" t="s">
        <v>44</v>
      </c>
      <c r="AA6" s="334" t="s">
        <v>45</v>
      </c>
      <c r="AB6" s="335" t="s">
        <v>46</v>
      </c>
      <c r="AC6" s="333" t="s">
        <v>47</v>
      </c>
      <c r="AD6" s="333" t="s">
        <v>48</v>
      </c>
      <c r="AE6" s="333" t="s">
        <v>49</v>
      </c>
      <c r="AF6" s="333" t="s">
        <v>50</v>
      </c>
      <c r="AG6" s="333" t="s">
        <v>51</v>
      </c>
      <c r="AH6" s="334" t="s">
        <v>45</v>
      </c>
      <c r="AI6" s="336" t="s">
        <v>52</v>
      </c>
      <c r="AJ6" s="332" t="s">
        <v>43</v>
      </c>
      <c r="AK6" s="333" t="s">
        <v>44</v>
      </c>
      <c r="AL6" s="334" t="s">
        <v>45</v>
      </c>
      <c r="AM6" s="335" t="s">
        <v>46</v>
      </c>
      <c r="AN6" s="333" t="s">
        <v>47</v>
      </c>
      <c r="AO6" s="333" t="s">
        <v>48</v>
      </c>
      <c r="AP6" s="333" t="s">
        <v>49</v>
      </c>
      <c r="AQ6" s="333" t="s">
        <v>50</v>
      </c>
      <c r="AR6" s="333" t="s">
        <v>51</v>
      </c>
      <c r="AS6" s="334" t="s">
        <v>45</v>
      </c>
      <c r="AT6" s="336" t="s">
        <v>52</v>
      </c>
      <c r="AU6" s="332" t="s">
        <v>43</v>
      </c>
      <c r="AV6" s="333" t="s">
        <v>44</v>
      </c>
      <c r="AW6" s="334" t="s">
        <v>45</v>
      </c>
      <c r="AX6" s="335" t="s">
        <v>46</v>
      </c>
      <c r="AY6" s="333" t="s">
        <v>47</v>
      </c>
      <c r="AZ6" s="333" t="s">
        <v>48</v>
      </c>
      <c r="BA6" s="333" t="s">
        <v>49</v>
      </c>
      <c r="BB6" s="333" t="s">
        <v>50</v>
      </c>
      <c r="BC6" s="333" t="s">
        <v>51</v>
      </c>
      <c r="BD6" s="334" t="s">
        <v>45</v>
      </c>
      <c r="BE6" s="336" t="s">
        <v>52</v>
      </c>
      <c r="BF6" s="332" t="s">
        <v>43</v>
      </c>
      <c r="BG6" s="333" t="s">
        <v>44</v>
      </c>
      <c r="BH6" s="334" t="s">
        <v>45</v>
      </c>
      <c r="BI6" s="335" t="s">
        <v>46</v>
      </c>
      <c r="BJ6" s="333" t="s">
        <v>47</v>
      </c>
      <c r="BK6" s="333" t="s">
        <v>48</v>
      </c>
      <c r="BL6" s="333" t="s">
        <v>49</v>
      </c>
      <c r="BM6" s="333" t="s">
        <v>50</v>
      </c>
      <c r="BN6" s="333" t="s">
        <v>51</v>
      </c>
      <c r="BO6" s="334" t="s">
        <v>45</v>
      </c>
      <c r="BP6" s="336" t="s">
        <v>52</v>
      </c>
      <c r="BQ6" s="332" t="s">
        <v>43</v>
      </c>
      <c r="BR6" s="333" t="s">
        <v>44</v>
      </c>
      <c r="BS6" s="334" t="s">
        <v>45</v>
      </c>
      <c r="BT6" s="335" t="s">
        <v>46</v>
      </c>
      <c r="BU6" s="333" t="s">
        <v>47</v>
      </c>
      <c r="BV6" s="333" t="s">
        <v>48</v>
      </c>
      <c r="BW6" s="333" t="s">
        <v>49</v>
      </c>
      <c r="BX6" s="333" t="s">
        <v>50</v>
      </c>
      <c r="BY6" s="333" t="s">
        <v>51</v>
      </c>
      <c r="BZ6" s="334" t="s">
        <v>45</v>
      </c>
      <c r="CA6" s="336" t="s">
        <v>52</v>
      </c>
      <c r="CB6" s="332" t="s">
        <v>43</v>
      </c>
      <c r="CC6" s="333" t="s">
        <v>44</v>
      </c>
      <c r="CD6" s="334" t="s">
        <v>45</v>
      </c>
      <c r="CE6" s="335" t="s">
        <v>46</v>
      </c>
      <c r="CF6" s="333" t="s">
        <v>47</v>
      </c>
      <c r="CG6" s="333" t="s">
        <v>48</v>
      </c>
      <c r="CH6" s="333" t="s">
        <v>49</v>
      </c>
      <c r="CI6" s="333" t="s">
        <v>50</v>
      </c>
      <c r="CJ6" s="333" t="s">
        <v>51</v>
      </c>
      <c r="CK6" s="334" t="s">
        <v>45</v>
      </c>
      <c r="CL6" s="336" t="s">
        <v>52</v>
      </c>
      <c r="CM6" s="332" t="s">
        <v>43</v>
      </c>
      <c r="CN6" s="333" t="s">
        <v>44</v>
      </c>
      <c r="CO6" s="334" t="s">
        <v>45</v>
      </c>
      <c r="CP6" s="335" t="s">
        <v>46</v>
      </c>
      <c r="CQ6" s="333" t="s">
        <v>47</v>
      </c>
      <c r="CR6" s="333" t="s">
        <v>48</v>
      </c>
      <c r="CS6" s="333" t="s">
        <v>49</v>
      </c>
      <c r="CT6" s="333" t="s">
        <v>50</v>
      </c>
      <c r="CU6" s="333" t="s">
        <v>51</v>
      </c>
      <c r="CV6" s="334" t="s">
        <v>45</v>
      </c>
      <c r="CW6" s="336" t="s">
        <v>52</v>
      </c>
      <c r="CX6" s="43" t="s">
        <v>43</v>
      </c>
      <c r="CY6" s="41" t="s">
        <v>44</v>
      </c>
      <c r="CZ6" s="42" t="s">
        <v>45</v>
      </c>
      <c r="DA6" s="44" t="s">
        <v>46</v>
      </c>
      <c r="DB6" s="41" t="s">
        <v>47</v>
      </c>
      <c r="DC6" s="41" t="s">
        <v>48</v>
      </c>
      <c r="DD6" s="41" t="s">
        <v>49</v>
      </c>
      <c r="DE6" s="41" t="s">
        <v>50</v>
      </c>
      <c r="DF6" s="41" t="s">
        <v>51</v>
      </c>
      <c r="DG6" s="42" t="s">
        <v>45</v>
      </c>
      <c r="DH6" s="45" t="s">
        <v>52</v>
      </c>
      <c r="DI6" s="332" t="s">
        <v>43</v>
      </c>
      <c r="DJ6" s="333" t="s">
        <v>44</v>
      </c>
      <c r="DK6" s="334" t="s">
        <v>45</v>
      </c>
      <c r="DL6" s="335" t="s">
        <v>46</v>
      </c>
      <c r="DM6" s="333" t="s">
        <v>47</v>
      </c>
      <c r="DN6" s="333" t="s">
        <v>48</v>
      </c>
      <c r="DO6" s="333" t="s">
        <v>49</v>
      </c>
      <c r="DP6" s="333" t="s">
        <v>50</v>
      </c>
      <c r="DQ6" s="333" t="s">
        <v>51</v>
      </c>
      <c r="DR6" s="334" t="s">
        <v>45</v>
      </c>
      <c r="DS6" s="336" t="s">
        <v>52</v>
      </c>
      <c r="DT6" s="332" t="s">
        <v>43</v>
      </c>
      <c r="DU6" s="333" t="s">
        <v>44</v>
      </c>
      <c r="DV6" s="334" t="s">
        <v>45</v>
      </c>
      <c r="DW6" s="335" t="s">
        <v>46</v>
      </c>
      <c r="DX6" s="333" t="s">
        <v>47</v>
      </c>
      <c r="DY6" s="333" t="s">
        <v>48</v>
      </c>
      <c r="DZ6" s="333" t="s">
        <v>49</v>
      </c>
      <c r="EA6" s="333" t="s">
        <v>50</v>
      </c>
      <c r="EB6" s="333" t="s">
        <v>51</v>
      </c>
      <c r="EC6" s="334" t="s">
        <v>45</v>
      </c>
      <c r="ED6" s="336" t="s">
        <v>52</v>
      </c>
      <c r="EE6" s="332" t="s">
        <v>43</v>
      </c>
      <c r="EF6" s="333" t="s">
        <v>44</v>
      </c>
      <c r="EG6" s="334" t="s">
        <v>45</v>
      </c>
      <c r="EH6" s="335" t="s">
        <v>46</v>
      </c>
      <c r="EI6" s="333" t="s">
        <v>47</v>
      </c>
      <c r="EJ6" s="333" t="s">
        <v>48</v>
      </c>
      <c r="EK6" s="333" t="s">
        <v>49</v>
      </c>
      <c r="EL6" s="333" t="s">
        <v>50</v>
      </c>
      <c r="EM6" s="333" t="s">
        <v>51</v>
      </c>
      <c r="EN6" s="334" t="s">
        <v>45</v>
      </c>
      <c r="EO6" s="336" t="s">
        <v>52</v>
      </c>
      <c r="EP6" s="332" t="s">
        <v>43</v>
      </c>
      <c r="EQ6" s="333" t="s">
        <v>44</v>
      </c>
      <c r="ER6" s="334" t="s">
        <v>45</v>
      </c>
      <c r="ES6" s="335" t="s">
        <v>46</v>
      </c>
      <c r="ET6" s="333" t="s">
        <v>47</v>
      </c>
      <c r="EU6" s="333" t="s">
        <v>48</v>
      </c>
      <c r="EV6" s="333" t="s">
        <v>49</v>
      </c>
      <c r="EW6" s="333" t="s">
        <v>50</v>
      </c>
      <c r="EX6" s="333" t="s">
        <v>51</v>
      </c>
      <c r="EY6" s="334" t="s">
        <v>45</v>
      </c>
      <c r="EZ6" s="336" t="s">
        <v>52</v>
      </c>
      <c r="FA6" s="332" t="s">
        <v>43</v>
      </c>
      <c r="FB6" s="333" t="s">
        <v>44</v>
      </c>
      <c r="FC6" s="334" t="s">
        <v>45</v>
      </c>
      <c r="FD6" s="335" t="s">
        <v>46</v>
      </c>
      <c r="FE6" s="333" t="s">
        <v>47</v>
      </c>
      <c r="FF6" s="333" t="s">
        <v>48</v>
      </c>
      <c r="FG6" s="333" t="s">
        <v>49</v>
      </c>
      <c r="FH6" s="333" t="s">
        <v>50</v>
      </c>
      <c r="FI6" s="333" t="s">
        <v>51</v>
      </c>
      <c r="FJ6" s="334" t="s">
        <v>45</v>
      </c>
      <c r="FK6" s="336" t="s">
        <v>52</v>
      </c>
      <c r="FL6" s="332" t="s">
        <v>43</v>
      </c>
      <c r="FM6" s="333" t="s">
        <v>44</v>
      </c>
      <c r="FN6" s="334" t="s">
        <v>45</v>
      </c>
      <c r="FO6" s="335" t="s">
        <v>46</v>
      </c>
      <c r="FP6" s="333" t="s">
        <v>47</v>
      </c>
      <c r="FQ6" s="333" t="s">
        <v>48</v>
      </c>
      <c r="FR6" s="333" t="s">
        <v>49</v>
      </c>
      <c r="FS6" s="333" t="s">
        <v>50</v>
      </c>
      <c r="FT6" s="333" t="s">
        <v>51</v>
      </c>
      <c r="FU6" s="334" t="s">
        <v>45</v>
      </c>
      <c r="FV6" s="336" t="s">
        <v>52</v>
      </c>
      <c r="FW6" s="332" t="s">
        <v>43</v>
      </c>
      <c r="FX6" s="333" t="s">
        <v>44</v>
      </c>
      <c r="FY6" s="334" t="s">
        <v>45</v>
      </c>
      <c r="FZ6" s="335" t="s">
        <v>46</v>
      </c>
      <c r="GA6" s="333" t="s">
        <v>47</v>
      </c>
      <c r="GB6" s="333" t="s">
        <v>48</v>
      </c>
      <c r="GC6" s="333" t="s">
        <v>49</v>
      </c>
      <c r="GD6" s="333" t="s">
        <v>50</v>
      </c>
      <c r="GE6" s="333" t="s">
        <v>51</v>
      </c>
      <c r="GF6" s="334" t="s">
        <v>45</v>
      </c>
      <c r="GG6" s="336" t="s">
        <v>52</v>
      </c>
      <c r="GH6" s="332" t="s">
        <v>43</v>
      </c>
      <c r="GI6" s="333" t="s">
        <v>44</v>
      </c>
      <c r="GJ6" s="334" t="s">
        <v>45</v>
      </c>
      <c r="GK6" s="335" t="s">
        <v>46</v>
      </c>
      <c r="GL6" s="333" t="s">
        <v>47</v>
      </c>
      <c r="GM6" s="333" t="s">
        <v>48</v>
      </c>
      <c r="GN6" s="333" t="s">
        <v>49</v>
      </c>
      <c r="GO6" s="333" t="s">
        <v>50</v>
      </c>
      <c r="GP6" s="333" t="s">
        <v>51</v>
      </c>
      <c r="GQ6" s="334" t="s">
        <v>45</v>
      </c>
      <c r="GR6" s="336" t="s">
        <v>52</v>
      </c>
      <c r="GS6" s="43" t="s">
        <v>43</v>
      </c>
      <c r="GT6" s="41" t="s">
        <v>44</v>
      </c>
      <c r="GU6" s="42" t="s">
        <v>45</v>
      </c>
      <c r="GV6" s="44" t="s">
        <v>46</v>
      </c>
      <c r="GW6" s="41" t="s">
        <v>47</v>
      </c>
      <c r="GX6" s="41" t="s">
        <v>48</v>
      </c>
      <c r="GY6" s="41" t="s">
        <v>49</v>
      </c>
      <c r="GZ6" s="41" t="s">
        <v>50</v>
      </c>
      <c r="HA6" s="41" t="s">
        <v>51</v>
      </c>
      <c r="HB6" s="42" t="s">
        <v>45</v>
      </c>
      <c r="HC6" s="45" t="s">
        <v>52</v>
      </c>
      <c r="HD6" s="332" t="s">
        <v>43</v>
      </c>
      <c r="HE6" s="333" t="s">
        <v>44</v>
      </c>
      <c r="HF6" s="334" t="s">
        <v>45</v>
      </c>
      <c r="HG6" s="335" t="s">
        <v>46</v>
      </c>
      <c r="HH6" s="333" t="s">
        <v>47</v>
      </c>
      <c r="HI6" s="333" t="s">
        <v>48</v>
      </c>
      <c r="HJ6" s="333" t="s">
        <v>49</v>
      </c>
      <c r="HK6" s="333" t="s">
        <v>50</v>
      </c>
      <c r="HL6" s="333" t="s">
        <v>51</v>
      </c>
      <c r="HM6" s="334" t="s">
        <v>45</v>
      </c>
      <c r="HN6" s="336" t="s">
        <v>52</v>
      </c>
      <c r="HO6" s="332" t="s">
        <v>43</v>
      </c>
      <c r="HP6" s="333" t="s">
        <v>44</v>
      </c>
      <c r="HQ6" s="334" t="s">
        <v>45</v>
      </c>
      <c r="HR6" s="335" t="s">
        <v>46</v>
      </c>
      <c r="HS6" s="333" t="s">
        <v>47</v>
      </c>
      <c r="HT6" s="333" t="s">
        <v>48</v>
      </c>
      <c r="HU6" s="333" t="s">
        <v>49</v>
      </c>
      <c r="HV6" s="333" t="s">
        <v>50</v>
      </c>
      <c r="HW6" s="333" t="s">
        <v>51</v>
      </c>
      <c r="HX6" s="334" t="s">
        <v>45</v>
      </c>
      <c r="HY6" s="336" t="s">
        <v>52</v>
      </c>
      <c r="HZ6" s="332" t="s">
        <v>43</v>
      </c>
      <c r="IA6" s="333" t="s">
        <v>44</v>
      </c>
      <c r="IB6" s="334" t="s">
        <v>45</v>
      </c>
      <c r="IC6" s="335" t="s">
        <v>46</v>
      </c>
      <c r="ID6" s="333" t="s">
        <v>47</v>
      </c>
      <c r="IE6" s="333" t="s">
        <v>48</v>
      </c>
      <c r="IF6" s="333" t="s">
        <v>49</v>
      </c>
      <c r="IG6" s="333" t="s">
        <v>50</v>
      </c>
      <c r="IH6" s="333" t="s">
        <v>51</v>
      </c>
      <c r="II6" s="334" t="s">
        <v>45</v>
      </c>
      <c r="IJ6" s="336" t="s">
        <v>52</v>
      </c>
      <c r="IK6" s="332" t="s">
        <v>43</v>
      </c>
      <c r="IL6" s="333" t="s">
        <v>44</v>
      </c>
      <c r="IM6" s="334" t="s">
        <v>45</v>
      </c>
      <c r="IN6" s="335" t="s">
        <v>46</v>
      </c>
      <c r="IO6" s="333" t="s">
        <v>47</v>
      </c>
      <c r="IP6" s="333" t="s">
        <v>48</v>
      </c>
      <c r="IQ6" s="333" t="s">
        <v>49</v>
      </c>
      <c r="IR6" s="333" t="s">
        <v>50</v>
      </c>
      <c r="IS6" s="333" t="s">
        <v>51</v>
      </c>
      <c r="IT6" s="334" t="s">
        <v>45</v>
      </c>
      <c r="IU6" s="336" t="s">
        <v>52</v>
      </c>
      <c r="IV6" s="332" t="s">
        <v>43</v>
      </c>
      <c r="IW6" s="333" t="s">
        <v>44</v>
      </c>
      <c r="IX6" s="334" t="s">
        <v>45</v>
      </c>
      <c r="IY6" s="335" t="s">
        <v>46</v>
      </c>
      <c r="IZ6" s="333" t="s">
        <v>47</v>
      </c>
      <c r="JA6" s="333" t="s">
        <v>48</v>
      </c>
      <c r="JB6" s="333" t="s">
        <v>49</v>
      </c>
      <c r="JC6" s="333" t="s">
        <v>50</v>
      </c>
      <c r="JD6" s="333" t="s">
        <v>51</v>
      </c>
      <c r="JE6" s="334" t="s">
        <v>45</v>
      </c>
      <c r="JF6" s="336" t="s">
        <v>52</v>
      </c>
      <c r="JG6" s="332" t="s">
        <v>43</v>
      </c>
      <c r="JH6" s="333" t="s">
        <v>44</v>
      </c>
      <c r="JI6" s="334" t="s">
        <v>45</v>
      </c>
      <c r="JJ6" s="335" t="s">
        <v>46</v>
      </c>
      <c r="JK6" s="333" t="s">
        <v>47</v>
      </c>
      <c r="JL6" s="333" t="s">
        <v>48</v>
      </c>
      <c r="JM6" s="333" t="s">
        <v>49</v>
      </c>
      <c r="JN6" s="333" t="s">
        <v>50</v>
      </c>
      <c r="JO6" s="333" t="s">
        <v>51</v>
      </c>
      <c r="JP6" s="334" t="s">
        <v>45</v>
      </c>
      <c r="JQ6" s="336" t="s">
        <v>52</v>
      </c>
      <c r="JR6" s="332" t="s">
        <v>43</v>
      </c>
      <c r="JS6" s="333" t="s">
        <v>44</v>
      </c>
      <c r="JT6" s="334" t="s">
        <v>45</v>
      </c>
      <c r="JU6" s="335" t="s">
        <v>46</v>
      </c>
      <c r="JV6" s="333" t="s">
        <v>47</v>
      </c>
      <c r="JW6" s="333" t="s">
        <v>48</v>
      </c>
      <c r="JX6" s="333" t="s">
        <v>49</v>
      </c>
      <c r="JY6" s="333" t="s">
        <v>50</v>
      </c>
      <c r="JZ6" s="333" t="s">
        <v>51</v>
      </c>
      <c r="KA6" s="334" t="s">
        <v>45</v>
      </c>
      <c r="KB6" s="336" t="s">
        <v>52</v>
      </c>
      <c r="KC6" s="332" t="s">
        <v>43</v>
      </c>
      <c r="KD6" s="333" t="s">
        <v>44</v>
      </c>
      <c r="KE6" s="334" t="s">
        <v>45</v>
      </c>
      <c r="KF6" s="335" t="s">
        <v>46</v>
      </c>
      <c r="KG6" s="333" t="s">
        <v>47</v>
      </c>
      <c r="KH6" s="333" t="s">
        <v>48</v>
      </c>
      <c r="KI6" s="333" t="s">
        <v>49</v>
      </c>
      <c r="KJ6" s="333" t="s">
        <v>50</v>
      </c>
      <c r="KK6" s="333" t="s">
        <v>51</v>
      </c>
      <c r="KL6" s="334" t="s">
        <v>45</v>
      </c>
      <c r="KM6" s="336" t="s">
        <v>52</v>
      </c>
    </row>
    <row r="7" spans="2:299" ht="21" customHeight="1" x14ac:dyDescent="0.2">
      <c r="B7" s="470" t="s">
        <v>4</v>
      </c>
      <c r="C7" s="292">
        <v>4167</v>
      </c>
      <c r="D7" s="68">
        <v>4031</v>
      </c>
      <c r="E7" s="69">
        <v>8198</v>
      </c>
      <c r="F7" s="227"/>
      <c r="G7" s="68">
        <v>5799</v>
      </c>
      <c r="H7" s="68">
        <v>5161</v>
      </c>
      <c r="I7" s="68">
        <v>3351</v>
      </c>
      <c r="J7" s="68">
        <v>2803</v>
      </c>
      <c r="K7" s="68">
        <v>1575</v>
      </c>
      <c r="L7" s="70">
        <v>18689</v>
      </c>
      <c r="M7" s="71">
        <v>26887</v>
      </c>
      <c r="N7" s="56">
        <v>50</v>
      </c>
      <c r="O7" s="57">
        <v>57</v>
      </c>
      <c r="P7" s="58">
        <v>107</v>
      </c>
      <c r="Q7" s="230"/>
      <c r="R7" s="57">
        <v>82</v>
      </c>
      <c r="S7" s="57">
        <v>86</v>
      </c>
      <c r="T7" s="57">
        <v>59</v>
      </c>
      <c r="U7" s="57">
        <v>42</v>
      </c>
      <c r="V7" s="57">
        <v>36</v>
      </c>
      <c r="W7" s="58">
        <v>305</v>
      </c>
      <c r="X7" s="59">
        <v>412</v>
      </c>
      <c r="Y7" s="56">
        <v>144</v>
      </c>
      <c r="Z7" s="57">
        <v>163</v>
      </c>
      <c r="AA7" s="58">
        <v>307</v>
      </c>
      <c r="AB7" s="230"/>
      <c r="AC7" s="57">
        <v>219</v>
      </c>
      <c r="AD7" s="57">
        <v>228</v>
      </c>
      <c r="AE7" s="57">
        <v>143</v>
      </c>
      <c r="AF7" s="57">
        <v>132</v>
      </c>
      <c r="AG7" s="57">
        <v>93</v>
      </c>
      <c r="AH7" s="58">
        <v>815</v>
      </c>
      <c r="AI7" s="59">
        <v>1122</v>
      </c>
      <c r="AJ7" s="56">
        <v>312</v>
      </c>
      <c r="AK7" s="57">
        <v>362</v>
      </c>
      <c r="AL7" s="58">
        <v>674</v>
      </c>
      <c r="AM7" s="230"/>
      <c r="AN7" s="57">
        <v>449</v>
      </c>
      <c r="AO7" s="57">
        <v>379</v>
      </c>
      <c r="AP7" s="57">
        <v>259</v>
      </c>
      <c r="AQ7" s="57">
        <v>231</v>
      </c>
      <c r="AR7" s="57">
        <v>137</v>
      </c>
      <c r="AS7" s="58">
        <v>1455</v>
      </c>
      <c r="AT7" s="59">
        <v>2129</v>
      </c>
      <c r="AU7" s="56">
        <v>837</v>
      </c>
      <c r="AV7" s="57">
        <v>766</v>
      </c>
      <c r="AW7" s="58">
        <v>1603</v>
      </c>
      <c r="AX7" s="230"/>
      <c r="AY7" s="57">
        <v>1082</v>
      </c>
      <c r="AZ7" s="57">
        <v>953</v>
      </c>
      <c r="BA7" s="57">
        <v>554</v>
      </c>
      <c r="BB7" s="57">
        <v>431</v>
      </c>
      <c r="BC7" s="57">
        <v>297</v>
      </c>
      <c r="BD7" s="58">
        <v>3317</v>
      </c>
      <c r="BE7" s="59">
        <v>4920</v>
      </c>
      <c r="BF7" s="56">
        <v>1506</v>
      </c>
      <c r="BG7" s="57">
        <v>1359</v>
      </c>
      <c r="BH7" s="58">
        <v>2865</v>
      </c>
      <c r="BI7" s="230"/>
      <c r="BJ7" s="57">
        <v>1951</v>
      </c>
      <c r="BK7" s="57">
        <v>1516</v>
      </c>
      <c r="BL7" s="57">
        <v>968</v>
      </c>
      <c r="BM7" s="57">
        <v>796</v>
      </c>
      <c r="BN7" s="57">
        <v>432</v>
      </c>
      <c r="BO7" s="58">
        <v>5663</v>
      </c>
      <c r="BP7" s="59">
        <v>8528</v>
      </c>
      <c r="BQ7" s="56">
        <v>1318</v>
      </c>
      <c r="BR7" s="57">
        <v>1324</v>
      </c>
      <c r="BS7" s="58">
        <v>2642</v>
      </c>
      <c r="BT7" s="230"/>
      <c r="BU7" s="57">
        <v>2016</v>
      </c>
      <c r="BV7" s="57">
        <v>1999</v>
      </c>
      <c r="BW7" s="57">
        <v>1368</v>
      </c>
      <c r="BX7" s="57">
        <v>1171</v>
      </c>
      <c r="BY7" s="57">
        <v>580</v>
      </c>
      <c r="BZ7" s="58">
        <v>7134</v>
      </c>
      <c r="CA7" s="59">
        <v>9776</v>
      </c>
      <c r="CB7" s="56">
        <v>0</v>
      </c>
      <c r="CC7" s="57">
        <v>0</v>
      </c>
      <c r="CD7" s="58">
        <v>0</v>
      </c>
      <c r="CE7" s="230"/>
      <c r="CF7" s="57">
        <v>0</v>
      </c>
      <c r="CG7" s="57">
        <v>0</v>
      </c>
      <c r="CH7" s="57">
        <v>0</v>
      </c>
      <c r="CI7" s="57">
        <v>0</v>
      </c>
      <c r="CJ7" s="57">
        <v>0</v>
      </c>
      <c r="CK7" s="58">
        <v>0</v>
      </c>
      <c r="CL7" s="59">
        <v>0</v>
      </c>
      <c r="CM7" s="56">
        <v>4167</v>
      </c>
      <c r="CN7" s="57">
        <v>4031</v>
      </c>
      <c r="CO7" s="58">
        <v>8198</v>
      </c>
      <c r="CP7" s="230"/>
      <c r="CQ7" s="57">
        <v>5799</v>
      </c>
      <c r="CR7" s="57">
        <v>5161</v>
      </c>
      <c r="CS7" s="57">
        <v>3351</v>
      </c>
      <c r="CT7" s="57">
        <v>2803</v>
      </c>
      <c r="CU7" s="57">
        <v>1575</v>
      </c>
      <c r="CV7" s="58">
        <v>18689</v>
      </c>
      <c r="CW7" s="59">
        <v>26887</v>
      </c>
      <c r="CX7" s="112">
        <v>585</v>
      </c>
      <c r="CY7" s="68">
        <v>704</v>
      </c>
      <c r="CZ7" s="69">
        <v>1289</v>
      </c>
      <c r="DA7" s="227"/>
      <c r="DB7" s="68">
        <v>832</v>
      </c>
      <c r="DC7" s="68">
        <v>753</v>
      </c>
      <c r="DD7" s="68">
        <v>524</v>
      </c>
      <c r="DE7" s="68">
        <v>552</v>
      </c>
      <c r="DF7" s="68">
        <v>339</v>
      </c>
      <c r="DG7" s="70">
        <v>3000</v>
      </c>
      <c r="DH7" s="71">
        <v>4289</v>
      </c>
      <c r="DI7" s="56">
        <v>13</v>
      </c>
      <c r="DJ7" s="57">
        <v>16</v>
      </c>
      <c r="DK7" s="58">
        <v>29</v>
      </c>
      <c r="DL7" s="230"/>
      <c r="DM7" s="57">
        <v>13</v>
      </c>
      <c r="DN7" s="57">
        <v>11</v>
      </c>
      <c r="DO7" s="57">
        <v>7</v>
      </c>
      <c r="DP7" s="57">
        <v>8</v>
      </c>
      <c r="DQ7" s="57">
        <v>4</v>
      </c>
      <c r="DR7" s="58">
        <v>43</v>
      </c>
      <c r="DS7" s="59">
        <v>72</v>
      </c>
      <c r="DT7" s="56">
        <v>45</v>
      </c>
      <c r="DU7" s="57">
        <v>45</v>
      </c>
      <c r="DV7" s="58">
        <v>90</v>
      </c>
      <c r="DW7" s="230"/>
      <c r="DX7" s="57">
        <v>25</v>
      </c>
      <c r="DY7" s="57">
        <v>26</v>
      </c>
      <c r="DZ7" s="57">
        <v>30</v>
      </c>
      <c r="EA7" s="57">
        <v>22</v>
      </c>
      <c r="EB7" s="57">
        <v>8</v>
      </c>
      <c r="EC7" s="58">
        <v>111</v>
      </c>
      <c r="ED7" s="59">
        <v>201</v>
      </c>
      <c r="EE7" s="56">
        <v>74</v>
      </c>
      <c r="EF7" s="57">
        <v>83</v>
      </c>
      <c r="EG7" s="58">
        <v>157</v>
      </c>
      <c r="EH7" s="230"/>
      <c r="EI7" s="57">
        <v>74</v>
      </c>
      <c r="EJ7" s="57">
        <v>52</v>
      </c>
      <c r="EK7" s="57">
        <v>38</v>
      </c>
      <c r="EL7" s="57">
        <v>31</v>
      </c>
      <c r="EM7" s="57">
        <v>30</v>
      </c>
      <c r="EN7" s="58">
        <v>225</v>
      </c>
      <c r="EO7" s="59">
        <v>382</v>
      </c>
      <c r="EP7" s="56">
        <v>155</v>
      </c>
      <c r="EQ7" s="57">
        <v>162</v>
      </c>
      <c r="ER7" s="58">
        <v>317</v>
      </c>
      <c r="ES7" s="230"/>
      <c r="ET7" s="57">
        <v>166</v>
      </c>
      <c r="EU7" s="57">
        <v>105</v>
      </c>
      <c r="EV7" s="57">
        <v>62</v>
      </c>
      <c r="EW7" s="57">
        <v>60</v>
      </c>
      <c r="EX7" s="57">
        <v>38</v>
      </c>
      <c r="EY7" s="58">
        <v>431</v>
      </c>
      <c r="EZ7" s="59">
        <v>748</v>
      </c>
      <c r="FA7" s="56">
        <v>175</v>
      </c>
      <c r="FB7" s="57">
        <v>223</v>
      </c>
      <c r="FC7" s="58">
        <v>398</v>
      </c>
      <c r="FD7" s="230"/>
      <c r="FE7" s="57">
        <v>265</v>
      </c>
      <c r="FF7" s="57">
        <v>238</v>
      </c>
      <c r="FG7" s="57">
        <v>120</v>
      </c>
      <c r="FH7" s="57">
        <v>114</v>
      </c>
      <c r="FI7" s="57">
        <v>86</v>
      </c>
      <c r="FJ7" s="58">
        <v>823</v>
      </c>
      <c r="FK7" s="59">
        <v>1221</v>
      </c>
      <c r="FL7" s="56">
        <v>123</v>
      </c>
      <c r="FM7" s="57">
        <v>175</v>
      </c>
      <c r="FN7" s="58">
        <v>298</v>
      </c>
      <c r="FO7" s="230"/>
      <c r="FP7" s="57">
        <v>289</v>
      </c>
      <c r="FQ7" s="57">
        <v>321</v>
      </c>
      <c r="FR7" s="57">
        <v>267</v>
      </c>
      <c r="FS7" s="57">
        <v>317</v>
      </c>
      <c r="FT7" s="57">
        <v>173</v>
      </c>
      <c r="FU7" s="58">
        <v>1367</v>
      </c>
      <c r="FV7" s="59">
        <v>1665</v>
      </c>
      <c r="FW7" s="56">
        <v>0</v>
      </c>
      <c r="FX7" s="57">
        <v>0</v>
      </c>
      <c r="FY7" s="58">
        <v>0</v>
      </c>
      <c r="FZ7" s="230"/>
      <c r="GA7" s="57">
        <v>0</v>
      </c>
      <c r="GB7" s="57">
        <v>0</v>
      </c>
      <c r="GC7" s="57">
        <v>0</v>
      </c>
      <c r="GD7" s="57">
        <v>0</v>
      </c>
      <c r="GE7" s="57">
        <v>0</v>
      </c>
      <c r="GF7" s="58">
        <v>0</v>
      </c>
      <c r="GG7" s="59">
        <v>0</v>
      </c>
      <c r="GH7" s="56">
        <v>585</v>
      </c>
      <c r="GI7" s="57">
        <v>704</v>
      </c>
      <c r="GJ7" s="58">
        <v>1289</v>
      </c>
      <c r="GK7" s="230"/>
      <c r="GL7" s="57">
        <v>832</v>
      </c>
      <c r="GM7" s="57">
        <v>753</v>
      </c>
      <c r="GN7" s="57">
        <v>524</v>
      </c>
      <c r="GO7" s="57">
        <v>552</v>
      </c>
      <c r="GP7" s="57">
        <v>339</v>
      </c>
      <c r="GQ7" s="58">
        <v>3000</v>
      </c>
      <c r="GR7" s="59">
        <v>4289</v>
      </c>
      <c r="GS7" s="112">
        <v>4752</v>
      </c>
      <c r="GT7" s="68">
        <v>4735</v>
      </c>
      <c r="GU7" s="69">
        <v>9487</v>
      </c>
      <c r="GV7" s="227"/>
      <c r="GW7" s="68">
        <v>6631</v>
      </c>
      <c r="GX7" s="68">
        <v>5914</v>
      </c>
      <c r="GY7" s="68">
        <v>3875</v>
      </c>
      <c r="GZ7" s="68">
        <v>3355</v>
      </c>
      <c r="HA7" s="68">
        <v>1914</v>
      </c>
      <c r="HB7" s="70">
        <v>21689</v>
      </c>
      <c r="HC7" s="71">
        <v>31176</v>
      </c>
      <c r="HD7" s="56">
        <v>63</v>
      </c>
      <c r="HE7" s="57">
        <v>73</v>
      </c>
      <c r="HF7" s="58">
        <v>136</v>
      </c>
      <c r="HG7" s="230"/>
      <c r="HH7" s="57">
        <v>95</v>
      </c>
      <c r="HI7" s="57">
        <v>97</v>
      </c>
      <c r="HJ7" s="57">
        <v>66</v>
      </c>
      <c r="HK7" s="57">
        <v>50</v>
      </c>
      <c r="HL7" s="57">
        <v>40</v>
      </c>
      <c r="HM7" s="58">
        <v>348</v>
      </c>
      <c r="HN7" s="59">
        <v>484</v>
      </c>
      <c r="HO7" s="56">
        <v>189</v>
      </c>
      <c r="HP7" s="57">
        <v>208</v>
      </c>
      <c r="HQ7" s="58">
        <v>397</v>
      </c>
      <c r="HR7" s="230"/>
      <c r="HS7" s="57">
        <v>244</v>
      </c>
      <c r="HT7" s="57">
        <v>254</v>
      </c>
      <c r="HU7" s="57">
        <v>173</v>
      </c>
      <c r="HV7" s="57">
        <v>154</v>
      </c>
      <c r="HW7" s="57">
        <v>101</v>
      </c>
      <c r="HX7" s="58">
        <v>926</v>
      </c>
      <c r="HY7" s="59">
        <v>1323</v>
      </c>
      <c r="HZ7" s="56">
        <v>386</v>
      </c>
      <c r="IA7" s="57">
        <v>445</v>
      </c>
      <c r="IB7" s="58">
        <v>831</v>
      </c>
      <c r="IC7" s="230"/>
      <c r="ID7" s="57">
        <v>523</v>
      </c>
      <c r="IE7" s="57">
        <v>431</v>
      </c>
      <c r="IF7" s="57">
        <v>297</v>
      </c>
      <c r="IG7" s="57">
        <v>262</v>
      </c>
      <c r="IH7" s="57">
        <v>167</v>
      </c>
      <c r="II7" s="58">
        <v>1680</v>
      </c>
      <c r="IJ7" s="59">
        <v>2511</v>
      </c>
      <c r="IK7" s="56">
        <v>992</v>
      </c>
      <c r="IL7" s="57">
        <v>928</v>
      </c>
      <c r="IM7" s="58">
        <v>1920</v>
      </c>
      <c r="IN7" s="230"/>
      <c r="IO7" s="57">
        <v>1248</v>
      </c>
      <c r="IP7" s="57">
        <v>1058</v>
      </c>
      <c r="IQ7" s="57">
        <v>616</v>
      </c>
      <c r="IR7" s="57">
        <v>491</v>
      </c>
      <c r="IS7" s="57">
        <v>335</v>
      </c>
      <c r="IT7" s="58">
        <v>3748</v>
      </c>
      <c r="IU7" s="59">
        <v>5668</v>
      </c>
      <c r="IV7" s="56">
        <v>1681</v>
      </c>
      <c r="IW7" s="57">
        <v>1582</v>
      </c>
      <c r="IX7" s="58">
        <v>3263</v>
      </c>
      <c r="IY7" s="230"/>
      <c r="IZ7" s="57">
        <v>2216</v>
      </c>
      <c r="JA7" s="57">
        <v>1754</v>
      </c>
      <c r="JB7" s="57">
        <v>1088</v>
      </c>
      <c r="JC7" s="57">
        <v>910</v>
      </c>
      <c r="JD7" s="57">
        <v>518</v>
      </c>
      <c r="JE7" s="58">
        <v>6486</v>
      </c>
      <c r="JF7" s="59">
        <v>9749</v>
      </c>
      <c r="JG7" s="56">
        <v>1441</v>
      </c>
      <c r="JH7" s="57">
        <v>1499</v>
      </c>
      <c r="JI7" s="58">
        <v>2940</v>
      </c>
      <c r="JJ7" s="230"/>
      <c r="JK7" s="57">
        <v>2305</v>
      </c>
      <c r="JL7" s="57">
        <v>2320</v>
      </c>
      <c r="JM7" s="57">
        <v>1635</v>
      </c>
      <c r="JN7" s="57">
        <v>1488</v>
      </c>
      <c r="JO7" s="57">
        <v>753</v>
      </c>
      <c r="JP7" s="58">
        <v>8501</v>
      </c>
      <c r="JQ7" s="59">
        <v>11441</v>
      </c>
      <c r="JR7" s="56">
        <v>0</v>
      </c>
      <c r="JS7" s="57">
        <v>0</v>
      </c>
      <c r="JT7" s="58">
        <v>0</v>
      </c>
      <c r="JU7" s="230"/>
      <c r="JV7" s="57">
        <v>0</v>
      </c>
      <c r="JW7" s="57">
        <v>0</v>
      </c>
      <c r="JX7" s="57">
        <v>0</v>
      </c>
      <c r="JY7" s="57">
        <v>0</v>
      </c>
      <c r="JZ7" s="57">
        <v>0</v>
      </c>
      <c r="KA7" s="58">
        <v>0</v>
      </c>
      <c r="KB7" s="59">
        <v>0</v>
      </c>
      <c r="KC7" s="56">
        <v>4752</v>
      </c>
      <c r="KD7" s="57">
        <v>4735</v>
      </c>
      <c r="KE7" s="58">
        <v>9487</v>
      </c>
      <c r="KF7" s="230"/>
      <c r="KG7" s="57">
        <v>6631</v>
      </c>
      <c r="KH7" s="57">
        <v>5914</v>
      </c>
      <c r="KI7" s="57">
        <v>3875</v>
      </c>
      <c r="KJ7" s="57">
        <v>3355</v>
      </c>
      <c r="KK7" s="57">
        <v>1914</v>
      </c>
      <c r="KL7" s="58">
        <v>21689</v>
      </c>
      <c r="KM7" s="59">
        <v>31176</v>
      </c>
    </row>
    <row r="8" spans="2:299" ht="21" customHeight="1" x14ac:dyDescent="0.2">
      <c r="B8" s="471" t="s">
        <v>5</v>
      </c>
      <c r="C8" s="293">
        <v>1761</v>
      </c>
      <c r="D8" s="72">
        <v>2063</v>
      </c>
      <c r="E8" s="73">
        <v>3824</v>
      </c>
      <c r="F8" s="228"/>
      <c r="G8" s="72">
        <v>2154</v>
      </c>
      <c r="H8" s="72">
        <v>2408</v>
      </c>
      <c r="I8" s="72">
        <v>1525</v>
      </c>
      <c r="J8" s="72">
        <v>1229</v>
      </c>
      <c r="K8" s="72">
        <v>677</v>
      </c>
      <c r="L8" s="74">
        <v>7993</v>
      </c>
      <c r="M8" s="75">
        <v>11817</v>
      </c>
      <c r="N8" s="60">
        <v>18</v>
      </c>
      <c r="O8" s="61">
        <v>31</v>
      </c>
      <c r="P8" s="62">
        <v>49</v>
      </c>
      <c r="Q8" s="231"/>
      <c r="R8" s="61">
        <v>26</v>
      </c>
      <c r="S8" s="61">
        <v>45</v>
      </c>
      <c r="T8" s="61">
        <v>23</v>
      </c>
      <c r="U8" s="61">
        <v>17</v>
      </c>
      <c r="V8" s="61">
        <v>18</v>
      </c>
      <c r="W8" s="62">
        <v>129</v>
      </c>
      <c r="X8" s="63">
        <v>178</v>
      </c>
      <c r="Y8" s="60">
        <v>56</v>
      </c>
      <c r="Z8" s="61">
        <v>88</v>
      </c>
      <c r="AA8" s="62">
        <v>144</v>
      </c>
      <c r="AB8" s="231"/>
      <c r="AC8" s="61">
        <v>64</v>
      </c>
      <c r="AD8" s="61">
        <v>115</v>
      </c>
      <c r="AE8" s="61">
        <v>66</v>
      </c>
      <c r="AF8" s="61">
        <v>61</v>
      </c>
      <c r="AG8" s="61">
        <v>32</v>
      </c>
      <c r="AH8" s="62">
        <v>338</v>
      </c>
      <c r="AI8" s="63">
        <v>482</v>
      </c>
      <c r="AJ8" s="60">
        <v>131</v>
      </c>
      <c r="AK8" s="61">
        <v>169</v>
      </c>
      <c r="AL8" s="62">
        <v>300</v>
      </c>
      <c r="AM8" s="231"/>
      <c r="AN8" s="61">
        <v>152</v>
      </c>
      <c r="AO8" s="61">
        <v>162</v>
      </c>
      <c r="AP8" s="61">
        <v>119</v>
      </c>
      <c r="AQ8" s="61">
        <v>83</v>
      </c>
      <c r="AR8" s="61">
        <v>63</v>
      </c>
      <c r="AS8" s="62">
        <v>579</v>
      </c>
      <c r="AT8" s="63">
        <v>879</v>
      </c>
      <c r="AU8" s="60">
        <v>334</v>
      </c>
      <c r="AV8" s="61">
        <v>371</v>
      </c>
      <c r="AW8" s="62">
        <v>705</v>
      </c>
      <c r="AX8" s="231"/>
      <c r="AY8" s="61">
        <v>373</v>
      </c>
      <c r="AZ8" s="61">
        <v>402</v>
      </c>
      <c r="BA8" s="61">
        <v>224</v>
      </c>
      <c r="BB8" s="61">
        <v>201</v>
      </c>
      <c r="BC8" s="61">
        <v>122</v>
      </c>
      <c r="BD8" s="62">
        <v>1322</v>
      </c>
      <c r="BE8" s="63">
        <v>2027</v>
      </c>
      <c r="BF8" s="60">
        <v>659</v>
      </c>
      <c r="BG8" s="61">
        <v>692</v>
      </c>
      <c r="BH8" s="62">
        <v>1351</v>
      </c>
      <c r="BI8" s="231"/>
      <c r="BJ8" s="61">
        <v>749</v>
      </c>
      <c r="BK8" s="61">
        <v>718</v>
      </c>
      <c r="BL8" s="61">
        <v>441</v>
      </c>
      <c r="BM8" s="61">
        <v>343</v>
      </c>
      <c r="BN8" s="61">
        <v>182</v>
      </c>
      <c r="BO8" s="62">
        <v>2433</v>
      </c>
      <c r="BP8" s="63">
        <v>3784</v>
      </c>
      <c r="BQ8" s="60">
        <v>563</v>
      </c>
      <c r="BR8" s="61">
        <v>712</v>
      </c>
      <c r="BS8" s="62">
        <v>1275</v>
      </c>
      <c r="BT8" s="231"/>
      <c r="BU8" s="61">
        <v>790</v>
      </c>
      <c r="BV8" s="61">
        <v>966</v>
      </c>
      <c r="BW8" s="61">
        <v>652</v>
      </c>
      <c r="BX8" s="61">
        <v>524</v>
      </c>
      <c r="BY8" s="61">
        <v>260</v>
      </c>
      <c r="BZ8" s="62">
        <v>3192</v>
      </c>
      <c r="CA8" s="63">
        <v>4467</v>
      </c>
      <c r="CB8" s="60">
        <v>0</v>
      </c>
      <c r="CC8" s="61">
        <v>0</v>
      </c>
      <c r="CD8" s="62">
        <v>0</v>
      </c>
      <c r="CE8" s="231"/>
      <c r="CF8" s="61">
        <v>0</v>
      </c>
      <c r="CG8" s="61">
        <v>0</v>
      </c>
      <c r="CH8" s="61">
        <v>0</v>
      </c>
      <c r="CI8" s="61">
        <v>0</v>
      </c>
      <c r="CJ8" s="61">
        <v>0</v>
      </c>
      <c r="CK8" s="62">
        <v>0</v>
      </c>
      <c r="CL8" s="63">
        <v>0</v>
      </c>
      <c r="CM8" s="60">
        <v>1761</v>
      </c>
      <c r="CN8" s="61">
        <v>2063</v>
      </c>
      <c r="CO8" s="62">
        <v>3824</v>
      </c>
      <c r="CP8" s="231"/>
      <c r="CQ8" s="61">
        <v>2154</v>
      </c>
      <c r="CR8" s="61">
        <v>2408</v>
      </c>
      <c r="CS8" s="61">
        <v>1525</v>
      </c>
      <c r="CT8" s="61">
        <v>1229</v>
      </c>
      <c r="CU8" s="61">
        <v>677</v>
      </c>
      <c r="CV8" s="62">
        <v>7993</v>
      </c>
      <c r="CW8" s="63">
        <v>11817</v>
      </c>
      <c r="CX8" s="113">
        <v>242</v>
      </c>
      <c r="CY8" s="72">
        <v>343</v>
      </c>
      <c r="CZ8" s="73">
        <v>585</v>
      </c>
      <c r="DA8" s="228"/>
      <c r="DB8" s="72">
        <v>307</v>
      </c>
      <c r="DC8" s="72">
        <v>355</v>
      </c>
      <c r="DD8" s="72">
        <v>228</v>
      </c>
      <c r="DE8" s="72">
        <v>254</v>
      </c>
      <c r="DF8" s="72">
        <v>150</v>
      </c>
      <c r="DG8" s="74">
        <v>1294</v>
      </c>
      <c r="DH8" s="75">
        <v>1879</v>
      </c>
      <c r="DI8" s="60">
        <v>6</v>
      </c>
      <c r="DJ8" s="61">
        <v>9</v>
      </c>
      <c r="DK8" s="62">
        <v>15</v>
      </c>
      <c r="DL8" s="231"/>
      <c r="DM8" s="61">
        <v>3</v>
      </c>
      <c r="DN8" s="61">
        <v>4</v>
      </c>
      <c r="DO8" s="61">
        <v>1</v>
      </c>
      <c r="DP8" s="61">
        <v>3</v>
      </c>
      <c r="DQ8" s="61">
        <v>2</v>
      </c>
      <c r="DR8" s="62">
        <v>13</v>
      </c>
      <c r="DS8" s="63">
        <v>28</v>
      </c>
      <c r="DT8" s="60">
        <v>15</v>
      </c>
      <c r="DU8" s="61">
        <v>18</v>
      </c>
      <c r="DV8" s="62">
        <v>33</v>
      </c>
      <c r="DW8" s="231"/>
      <c r="DX8" s="61">
        <v>12</v>
      </c>
      <c r="DY8" s="61">
        <v>11</v>
      </c>
      <c r="DZ8" s="61">
        <v>18</v>
      </c>
      <c r="EA8" s="61">
        <v>11</v>
      </c>
      <c r="EB8" s="61">
        <v>5</v>
      </c>
      <c r="EC8" s="62">
        <v>57</v>
      </c>
      <c r="ED8" s="63">
        <v>90</v>
      </c>
      <c r="EE8" s="60">
        <v>25</v>
      </c>
      <c r="EF8" s="61">
        <v>47</v>
      </c>
      <c r="EG8" s="62">
        <v>72</v>
      </c>
      <c r="EH8" s="231"/>
      <c r="EI8" s="61">
        <v>31</v>
      </c>
      <c r="EJ8" s="61">
        <v>23</v>
      </c>
      <c r="EK8" s="61">
        <v>18</v>
      </c>
      <c r="EL8" s="61">
        <v>16</v>
      </c>
      <c r="EM8" s="61">
        <v>14</v>
      </c>
      <c r="EN8" s="62">
        <v>102</v>
      </c>
      <c r="EO8" s="63">
        <v>174</v>
      </c>
      <c r="EP8" s="60">
        <v>61</v>
      </c>
      <c r="EQ8" s="61">
        <v>81</v>
      </c>
      <c r="ER8" s="62">
        <v>142</v>
      </c>
      <c r="ES8" s="231"/>
      <c r="ET8" s="61">
        <v>60</v>
      </c>
      <c r="EU8" s="61">
        <v>49</v>
      </c>
      <c r="EV8" s="61">
        <v>19</v>
      </c>
      <c r="EW8" s="61">
        <v>40</v>
      </c>
      <c r="EX8" s="61">
        <v>13</v>
      </c>
      <c r="EY8" s="62">
        <v>181</v>
      </c>
      <c r="EZ8" s="63">
        <v>323</v>
      </c>
      <c r="FA8" s="60">
        <v>84</v>
      </c>
      <c r="FB8" s="61">
        <v>106</v>
      </c>
      <c r="FC8" s="62">
        <v>190</v>
      </c>
      <c r="FD8" s="231"/>
      <c r="FE8" s="61">
        <v>102</v>
      </c>
      <c r="FF8" s="61">
        <v>114</v>
      </c>
      <c r="FG8" s="61">
        <v>51</v>
      </c>
      <c r="FH8" s="61">
        <v>53</v>
      </c>
      <c r="FI8" s="61">
        <v>29</v>
      </c>
      <c r="FJ8" s="62">
        <v>349</v>
      </c>
      <c r="FK8" s="63">
        <v>539</v>
      </c>
      <c r="FL8" s="60">
        <v>51</v>
      </c>
      <c r="FM8" s="61">
        <v>82</v>
      </c>
      <c r="FN8" s="62">
        <v>133</v>
      </c>
      <c r="FO8" s="231"/>
      <c r="FP8" s="61">
        <v>99</v>
      </c>
      <c r="FQ8" s="61">
        <v>154</v>
      </c>
      <c r="FR8" s="61">
        <v>121</v>
      </c>
      <c r="FS8" s="61">
        <v>131</v>
      </c>
      <c r="FT8" s="61">
        <v>87</v>
      </c>
      <c r="FU8" s="62">
        <v>592</v>
      </c>
      <c r="FV8" s="63">
        <v>725</v>
      </c>
      <c r="FW8" s="60">
        <v>0</v>
      </c>
      <c r="FX8" s="61">
        <v>0</v>
      </c>
      <c r="FY8" s="62">
        <v>0</v>
      </c>
      <c r="FZ8" s="231"/>
      <c r="GA8" s="61">
        <v>0</v>
      </c>
      <c r="GB8" s="61">
        <v>0</v>
      </c>
      <c r="GC8" s="61">
        <v>0</v>
      </c>
      <c r="GD8" s="61">
        <v>0</v>
      </c>
      <c r="GE8" s="61">
        <v>0</v>
      </c>
      <c r="GF8" s="62">
        <v>0</v>
      </c>
      <c r="GG8" s="63">
        <v>0</v>
      </c>
      <c r="GH8" s="60">
        <v>242</v>
      </c>
      <c r="GI8" s="61">
        <v>343</v>
      </c>
      <c r="GJ8" s="62">
        <v>585</v>
      </c>
      <c r="GK8" s="231"/>
      <c r="GL8" s="61">
        <v>307</v>
      </c>
      <c r="GM8" s="61">
        <v>355</v>
      </c>
      <c r="GN8" s="61">
        <v>228</v>
      </c>
      <c r="GO8" s="61">
        <v>254</v>
      </c>
      <c r="GP8" s="61">
        <v>150</v>
      </c>
      <c r="GQ8" s="62">
        <v>1294</v>
      </c>
      <c r="GR8" s="63">
        <v>1879</v>
      </c>
      <c r="GS8" s="113">
        <v>2003</v>
      </c>
      <c r="GT8" s="72">
        <v>2406</v>
      </c>
      <c r="GU8" s="73">
        <v>4409</v>
      </c>
      <c r="GV8" s="228"/>
      <c r="GW8" s="72">
        <v>2461</v>
      </c>
      <c r="GX8" s="72">
        <v>2763</v>
      </c>
      <c r="GY8" s="72">
        <v>1753</v>
      </c>
      <c r="GZ8" s="72">
        <v>1483</v>
      </c>
      <c r="HA8" s="72">
        <v>827</v>
      </c>
      <c r="HB8" s="74">
        <v>9287</v>
      </c>
      <c r="HC8" s="75">
        <v>13696</v>
      </c>
      <c r="HD8" s="60">
        <v>24</v>
      </c>
      <c r="HE8" s="61">
        <v>40</v>
      </c>
      <c r="HF8" s="62">
        <v>64</v>
      </c>
      <c r="HG8" s="231"/>
      <c r="HH8" s="61">
        <v>29</v>
      </c>
      <c r="HI8" s="61">
        <v>49</v>
      </c>
      <c r="HJ8" s="61">
        <v>24</v>
      </c>
      <c r="HK8" s="61">
        <v>20</v>
      </c>
      <c r="HL8" s="61">
        <v>20</v>
      </c>
      <c r="HM8" s="62">
        <v>142</v>
      </c>
      <c r="HN8" s="63">
        <v>206</v>
      </c>
      <c r="HO8" s="60">
        <v>71</v>
      </c>
      <c r="HP8" s="61">
        <v>106</v>
      </c>
      <c r="HQ8" s="62">
        <v>177</v>
      </c>
      <c r="HR8" s="231"/>
      <c r="HS8" s="61">
        <v>76</v>
      </c>
      <c r="HT8" s="61">
        <v>126</v>
      </c>
      <c r="HU8" s="61">
        <v>84</v>
      </c>
      <c r="HV8" s="61">
        <v>72</v>
      </c>
      <c r="HW8" s="61">
        <v>37</v>
      </c>
      <c r="HX8" s="62">
        <v>395</v>
      </c>
      <c r="HY8" s="63">
        <v>572</v>
      </c>
      <c r="HZ8" s="60">
        <v>156</v>
      </c>
      <c r="IA8" s="61">
        <v>216</v>
      </c>
      <c r="IB8" s="62">
        <v>372</v>
      </c>
      <c r="IC8" s="231"/>
      <c r="ID8" s="61">
        <v>183</v>
      </c>
      <c r="IE8" s="61">
        <v>185</v>
      </c>
      <c r="IF8" s="61">
        <v>137</v>
      </c>
      <c r="IG8" s="61">
        <v>99</v>
      </c>
      <c r="IH8" s="61">
        <v>77</v>
      </c>
      <c r="II8" s="62">
        <v>681</v>
      </c>
      <c r="IJ8" s="63">
        <v>1053</v>
      </c>
      <c r="IK8" s="60">
        <v>395</v>
      </c>
      <c r="IL8" s="61">
        <v>452</v>
      </c>
      <c r="IM8" s="62">
        <v>847</v>
      </c>
      <c r="IN8" s="231"/>
      <c r="IO8" s="61">
        <v>433</v>
      </c>
      <c r="IP8" s="61">
        <v>451</v>
      </c>
      <c r="IQ8" s="61">
        <v>243</v>
      </c>
      <c r="IR8" s="61">
        <v>241</v>
      </c>
      <c r="IS8" s="61">
        <v>135</v>
      </c>
      <c r="IT8" s="62">
        <v>1503</v>
      </c>
      <c r="IU8" s="63">
        <v>2350</v>
      </c>
      <c r="IV8" s="60">
        <v>743</v>
      </c>
      <c r="IW8" s="61">
        <v>798</v>
      </c>
      <c r="IX8" s="62">
        <v>1541</v>
      </c>
      <c r="IY8" s="231"/>
      <c r="IZ8" s="61">
        <v>851</v>
      </c>
      <c r="JA8" s="61">
        <v>832</v>
      </c>
      <c r="JB8" s="61">
        <v>492</v>
      </c>
      <c r="JC8" s="61">
        <v>396</v>
      </c>
      <c r="JD8" s="61">
        <v>211</v>
      </c>
      <c r="JE8" s="62">
        <v>2782</v>
      </c>
      <c r="JF8" s="63">
        <v>4323</v>
      </c>
      <c r="JG8" s="60">
        <v>614</v>
      </c>
      <c r="JH8" s="61">
        <v>794</v>
      </c>
      <c r="JI8" s="62">
        <v>1408</v>
      </c>
      <c r="JJ8" s="231"/>
      <c r="JK8" s="61">
        <v>889</v>
      </c>
      <c r="JL8" s="61">
        <v>1120</v>
      </c>
      <c r="JM8" s="61">
        <v>773</v>
      </c>
      <c r="JN8" s="61">
        <v>655</v>
      </c>
      <c r="JO8" s="61">
        <v>347</v>
      </c>
      <c r="JP8" s="62">
        <v>3784</v>
      </c>
      <c r="JQ8" s="63">
        <v>5192</v>
      </c>
      <c r="JR8" s="60">
        <v>0</v>
      </c>
      <c r="JS8" s="61">
        <v>0</v>
      </c>
      <c r="JT8" s="62">
        <v>0</v>
      </c>
      <c r="JU8" s="231"/>
      <c r="JV8" s="61">
        <v>0</v>
      </c>
      <c r="JW8" s="61">
        <v>0</v>
      </c>
      <c r="JX8" s="61">
        <v>0</v>
      </c>
      <c r="JY8" s="61">
        <v>0</v>
      </c>
      <c r="JZ8" s="61">
        <v>0</v>
      </c>
      <c r="KA8" s="62">
        <v>0</v>
      </c>
      <c r="KB8" s="63">
        <v>0</v>
      </c>
      <c r="KC8" s="60">
        <v>2003</v>
      </c>
      <c r="KD8" s="61">
        <v>2406</v>
      </c>
      <c r="KE8" s="62">
        <v>4409</v>
      </c>
      <c r="KF8" s="231"/>
      <c r="KG8" s="61">
        <v>2461</v>
      </c>
      <c r="KH8" s="61">
        <v>2763</v>
      </c>
      <c r="KI8" s="61">
        <v>1753</v>
      </c>
      <c r="KJ8" s="61">
        <v>1483</v>
      </c>
      <c r="KK8" s="61">
        <v>827</v>
      </c>
      <c r="KL8" s="62">
        <v>9287</v>
      </c>
      <c r="KM8" s="63">
        <v>13696</v>
      </c>
    </row>
    <row r="9" spans="2:299" ht="21" customHeight="1" x14ac:dyDescent="0.2">
      <c r="B9" s="472" t="s">
        <v>6</v>
      </c>
      <c r="C9" s="293">
        <v>464</v>
      </c>
      <c r="D9" s="72">
        <v>370</v>
      </c>
      <c r="E9" s="73">
        <v>834</v>
      </c>
      <c r="F9" s="228"/>
      <c r="G9" s="72">
        <v>799</v>
      </c>
      <c r="H9" s="72">
        <v>595</v>
      </c>
      <c r="I9" s="72">
        <v>353</v>
      </c>
      <c r="J9" s="72">
        <v>332</v>
      </c>
      <c r="K9" s="72">
        <v>195</v>
      </c>
      <c r="L9" s="74">
        <v>2274</v>
      </c>
      <c r="M9" s="75">
        <v>3108</v>
      </c>
      <c r="N9" s="60">
        <v>11</v>
      </c>
      <c r="O9" s="61">
        <v>9</v>
      </c>
      <c r="P9" s="62">
        <v>20</v>
      </c>
      <c r="Q9" s="231"/>
      <c r="R9" s="61">
        <v>12</v>
      </c>
      <c r="S9" s="61">
        <v>8</v>
      </c>
      <c r="T9" s="61">
        <v>8</v>
      </c>
      <c r="U9" s="61">
        <v>3</v>
      </c>
      <c r="V9" s="61">
        <v>2</v>
      </c>
      <c r="W9" s="62">
        <v>33</v>
      </c>
      <c r="X9" s="63">
        <v>53</v>
      </c>
      <c r="Y9" s="60">
        <v>27</v>
      </c>
      <c r="Z9" s="61">
        <v>13</v>
      </c>
      <c r="AA9" s="62">
        <v>40</v>
      </c>
      <c r="AB9" s="231"/>
      <c r="AC9" s="61">
        <v>37</v>
      </c>
      <c r="AD9" s="61">
        <v>23</v>
      </c>
      <c r="AE9" s="61">
        <v>9</v>
      </c>
      <c r="AF9" s="61">
        <v>21</v>
      </c>
      <c r="AG9" s="61">
        <v>17</v>
      </c>
      <c r="AH9" s="62">
        <v>107</v>
      </c>
      <c r="AI9" s="63">
        <v>147</v>
      </c>
      <c r="AJ9" s="60">
        <v>35</v>
      </c>
      <c r="AK9" s="61">
        <v>37</v>
      </c>
      <c r="AL9" s="62">
        <v>72</v>
      </c>
      <c r="AM9" s="231"/>
      <c r="AN9" s="61">
        <v>69</v>
      </c>
      <c r="AO9" s="61">
        <v>48</v>
      </c>
      <c r="AP9" s="61">
        <v>26</v>
      </c>
      <c r="AQ9" s="61">
        <v>26</v>
      </c>
      <c r="AR9" s="61">
        <v>12</v>
      </c>
      <c r="AS9" s="62">
        <v>181</v>
      </c>
      <c r="AT9" s="63">
        <v>253</v>
      </c>
      <c r="AU9" s="60">
        <v>86</v>
      </c>
      <c r="AV9" s="61">
        <v>66</v>
      </c>
      <c r="AW9" s="62">
        <v>152</v>
      </c>
      <c r="AX9" s="231"/>
      <c r="AY9" s="61">
        <v>151</v>
      </c>
      <c r="AZ9" s="61">
        <v>110</v>
      </c>
      <c r="BA9" s="61">
        <v>67</v>
      </c>
      <c r="BB9" s="61">
        <v>22</v>
      </c>
      <c r="BC9" s="61">
        <v>38</v>
      </c>
      <c r="BD9" s="62">
        <v>388</v>
      </c>
      <c r="BE9" s="63">
        <v>540</v>
      </c>
      <c r="BF9" s="60">
        <v>158</v>
      </c>
      <c r="BG9" s="61">
        <v>113</v>
      </c>
      <c r="BH9" s="62">
        <v>271</v>
      </c>
      <c r="BI9" s="231"/>
      <c r="BJ9" s="61">
        <v>247</v>
      </c>
      <c r="BK9" s="61">
        <v>183</v>
      </c>
      <c r="BL9" s="61">
        <v>98</v>
      </c>
      <c r="BM9" s="61">
        <v>96</v>
      </c>
      <c r="BN9" s="61">
        <v>53</v>
      </c>
      <c r="BO9" s="62">
        <v>677</v>
      </c>
      <c r="BP9" s="63">
        <v>948</v>
      </c>
      <c r="BQ9" s="60">
        <v>147</v>
      </c>
      <c r="BR9" s="61">
        <v>132</v>
      </c>
      <c r="BS9" s="62">
        <v>279</v>
      </c>
      <c r="BT9" s="231"/>
      <c r="BU9" s="61">
        <v>283</v>
      </c>
      <c r="BV9" s="61">
        <v>223</v>
      </c>
      <c r="BW9" s="61">
        <v>145</v>
      </c>
      <c r="BX9" s="61">
        <v>164</v>
      </c>
      <c r="BY9" s="61">
        <v>73</v>
      </c>
      <c r="BZ9" s="62">
        <v>888</v>
      </c>
      <c r="CA9" s="63">
        <v>1167</v>
      </c>
      <c r="CB9" s="60">
        <v>0</v>
      </c>
      <c r="CC9" s="61">
        <v>0</v>
      </c>
      <c r="CD9" s="62">
        <v>0</v>
      </c>
      <c r="CE9" s="231"/>
      <c r="CF9" s="61">
        <v>0</v>
      </c>
      <c r="CG9" s="61">
        <v>0</v>
      </c>
      <c r="CH9" s="61">
        <v>0</v>
      </c>
      <c r="CI9" s="61">
        <v>0</v>
      </c>
      <c r="CJ9" s="61">
        <v>0</v>
      </c>
      <c r="CK9" s="62">
        <v>0</v>
      </c>
      <c r="CL9" s="63">
        <v>0</v>
      </c>
      <c r="CM9" s="60">
        <v>464</v>
      </c>
      <c r="CN9" s="61">
        <v>370</v>
      </c>
      <c r="CO9" s="62">
        <v>834</v>
      </c>
      <c r="CP9" s="231"/>
      <c r="CQ9" s="61">
        <v>799</v>
      </c>
      <c r="CR9" s="61">
        <v>595</v>
      </c>
      <c r="CS9" s="61">
        <v>353</v>
      </c>
      <c r="CT9" s="61">
        <v>332</v>
      </c>
      <c r="CU9" s="61">
        <v>195</v>
      </c>
      <c r="CV9" s="62">
        <v>2274</v>
      </c>
      <c r="CW9" s="63">
        <v>3108</v>
      </c>
      <c r="CX9" s="113">
        <v>85</v>
      </c>
      <c r="CY9" s="72">
        <v>98</v>
      </c>
      <c r="CZ9" s="73">
        <v>183</v>
      </c>
      <c r="DA9" s="228"/>
      <c r="DB9" s="72">
        <v>138</v>
      </c>
      <c r="DC9" s="72">
        <v>104</v>
      </c>
      <c r="DD9" s="72">
        <v>75</v>
      </c>
      <c r="DE9" s="72">
        <v>78</v>
      </c>
      <c r="DF9" s="72">
        <v>60</v>
      </c>
      <c r="DG9" s="74">
        <v>455</v>
      </c>
      <c r="DH9" s="75">
        <v>638</v>
      </c>
      <c r="DI9" s="60">
        <v>1</v>
      </c>
      <c r="DJ9" s="61">
        <v>3</v>
      </c>
      <c r="DK9" s="62">
        <v>4</v>
      </c>
      <c r="DL9" s="231"/>
      <c r="DM9" s="61">
        <v>1</v>
      </c>
      <c r="DN9" s="61">
        <v>0</v>
      </c>
      <c r="DO9" s="61">
        <v>2</v>
      </c>
      <c r="DP9" s="61">
        <v>2</v>
      </c>
      <c r="DQ9" s="61">
        <v>0</v>
      </c>
      <c r="DR9" s="62">
        <v>5</v>
      </c>
      <c r="DS9" s="63">
        <v>9</v>
      </c>
      <c r="DT9" s="60">
        <v>8</v>
      </c>
      <c r="DU9" s="61">
        <v>4</v>
      </c>
      <c r="DV9" s="62">
        <v>12</v>
      </c>
      <c r="DW9" s="231"/>
      <c r="DX9" s="61">
        <v>6</v>
      </c>
      <c r="DY9" s="61">
        <v>3</v>
      </c>
      <c r="DZ9" s="61">
        <v>2</v>
      </c>
      <c r="EA9" s="61">
        <v>4</v>
      </c>
      <c r="EB9" s="61">
        <v>1</v>
      </c>
      <c r="EC9" s="62">
        <v>16</v>
      </c>
      <c r="ED9" s="63">
        <v>28</v>
      </c>
      <c r="EE9" s="60">
        <v>13</v>
      </c>
      <c r="EF9" s="61">
        <v>9</v>
      </c>
      <c r="EG9" s="62">
        <v>22</v>
      </c>
      <c r="EH9" s="231"/>
      <c r="EI9" s="61">
        <v>9</v>
      </c>
      <c r="EJ9" s="61">
        <v>3</v>
      </c>
      <c r="EK9" s="61">
        <v>4</v>
      </c>
      <c r="EL9" s="61">
        <v>3</v>
      </c>
      <c r="EM9" s="61">
        <v>4</v>
      </c>
      <c r="EN9" s="62">
        <v>23</v>
      </c>
      <c r="EO9" s="63">
        <v>45</v>
      </c>
      <c r="EP9" s="60">
        <v>28</v>
      </c>
      <c r="EQ9" s="61">
        <v>21</v>
      </c>
      <c r="ER9" s="62">
        <v>49</v>
      </c>
      <c r="ES9" s="231"/>
      <c r="ET9" s="61">
        <v>28</v>
      </c>
      <c r="EU9" s="61">
        <v>14</v>
      </c>
      <c r="EV9" s="61">
        <v>12</v>
      </c>
      <c r="EW9" s="61">
        <v>6</v>
      </c>
      <c r="EX9" s="61">
        <v>12</v>
      </c>
      <c r="EY9" s="62">
        <v>72</v>
      </c>
      <c r="EZ9" s="63">
        <v>121</v>
      </c>
      <c r="FA9" s="60">
        <v>17</v>
      </c>
      <c r="FB9" s="61">
        <v>33</v>
      </c>
      <c r="FC9" s="62">
        <v>50</v>
      </c>
      <c r="FD9" s="231"/>
      <c r="FE9" s="61">
        <v>45</v>
      </c>
      <c r="FF9" s="61">
        <v>40</v>
      </c>
      <c r="FG9" s="61">
        <v>18</v>
      </c>
      <c r="FH9" s="61">
        <v>16</v>
      </c>
      <c r="FI9" s="61">
        <v>17</v>
      </c>
      <c r="FJ9" s="62">
        <v>136</v>
      </c>
      <c r="FK9" s="63">
        <v>186</v>
      </c>
      <c r="FL9" s="60">
        <v>18</v>
      </c>
      <c r="FM9" s="61">
        <v>28</v>
      </c>
      <c r="FN9" s="62">
        <v>46</v>
      </c>
      <c r="FO9" s="231"/>
      <c r="FP9" s="61">
        <v>49</v>
      </c>
      <c r="FQ9" s="61">
        <v>44</v>
      </c>
      <c r="FR9" s="61">
        <v>37</v>
      </c>
      <c r="FS9" s="61">
        <v>47</v>
      </c>
      <c r="FT9" s="61">
        <v>26</v>
      </c>
      <c r="FU9" s="62">
        <v>203</v>
      </c>
      <c r="FV9" s="63">
        <v>249</v>
      </c>
      <c r="FW9" s="60">
        <v>0</v>
      </c>
      <c r="FX9" s="61">
        <v>0</v>
      </c>
      <c r="FY9" s="62">
        <v>0</v>
      </c>
      <c r="FZ9" s="231"/>
      <c r="GA9" s="61">
        <v>0</v>
      </c>
      <c r="GB9" s="61">
        <v>0</v>
      </c>
      <c r="GC9" s="61">
        <v>0</v>
      </c>
      <c r="GD9" s="61">
        <v>0</v>
      </c>
      <c r="GE9" s="61">
        <v>0</v>
      </c>
      <c r="GF9" s="62">
        <v>0</v>
      </c>
      <c r="GG9" s="63">
        <v>0</v>
      </c>
      <c r="GH9" s="60">
        <v>85</v>
      </c>
      <c r="GI9" s="61">
        <v>98</v>
      </c>
      <c r="GJ9" s="62">
        <v>183</v>
      </c>
      <c r="GK9" s="231"/>
      <c r="GL9" s="61">
        <v>138</v>
      </c>
      <c r="GM9" s="61">
        <v>104</v>
      </c>
      <c r="GN9" s="61">
        <v>75</v>
      </c>
      <c r="GO9" s="61">
        <v>78</v>
      </c>
      <c r="GP9" s="61">
        <v>60</v>
      </c>
      <c r="GQ9" s="62">
        <v>455</v>
      </c>
      <c r="GR9" s="63">
        <v>638</v>
      </c>
      <c r="GS9" s="113">
        <v>549</v>
      </c>
      <c r="GT9" s="72">
        <v>468</v>
      </c>
      <c r="GU9" s="73">
        <v>1017</v>
      </c>
      <c r="GV9" s="228"/>
      <c r="GW9" s="72">
        <v>937</v>
      </c>
      <c r="GX9" s="72">
        <v>699</v>
      </c>
      <c r="GY9" s="72">
        <v>428</v>
      </c>
      <c r="GZ9" s="72">
        <v>410</v>
      </c>
      <c r="HA9" s="72">
        <v>255</v>
      </c>
      <c r="HB9" s="74">
        <v>2729</v>
      </c>
      <c r="HC9" s="75">
        <v>3746</v>
      </c>
      <c r="HD9" s="60">
        <v>12</v>
      </c>
      <c r="HE9" s="61">
        <v>12</v>
      </c>
      <c r="HF9" s="62">
        <v>24</v>
      </c>
      <c r="HG9" s="231"/>
      <c r="HH9" s="61">
        <v>13</v>
      </c>
      <c r="HI9" s="61">
        <v>8</v>
      </c>
      <c r="HJ9" s="61">
        <v>10</v>
      </c>
      <c r="HK9" s="61">
        <v>5</v>
      </c>
      <c r="HL9" s="61">
        <v>2</v>
      </c>
      <c r="HM9" s="62">
        <v>38</v>
      </c>
      <c r="HN9" s="63">
        <v>62</v>
      </c>
      <c r="HO9" s="60">
        <v>35</v>
      </c>
      <c r="HP9" s="61">
        <v>17</v>
      </c>
      <c r="HQ9" s="62">
        <v>52</v>
      </c>
      <c r="HR9" s="231"/>
      <c r="HS9" s="61">
        <v>43</v>
      </c>
      <c r="HT9" s="61">
        <v>26</v>
      </c>
      <c r="HU9" s="61">
        <v>11</v>
      </c>
      <c r="HV9" s="61">
        <v>25</v>
      </c>
      <c r="HW9" s="61">
        <v>18</v>
      </c>
      <c r="HX9" s="62">
        <v>123</v>
      </c>
      <c r="HY9" s="63">
        <v>175</v>
      </c>
      <c r="HZ9" s="60">
        <v>48</v>
      </c>
      <c r="IA9" s="61">
        <v>46</v>
      </c>
      <c r="IB9" s="62">
        <v>94</v>
      </c>
      <c r="IC9" s="231"/>
      <c r="ID9" s="61">
        <v>78</v>
      </c>
      <c r="IE9" s="61">
        <v>51</v>
      </c>
      <c r="IF9" s="61">
        <v>30</v>
      </c>
      <c r="IG9" s="61">
        <v>29</v>
      </c>
      <c r="IH9" s="61">
        <v>16</v>
      </c>
      <c r="II9" s="62">
        <v>204</v>
      </c>
      <c r="IJ9" s="63">
        <v>298</v>
      </c>
      <c r="IK9" s="60">
        <v>114</v>
      </c>
      <c r="IL9" s="61">
        <v>87</v>
      </c>
      <c r="IM9" s="62">
        <v>201</v>
      </c>
      <c r="IN9" s="231"/>
      <c r="IO9" s="61">
        <v>179</v>
      </c>
      <c r="IP9" s="61">
        <v>124</v>
      </c>
      <c r="IQ9" s="61">
        <v>79</v>
      </c>
      <c r="IR9" s="61">
        <v>28</v>
      </c>
      <c r="IS9" s="61">
        <v>50</v>
      </c>
      <c r="IT9" s="62">
        <v>460</v>
      </c>
      <c r="IU9" s="63">
        <v>661</v>
      </c>
      <c r="IV9" s="60">
        <v>175</v>
      </c>
      <c r="IW9" s="61">
        <v>146</v>
      </c>
      <c r="IX9" s="62">
        <v>321</v>
      </c>
      <c r="IY9" s="231"/>
      <c r="IZ9" s="61">
        <v>292</v>
      </c>
      <c r="JA9" s="61">
        <v>223</v>
      </c>
      <c r="JB9" s="61">
        <v>116</v>
      </c>
      <c r="JC9" s="61">
        <v>112</v>
      </c>
      <c r="JD9" s="61">
        <v>70</v>
      </c>
      <c r="JE9" s="62">
        <v>813</v>
      </c>
      <c r="JF9" s="63">
        <v>1134</v>
      </c>
      <c r="JG9" s="60">
        <v>165</v>
      </c>
      <c r="JH9" s="61">
        <v>160</v>
      </c>
      <c r="JI9" s="62">
        <v>325</v>
      </c>
      <c r="JJ9" s="231"/>
      <c r="JK9" s="61">
        <v>332</v>
      </c>
      <c r="JL9" s="61">
        <v>267</v>
      </c>
      <c r="JM9" s="61">
        <v>182</v>
      </c>
      <c r="JN9" s="61">
        <v>211</v>
      </c>
      <c r="JO9" s="61">
        <v>99</v>
      </c>
      <c r="JP9" s="62">
        <v>1091</v>
      </c>
      <c r="JQ9" s="63">
        <v>1416</v>
      </c>
      <c r="JR9" s="60">
        <v>0</v>
      </c>
      <c r="JS9" s="61">
        <v>0</v>
      </c>
      <c r="JT9" s="62">
        <v>0</v>
      </c>
      <c r="JU9" s="231"/>
      <c r="JV9" s="61">
        <v>0</v>
      </c>
      <c r="JW9" s="61">
        <v>0</v>
      </c>
      <c r="JX9" s="61">
        <v>0</v>
      </c>
      <c r="JY9" s="61">
        <v>0</v>
      </c>
      <c r="JZ9" s="61">
        <v>0</v>
      </c>
      <c r="KA9" s="62">
        <v>0</v>
      </c>
      <c r="KB9" s="63">
        <v>0</v>
      </c>
      <c r="KC9" s="60">
        <v>549</v>
      </c>
      <c r="KD9" s="61">
        <v>468</v>
      </c>
      <c r="KE9" s="62">
        <v>1017</v>
      </c>
      <c r="KF9" s="231"/>
      <c r="KG9" s="61">
        <v>937</v>
      </c>
      <c r="KH9" s="61">
        <v>699</v>
      </c>
      <c r="KI9" s="61">
        <v>428</v>
      </c>
      <c r="KJ9" s="61">
        <v>410</v>
      </c>
      <c r="KK9" s="61">
        <v>255</v>
      </c>
      <c r="KL9" s="62">
        <v>2729</v>
      </c>
      <c r="KM9" s="63">
        <v>3746</v>
      </c>
    </row>
    <row r="10" spans="2:299" ht="21" customHeight="1" x14ac:dyDescent="0.2">
      <c r="B10" s="472" t="s">
        <v>14</v>
      </c>
      <c r="C10" s="293">
        <v>253</v>
      </c>
      <c r="D10" s="72">
        <v>326</v>
      </c>
      <c r="E10" s="73">
        <v>579</v>
      </c>
      <c r="F10" s="228"/>
      <c r="G10" s="72">
        <v>383</v>
      </c>
      <c r="H10" s="72">
        <v>408</v>
      </c>
      <c r="I10" s="72">
        <v>276</v>
      </c>
      <c r="J10" s="72">
        <v>223</v>
      </c>
      <c r="K10" s="72">
        <v>123</v>
      </c>
      <c r="L10" s="74">
        <v>1413</v>
      </c>
      <c r="M10" s="75">
        <v>1992</v>
      </c>
      <c r="N10" s="60">
        <v>5</v>
      </c>
      <c r="O10" s="61">
        <v>2</v>
      </c>
      <c r="P10" s="62">
        <v>7</v>
      </c>
      <c r="Q10" s="231"/>
      <c r="R10" s="61">
        <v>6</v>
      </c>
      <c r="S10" s="61">
        <v>6</v>
      </c>
      <c r="T10" s="61">
        <v>4</v>
      </c>
      <c r="U10" s="61">
        <v>7</v>
      </c>
      <c r="V10" s="61">
        <v>6</v>
      </c>
      <c r="W10" s="62">
        <v>29</v>
      </c>
      <c r="X10" s="63">
        <v>36</v>
      </c>
      <c r="Y10" s="60">
        <v>11</v>
      </c>
      <c r="Z10" s="61">
        <v>16</v>
      </c>
      <c r="AA10" s="62">
        <v>27</v>
      </c>
      <c r="AB10" s="231"/>
      <c r="AC10" s="61">
        <v>14</v>
      </c>
      <c r="AD10" s="61">
        <v>17</v>
      </c>
      <c r="AE10" s="61">
        <v>15</v>
      </c>
      <c r="AF10" s="61">
        <v>7</v>
      </c>
      <c r="AG10" s="61">
        <v>10</v>
      </c>
      <c r="AH10" s="62">
        <v>63</v>
      </c>
      <c r="AI10" s="63">
        <v>90</v>
      </c>
      <c r="AJ10" s="60">
        <v>23</v>
      </c>
      <c r="AK10" s="61">
        <v>43</v>
      </c>
      <c r="AL10" s="62">
        <v>66</v>
      </c>
      <c r="AM10" s="231"/>
      <c r="AN10" s="61">
        <v>28</v>
      </c>
      <c r="AO10" s="61">
        <v>37</v>
      </c>
      <c r="AP10" s="61">
        <v>18</v>
      </c>
      <c r="AQ10" s="61">
        <v>28</v>
      </c>
      <c r="AR10" s="61">
        <v>10</v>
      </c>
      <c r="AS10" s="62">
        <v>121</v>
      </c>
      <c r="AT10" s="63">
        <v>187</v>
      </c>
      <c r="AU10" s="60">
        <v>64</v>
      </c>
      <c r="AV10" s="61">
        <v>84</v>
      </c>
      <c r="AW10" s="62">
        <v>148</v>
      </c>
      <c r="AX10" s="231"/>
      <c r="AY10" s="61">
        <v>81</v>
      </c>
      <c r="AZ10" s="61">
        <v>87</v>
      </c>
      <c r="BA10" s="61">
        <v>59</v>
      </c>
      <c r="BB10" s="61">
        <v>43</v>
      </c>
      <c r="BC10" s="61">
        <v>16</v>
      </c>
      <c r="BD10" s="62">
        <v>286</v>
      </c>
      <c r="BE10" s="63">
        <v>434</v>
      </c>
      <c r="BF10" s="60">
        <v>82</v>
      </c>
      <c r="BG10" s="61">
        <v>96</v>
      </c>
      <c r="BH10" s="62">
        <v>178</v>
      </c>
      <c r="BI10" s="231"/>
      <c r="BJ10" s="61">
        <v>127</v>
      </c>
      <c r="BK10" s="61">
        <v>125</v>
      </c>
      <c r="BL10" s="61">
        <v>73</v>
      </c>
      <c r="BM10" s="61">
        <v>67</v>
      </c>
      <c r="BN10" s="61">
        <v>27</v>
      </c>
      <c r="BO10" s="62">
        <v>419</v>
      </c>
      <c r="BP10" s="63">
        <v>597</v>
      </c>
      <c r="BQ10" s="60">
        <v>68</v>
      </c>
      <c r="BR10" s="61">
        <v>85</v>
      </c>
      <c r="BS10" s="62">
        <v>153</v>
      </c>
      <c r="BT10" s="231"/>
      <c r="BU10" s="61">
        <v>127</v>
      </c>
      <c r="BV10" s="61">
        <v>136</v>
      </c>
      <c r="BW10" s="61">
        <v>107</v>
      </c>
      <c r="BX10" s="61">
        <v>71</v>
      </c>
      <c r="BY10" s="61">
        <v>54</v>
      </c>
      <c r="BZ10" s="62">
        <v>495</v>
      </c>
      <c r="CA10" s="63">
        <v>648</v>
      </c>
      <c r="CB10" s="60">
        <v>0</v>
      </c>
      <c r="CC10" s="61">
        <v>0</v>
      </c>
      <c r="CD10" s="62">
        <v>0</v>
      </c>
      <c r="CE10" s="231"/>
      <c r="CF10" s="61">
        <v>0</v>
      </c>
      <c r="CG10" s="61">
        <v>0</v>
      </c>
      <c r="CH10" s="61">
        <v>0</v>
      </c>
      <c r="CI10" s="61">
        <v>0</v>
      </c>
      <c r="CJ10" s="61">
        <v>0</v>
      </c>
      <c r="CK10" s="62">
        <v>0</v>
      </c>
      <c r="CL10" s="63">
        <v>0</v>
      </c>
      <c r="CM10" s="60">
        <v>253</v>
      </c>
      <c r="CN10" s="61">
        <v>326</v>
      </c>
      <c r="CO10" s="62">
        <v>579</v>
      </c>
      <c r="CP10" s="231"/>
      <c r="CQ10" s="61">
        <v>383</v>
      </c>
      <c r="CR10" s="61">
        <v>408</v>
      </c>
      <c r="CS10" s="61">
        <v>276</v>
      </c>
      <c r="CT10" s="61">
        <v>223</v>
      </c>
      <c r="CU10" s="61">
        <v>123</v>
      </c>
      <c r="CV10" s="62">
        <v>1413</v>
      </c>
      <c r="CW10" s="63">
        <v>1992</v>
      </c>
      <c r="CX10" s="113">
        <v>38</v>
      </c>
      <c r="CY10" s="72">
        <v>47</v>
      </c>
      <c r="CZ10" s="73">
        <v>85</v>
      </c>
      <c r="DA10" s="228"/>
      <c r="DB10" s="72">
        <v>44</v>
      </c>
      <c r="DC10" s="72">
        <v>54</v>
      </c>
      <c r="DD10" s="72">
        <v>42</v>
      </c>
      <c r="DE10" s="72">
        <v>26</v>
      </c>
      <c r="DF10" s="72">
        <v>20</v>
      </c>
      <c r="DG10" s="74">
        <v>186</v>
      </c>
      <c r="DH10" s="75">
        <v>271</v>
      </c>
      <c r="DI10" s="60">
        <v>0</v>
      </c>
      <c r="DJ10" s="61">
        <v>0</v>
      </c>
      <c r="DK10" s="62">
        <v>0</v>
      </c>
      <c r="DL10" s="231"/>
      <c r="DM10" s="61">
        <v>0</v>
      </c>
      <c r="DN10" s="61">
        <v>1</v>
      </c>
      <c r="DO10" s="61">
        <v>2</v>
      </c>
      <c r="DP10" s="61">
        <v>0</v>
      </c>
      <c r="DQ10" s="61">
        <v>0</v>
      </c>
      <c r="DR10" s="62">
        <v>3</v>
      </c>
      <c r="DS10" s="63">
        <v>3</v>
      </c>
      <c r="DT10" s="60">
        <v>1</v>
      </c>
      <c r="DU10" s="61">
        <v>2</v>
      </c>
      <c r="DV10" s="62">
        <v>3</v>
      </c>
      <c r="DW10" s="231"/>
      <c r="DX10" s="61">
        <v>2</v>
      </c>
      <c r="DY10" s="61">
        <v>5</v>
      </c>
      <c r="DZ10" s="61">
        <v>1</v>
      </c>
      <c r="EA10" s="61">
        <v>1</v>
      </c>
      <c r="EB10" s="61">
        <v>1</v>
      </c>
      <c r="EC10" s="62">
        <v>10</v>
      </c>
      <c r="ED10" s="63">
        <v>13</v>
      </c>
      <c r="EE10" s="60">
        <v>8</v>
      </c>
      <c r="EF10" s="61">
        <v>4</v>
      </c>
      <c r="EG10" s="62">
        <v>12</v>
      </c>
      <c r="EH10" s="231"/>
      <c r="EI10" s="61">
        <v>9</v>
      </c>
      <c r="EJ10" s="61">
        <v>6</v>
      </c>
      <c r="EK10" s="61">
        <v>6</v>
      </c>
      <c r="EL10" s="61">
        <v>2</v>
      </c>
      <c r="EM10" s="61">
        <v>2</v>
      </c>
      <c r="EN10" s="62">
        <v>25</v>
      </c>
      <c r="EO10" s="63">
        <v>37</v>
      </c>
      <c r="EP10" s="60">
        <v>8</v>
      </c>
      <c r="EQ10" s="61">
        <v>15</v>
      </c>
      <c r="ER10" s="62">
        <v>23</v>
      </c>
      <c r="ES10" s="231"/>
      <c r="ET10" s="61">
        <v>10</v>
      </c>
      <c r="EU10" s="61">
        <v>9</v>
      </c>
      <c r="EV10" s="61">
        <v>7</v>
      </c>
      <c r="EW10" s="61">
        <v>3</v>
      </c>
      <c r="EX10" s="61">
        <v>2</v>
      </c>
      <c r="EY10" s="62">
        <v>31</v>
      </c>
      <c r="EZ10" s="63">
        <v>54</v>
      </c>
      <c r="FA10" s="60">
        <v>16</v>
      </c>
      <c r="FB10" s="61">
        <v>13</v>
      </c>
      <c r="FC10" s="62">
        <v>29</v>
      </c>
      <c r="FD10" s="231"/>
      <c r="FE10" s="61">
        <v>14</v>
      </c>
      <c r="FF10" s="61">
        <v>15</v>
      </c>
      <c r="FG10" s="61">
        <v>11</v>
      </c>
      <c r="FH10" s="61">
        <v>6</v>
      </c>
      <c r="FI10" s="61">
        <v>6</v>
      </c>
      <c r="FJ10" s="62">
        <v>52</v>
      </c>
      <c r="FK10" s="63">
        <v>81</v>
      </c>
      <c r="FL10" s="60">
        <v>5</v>
      </c>
      <c r="FM10" s="61">
        <v>13</v>
      </c>
      <c r="FN10" s="62">
        <v>18</v>
      </c>
      <c r="FO10" s="231"/>
      <c r="FP10" s="61">
        <v>9</v>
      </c>
      <c r="FQ10" s="61">
        <v>18</v>
      </c>
      <c r="FR10" s="61">
        <v>15</v>
      </c>
      <c r="FS10" s="61">
        <v>14</v>
      </c>
      <c r="FT10" s="61">
        <v>9</v>
      </c>
      <c r="FU10" s="62">
        <v>65</v>
      </c>
      <c r="FV10" s="63">
        <v>83</v>
      </c>
      <c r="FW10" s="60">
        <v>0</v>
      </c>
      <c r="FX10" s="61">
        <v>0</v>
      </c>
      <c r="FY10" s="62">
        <v>0</v>
      </c>
      <c r="FZ10" s="231"/>
      <c r="GA10" s="61">
        <v>0</v>
      </c>
      <c r="GB10" s="61">
        <v>0</v>
      </c>
      <c r="GC10" s="61">
        <v>0</v>
      </c>
      <c r="GD10" s="61">
        <v>0</v>
      </c>
      <c r="GE10" s="61">
        <v>0</v>
      </c>
      <c r="GF10" s="62">
        <v>0</v>
      </c>
      <c r="GG10" s="63">
        <v>0</v>
      </c>
      <c r="GH10" s="60">
        <v>38</v>
      </c>
      <c r="GI10" s="61">
        <v>47</v>
      </c>
      <c r="GJ10" s="62">
        <v>85</v>
      </c>
      <c r="GK10" s="231"/>
      <c r="GL10" s="61">
        <v>44</v>
      </c>
      <c r="GM10" s="61">
        <v>54</v>
      </c>
      <c r="GN10" s="61">
        <v>42</v>
      </c>
      <c r="GO10" s="61">
        <v>26</v>
      </c>
      <c r="GP10" s="61">
        <v>20</v>
      </c>
      <c r="GQ10" s="62">
        <v>186</v>
      </c>
      <c r="GR10" s="63">
        <v>271</v>
      </c>
      <c r="GS10" s="113">
        <v>291</v>
      </c>
      <c r="GT10" s="72">
        <v>373</v>
      </c>
      <c r="GU10" s="73">
        <v>664</v>
      </c>
      <c r="GV10" s="228"/>
      <c r="GW10" s="72">
        <v>427</v>
      </c>
      <c r="GX10" s="72">
        <v>462</v>
      </c>
      <c r="GY10" s="72">
        <v>318</v>
      </c>
      <c r="GZ10" s="72">
        <v>249</v>
      </c>
      <c r="HA10" s="72">
        <v>143</v>
      </c>
      <c r="HB10" s="74">
        <v>1599</v>
      </c>
      <c r="HC10" s="75">
        <v>2263</v>
      </c>
      <c r="HD10" s="60">
        <v>5</v>
      </c>
      <c r="HE10" s="61">
        <v>2</v>
      </c>
      <c r="HF10" s="62">
        <v>7</v>
      </c>
      <c r="HG10" s="231"/>
      <c r="HH10" s="61">
        <v>6</v>
      </c>
      <c r="HI10" s="61">
        <v>7</v>
      </c>
      <c r="HJ10" s="61">
        <v>6</v>
      </c>
      <c r="HK10" s="61">
        <v>7</v>
      </c>
      <c r="HL10" s="61">
        <v>6</v>
      </c>
      <c r="HM10" s="62">
        <v>32</v>
      </c>
      <c r="HN10" s="63">
        <v>39</v>
      </c>
      <c r="HO10" s="60">
        <v>12</v>
      </c>
      <c r="HP10" s="61">
        <v>18</v>
      </c>
      <c r="HQ10" s="62">
        <v>30</v>
      </c>
      <c r="HR10" s="231"/>
      <c r="HS10" s="61">
        <v>16</v>
      </c>
      <c r="HT10" s="61">
        <v>22</v>
      </c>
      <c r="HU10" s="61">
        <v>16</v>
      </c>
      <c r="HV10" s="61">
        <v>8</v>
      </c>
      <c r="HW10" s="61">
        <v>11</v>
      </c>
      <c r="HX10" s="62">
        <v>73</v>
      </c>
      <c r="HY10" s="63">
        <v>103</v>
      </c>
      <c r="HZ10" s="60">
        <v>31</v>
      </c>
      <c r="IA10" s="61">
        <v>47</v>
      </c>
      <c r="IB10" s="62">
        <v>78</v>
      </c>
      <c r="IC10" s="231"/>
      <c r="ID10" s="61">
        <v>37</v>
      </c>
      <c r="IE10" s="61">
        <v>43</v>
      </c>
      <c r="IF10" s="61">
        <v>24</v>
      </c>
      <c r="IG10" s="61">
        <v>30</v>
      </c>
      <c r="IH10" s="61">
        <v>12</v>
      </c>
      <c r="II10" s="62">
        <v>146</v>
      </c>
      <c r="IJ10" s="63">
        <v>224</v>
      </c>
      <c r="IK10" s="60">
        <v>72</v>
      </c>
      <c r="IL10" s="61">
        <v>99</v>
      </c>
      <c r="IM10" s="62">
        <v>171</v>
      </c>
      <c r="IN10" s="231"/>
      <c r="IO10" s="61">
        <v>91</v>
      </c>
      <c r="IP10" s="61">
        <v>96</v>
      </c>
      <c r="IQ10" s="61">
        <v>66</v>
      </c>
      <c r="IR10" s="61">
        <v>46</v>
      </c>
      <c r="IS10" s="61">
        <v>18</v>
      </c>
      <c r="IT10" s="62">
        <v>317</v>
      </c>
      <c r="IU10" s="63">
        <v>488</v>
      </c>
      <c r="IV10" s="60">
        <v>98</v>
      </c>
      <c r="IW10" s="61">
        <v>109</v>
      </c>
      <c r="IX10" s="62">
        <v>207</v>
      </c>
      <c r="IY10" s="231"/>
      <c r="IZ10" s="61">
        <v>141</v>
      </c>
      <c r="JA10" s="61">
        <v>140</v>
      </c>
      <c r="JB10" s="61">
        <v>84</v>
      </c>
      <c r="JC10" s="61">
        <v>73</v>
      </c>
      <c r="JD10" s="61">
        <v>33</v>
      </c>
      <c r="JE10" s="62">
        <v>471</v>
      </c>
      <c r="JF10" s="63">
        <v>678</v>
      </c>
      <c r="JG10" s="60">
        <v>73</v>
      </c>
      <c r="JH10" s="61">
        <v>98</v>
      </c>
      <c r="JI10" s="62">
        <v>171</v>
      </c>
      <c r="JJ10" s="231"/>
      <c r="JK10" s="61">
        <v>136</v>
      </c>
      <c r="JL10" s="61">
        <v>154</v>
      </c>
      <c r="JM10" s="61">
        <v>122</v>
      </c>
      <c r="JN10" s="61">
        <v>85</v>
      </c>
      <c r="JO10" s="61">
        <v>63</v>
      </c>
      <c r="JP10" s="62">
        <v>560</v>
      </c>
      <c r="JQ10" s="63">
        <v>731</v>
      </c>
      <c r="JR10" s="60">
        <v>0</v>
      </c>
      <c r="JS10" s="61">
        <v>0</v>
      </c>
      <c r="JT10" s="62">
        <v>0</v>
      </c>
      <c r="JU10" s="231"/>
      <c r="JV10" s="61">
        <v>0</v>
      </c>
      <c r="JW10" s="61">
        <v>0</v>
      </c>
      <c r="JX10" s="61">
        <v>0</v>
      </c>
      <c r="JY10" s="61">
        <v>0</v>
      </c>
      <c r="JZ10" s="61">
        <v>0</v>
      </c>
      <c r="KA10" s="62">
        <v>0</v>
      </c>
      <c r="KB10" s="63">
        <v>0</v>
      </c>
      <c r="KC10" s="60">
        <v>291</v>
      </c>
      <c r="KD10" s="61">
        <v>373</v>
      </c>
      <c r="KE10" s="62">
        <v>664</v>
      </c>
      <c r="KF10" s="231"/>
      <c r="KG10" s="61">
        <v>427</v>
      </c>
      <c r="KH10" s="61">
        <v>462</v>
      </c>
      <c r="KI10" s="61">
        <v>318</v>
      </c>
      <c r="KJ10" s="61">
        <v>249</v>
      </c>
      <c r="KK10" s="61">
        <v>143</v>
      </c>
      <c r="KL10" s="62">
        <v>1599</v>
      </c>
      <c r="KM10" s="63">
        <v>2263</v>
      </c>
    </row>
    <row r="11" spans="2:299" ht="21" customHeight="1" x14ac:dyDescent="0.2">
      <c r="B11" s="472" t="s">
        <v>7</v>
      </c>
      <c r="C11" s="293">
        <v>234</v>
      </c>
      <c r="D11" s="72">
        <v>181</v>
      </c>
      <c r="E11" s="73">
        <v>415</v>
      </c>
      <c r="F11" s="228"/>
      <c r="G11" s="72">
        <v>482</v>
      </c>
      <c r="H11" s="72">
        <v>337</v>
      </c>
      <c r="I11" s="72">
        <v>179</v>
      </c>
      <c r="J11" s="72">
        <v>163</v>
      </c>
      <c r="K11" s="72">
        <v>95</v>
      </c>
      <c r="L11" s="74">
        <v>1256</v>
      </c>
      <c r="M11" s="75">
        <v>1671</v>
      </c>
      <c r="N11" s="60">
        <v>1</v>
      </c>
      <c r="O11" s="61">
        <v>1</v>
      </c>
      <c r="P11" s="62">
        <v>2</v>
      </c>
      <c r="Q11" s="231"/>
      <c r="R11" s="61">
        <v>5</v>
      </c>
      <c r="S11" s="61">
        <v>2</v>
      </c>
      <c r="T11" s="61">
        <v>2</v>
      </c>
      <c r="U11" s="61">
        <v>1</v>
      </c>
      <c r="V11" s="61">
        <v>0</v>
      </c>
      <c r="W11" s="62">
        <v>10</v>
      </c>
      <c r="X11" s="63">
        <v>12</v>
      </c>
      <c r="Y11" s="60">
        <v>7</v>
      </c>
      <c r="Z11" s="61">
        <v>6</v>
      </c>
      <c r="AA11" s="62">
        <v>13</v>
      </c>
      <c r="AB11" s="231"/>
      <c r="AC11" s="61">
        <v>19</v>
      </c>
      <c r="AD11" s="61">
        <v>14</v>
      </c>
      <c r="AE11" s="61">
        <v>9</v>
      </c>
      <c r="AF11" s="61">
        <v>1</v>
      </c>
      <c r="AG11" s="61">
        <v>4</v>
      </c>
      <c r="AH11" s="62">
        <v>47</v>
      </c>
      <c r="AI11" s="63">
        <v>60</v>
      </c>
      <c r="AJ11" s="60">
        <v>14</v>
      </c>
      <c r="AK11" s="61">
        <v>13</v>
      </c>
      <c r="AL11" s="62">
        <v>27</v>
      </c>
      <c r="AM11" s="231"/>
      <c r="AN11" s="61">
        <v>45</v>
      </c>
      <c r="AO11" s="61">
        <v>29</v>
      </c>
      <c r="AP11" s="61">
        <v>13</v>
      </c>
      <c r="AQ11" s="61">
        <v>15</v>
      </c>
      <c r="AR11" s="61">
        <v>9</v>
      </c>
      <c r="AS11" s="62">
        <v>111</v>
      </c>
      <c r="AT11" s="63">
        <v>138</v>
      </c>
      <c r="AU11" s="60">
        <v>46</v>
      </c>
      <c r="AV11" s="61">
        <v>34</v>
      </c>
      <c r="AW11" s="62">
        <v>80</v>
      </c>
      <c r="AX11" s="231"/>
      <c r="AY11" s="61">
        <v>85</v>
      </c>
      <c r="AZ11" s="61">
        <v>68</v>
      </c>
      <c r="BA11" s="61">
        <v>34</v>
      </c>
      <c r="BB11" s="61">
        <v>27</v>
      </c>
      <c r="BC11" s="61">
        <v>22</v>
      </c>
      <c r="BD11" s="62">
        <v>236</v>
      </c>
      <c r="BE11" s="63">
        <v>316</v>
      </c>
      <c r="BF11" s="60">
        <v>93</v>
      </c>
      <c r="BG11" s="61">
        <v>71</v>
      </c>
      <c r="BH11" s="62">
        <v>164</v>
      </c>
      <c r="BI11" s="231"/>
      <c r="BJ11" s="61">
        <v>172</v>
      </c>
      <c r="BK11" s="61">
        <v>100</v>
      </c>
      <c r="BL11" s="61">
        <v>53</v>
      </c>
      <c r="BM11" s="61">
        <v>47</v>
      </c>
      <c r="BN11" s="61">
        <v>29</v>
      </c>
      <c r="BO11" s="62">
        <v>401</v>
      </c>
      <c r="BP11" s="63">
        <v>565</v>
      </c>
      <c r="BQ11" s="60">
        <v>73</v>
      </c>
      <c r="BR11" s="61">
        <v>56</v>
      </c>
      <c r="BS11" s="62">
        <v>129</v>
      </c>
      <c r="BT11" s="231"/>
      <c r="BU11" s="61">
        <v>156</v>
      </c>
      <c r="BV11" s="61">
        <v>124</v>
      </c>
      <c r="BW11" s="61">
        <v>68</v>
      </c>
      <c r="BX11" s="61">
        <v>72</v>
      </c>
      <c r="BY11" s="61">
        <v>31</v>
      </c>
      <c r="BZ11" s="62">
        <v>451</v>
      </c>
      <c r="CA11" s="63">
        <v>580</v>
      </c>
      <c r="CB11" s="60">
        <v>0</v>
      </c>
      <c r="CC11" s="61">
        <v>0</v>
      </c>
      <c r="CD11" s="62">
        <v>0</v>
      </c>
      <c r="CE11" s="231"/>
      <c r="CF11" s="61">
        <v>0</v>
      </c>
      <c r="CG11" s="61">
        <v>0</v>
      </c>
      <c r="CH11" s="61">
        <v>0</v>
      </c>
      <c r="CI11" s="61">
        <v>0</v>
      </c>
      <c r="CJ11" s="61">
        <v>0</v>
      </c>
      <c r="CK11" s="62">
        <v>0</v>
      </c>
      <c r="CL11" s="63">
        <v>0</v>
      </c>
      <c r="CM11" s="60">
        <v>234</v>
      </c>
      <c r="CN11" s="61">
        <v>181</v>
      </c>
      <c r="CO11" s="62">
        <v>415</v>
      </c>
      <c r="CP11" s="231"/>
      <c r="CQ11" s="61">
        <v>482</v>
      </c>
      <c r="CR11" s="61">
        <v>337</v>
      </c>
      <c r="CS11" s="61">
        <v>179</v>
      </c>
      <c r="CT11" s="61">
        <v>163</v>
      </c>
      <c r="CU11" s="61">
        <v>95</v>
      </c>
      <c r="CV11" s="62">
        <v>1256</v>
      </c>
      <c r="CW11" s="63">
        <v>1671</v>
      </c>
      <c r="CX11" s="113">
        <v>25</v>
      </c>
      <c r="CY11" s="72">
        <v>34</v>
      </c>
      <c r="CZ11" s="73">
        <v>59</v>
      </c>
      <c r="DA11" s="228"/>
      <c r="DB11" s="72">
        <v>73</v>
      </c>
      <c r="DC11" s="72">
        <v>39</v>
      </c>
      <c r="DD11" s="72">
        <v>30</v>
      </c>
      <c r="DE11" s="72">
        <v>21</v>
      </c>
      <c r="DF11" s="72">
        <v>14</v>
      </c>
      <c r="DG11" s="74">
        <v>177</v>
      </c>
      <c r="DH11" s="75">
        <v>236</v>
      </c>
      <c r="DI11" s="60">
        <v>1</v>
      </c>
      <c r="DJ11" s="61">
        <v>0</v>
      </c>
      <c r="DK11" s="62">
        <v>1</v>
      </c>
      <c r="DL11" s="231"/>
      <c r="DM11" s="61">
        <v>1</v>
      </c>
      <c r="DN11" s="61">
        <v>0</v>
      </c>
      <c r="DO11" s="61">
        <v>0</v>
      </c>
      <c r="DP11" s="61">
        <v>0</v>
      </c>
      <c r="DQ11" s="61">
        <v>0</v>
      </c>
      <c r="DR11" s="62">
        <v>1</v>
      </c>
      <c r="DS11" s="63">
        <v>2</v>
      </c>
      <c r="DT11" s="60">
        <v>4</v>
      </c>
      <c r="DU11" s="61">
        <v>2</v>
      </c>
      <c r="DV11" s="62">
        <v>6</v>
      </c>
      <c r="DW11" s="231"/>
      <c r="DX11" s="61">
        <v>1</v>
      </c>
      <c r="DY11" s="61">
        <v>0</v>
      </c>
      <c r="DZ11" s="61">
        <v>1</v>
      </c>
      <c r="EA11" s="61">
        <v>1</v>
      </c>
      <c r="EB11" s="61">
        <v>0</v>
      </c>
      <c r="EC11" s="62">
        <v>3</v>
      </c>
      <c r="ED11" s="63">
        <v>9</v>
      </c>
      <c r="EE11" s="60">
        <v>4</v>
      </c>
      <c r="EF11" s="61">
        <v>5</v>
      </c>
      <c r="EG11" s="62">
        <v>9</v>
      </c>
      <c r="EH11" s="231"/>
      <c r="EI11" s="61">
        <v>5</v>
      </c>
      <c r="EJ11" s="61">
        <v>4</v>
      </c>
      <c r="EK11" s="61">
        <v>2</v>
      </c>
      <c r="EL11" s="61">
        <v>3</v>
      </c>
      <c r="EM11" s="61">
        <v>2</v>
      </c>
      <c r="EN11" s="62">
        <v>16</v>
      </c>
      <c r="EO11" s="63">
        <v>25</v>
      </c>
      <c r="EP11" s="60">
        <v>3</v>
      </c>
      <c r="EQ11" s="61">
        <v>8</v>
      </c>
      <c r="ER11" s="62">
        <v>11</v>
      </c>
      <c r="ES11" s="231"/>
      <c r="ET11" s="61">
        <v>14</v>
      </c>
      <c r="EU11" s="61">
        <v>5</v>
      </c>
      <c r="EV11" s="61">
        <v>3</v>
      </c>
      <c r="EW11" s="61">
        <v>0</v>
      </c>
      <c r="EX11" s="61">
        <v>1</v>
      </c>
      <c r="EY11" s="62">
        <v>23</v>
      </c>
      <c r="EZ11" s="63">
        <v>34</v>
      </c>
      <c r="FA11" s="60">
        <v>4</v>
      </c>
      <c r="FB11" s="61">
        <v>13</v>
      </c>
      <c r="FC11" s="62">
        <v>17</v>
      </c>
      <c r="FD11" s="231"/>
      <c r="FE11" s="61">
        <v>21</v>
      </c>
      <c r="FF11" s="61">
        <v>8</v>
      </c>
      <c r="FG11" s="61">
        <v>10</v>
      </c>
      <c r="FH11" s="61">
        <v>5</v>
      </c>
      <c r="FI11" s="61">
        <v>6</v>
      </c>
      <c r="FJ11" s="62">
        <v>50</v>
      </c>
      <c r="FK11" s="63">
        <v>67</v>
      </c>
      <c r="FL11" s="60">
        <v>9</v>
      </c>
      <c r="FM11" s="61">
        <v>6</v>
      </c>
      <c r="FN11" s="62">
        <v>15</v>
      </c>
      <c r="FO11" s="231"/>
      <c r="FP11" s="61">
        <v>31</v>
      </c>
      <c r="FQ11" s="61">
        <v>22</v>
      </c>
      <c r="FR11" s="61">
        <v>14</v>
      </c>
      <c r="FS11" s="61">
        <v>12</v>
      </c>
      <c r="FT11" s="61">
        <v>5</v>
      </c>
      <c r="FU11" s="62">
        <v>84</v>
      </c>
      <c r="FV11" s="63">
        <v>99</v>
      </c>
      <c r="FW11" s="60">
        <v>0</v>
      </c>
      <c r="FX11" s="61">
        <v>0</v>
      </c>
      <c r="FY11" s="62">
        <v>0</v>
      </c>
      <c r="FZ11" s="231"/>
      <c r="GA11" s="61">
        <v>0</v>
      </c>
      <c r="GB11" s="61">
        <v>0</v>
      </c>
      <c r="GC11" s="61">
        <v>0</v>
      </c>
      <c r="GD11" s="61">
        <v>0</v>
      </c>
      <c r="GE11" s="61">
        <v>0</v>
      </c>
      <c r="GF11" s="62">
        <v>0</v>
      </c>
      <c r="GG11" s="63">
        <v>0</v>
      </c>
      <c r="GH11" s="60">
        <v>25</v>
      </c>
      <c r="GI11" s="61">
        <v>34</v>
      </c>
      <c r="GJ11" s="62">
        <v>59</v>
      </c>
      <c r="GK11" s="231"/>
      <c r="GL11" s="61">
        <v>73</v>
      </c>
      <c r="GM11" s="61">
        <v>39</v>
      </c>
      <c r="GN11" s="61">
        <v>30</v>
      </c>
      <c r="GO11" s="61">
        <v>21</v>
      </c>
      <c r="GP11" s="61">
        <v>14</v>
      </c>
      <c r="GQ11" s="62">
        <v>177</v>
      </c>
      <c r="GR11" s="63">
        <v>236</v>
      </c>
      <c r="GS11" s="113">
        <v>259</v>
      </c>
      <c r="GT11" s="72">
        <v>215</v>
      </c>
      <c r="GU11" s="73">
        <v>474</v>
      </c>
      <c r="GV11" s="228"/>
      <c r="GW11" s="72">
        <v>555</v>
      </c>
      <c r="GX11" s="72">
        <v>376</v>
      </c>
      <c r="GY11" s="72">
        <v>209</v>
      </c>
      <c r="GZ11" s="72">
        <v>184</v>
      </c>
      <c r="HA11" s="72">
        <v>109</v>
      </c>
      <c r="HB11" s="74">
        <v>1433</v>
      </c>
      <c r="HC11" s="75">
        <v>1907</v>
      </c>
      <c r="HD11" s="60">
        <v>2</v>
      </c>
      <c r="HE11" s="61">
        <v>1</v>
      </c>
      <c r="HF11" s="62">
        <v>3</v>
      </c>
      <c r="HG11" s="231"/>
      <c r="HH11" s="61">
        <v>6</v>
      </c>
      <c r="HI11" s="61">
        <v>2</v>
      </c>
      <c r="HJ11" s="61">
        <v>2</v>
      </c>
      <c r="HK11" s="61">
        <v>1</v>
      </c>
      <c r="HL11" s="61">
        <v>0</v>
      </c>
      <c r="HM11" s="62">
        <v>11</v>
      </c>
      <c r="HN11" s="63">
        <v>14</v>
      </c>
      <c r="HO11" s="60">
        <v>11</v>
      </c>
      <c r="HP11" s="61">
        <v>8</v>
      </c>
      <c r="HQ11" s="62">
        <v>19</v>
      </c>
      <c r="HR11" s="231"/>
      <c r="HS11" s="61">
        <v>20</v>
      </c>
      <c r="HT11" s="61">
        <v>14</v>
      </c>
      <c r="HU11" s="61">
        <v>10</v>
      </c>
      <c r="HV11" s="61">
        <v>2</v>
      </c>
      <c r="HW11" s="61">
        <v>4</v>
      </c>
      <c r="HX11" s="62">
        <v>50</v>
      </c>
      <c r="HY11" s="63">
        <v>69</v>
      </c>
      <c r="HZ11" s="60">
        <v>18</v>
      </c>
      <c r="IA11" s="61">
        <v>18</v>
      </c>
      <c r="IB11" s="62">
        <v>36</v>
      </c>
      <c r="IC11" s="231"/>
      <c r="ID11" s="61">
        <v>50</v>
      </c>
      <c r="IE11" s="61">
        <v>33</v>
      </c>
      <c r="IF11" s="61">
        <v>15</v>
      </c>
      <c r="IG11" s="61">
        <v>18</v>
      </c>
      <c r="IH11" s="61">
        <v>11</v>
      </c>
      <c r="II11" s="62">
        <v>127</v>
      </c>
      <c r="IJ11" s="63">
        <v>163</v>
      </c>
      <c r="IK11" s="60">
        <v>49</v>
      </c>
      <c r="IL11" s="61">
        <v>42</v>
      </c>
      <c r="IM11" s="62">
        <v>91</v>
      </c>
      <c r="IN11" s="231"/>
      <c r="IO11" s="61">
        <v>99</v>
      </c>
      <c r="IP11" s="61">
        <v>73</v>
      </c>
      <c r="IQ11" s="61">
        <v>37</v>
      </c>
      <c r="IR11" s="61">
        <v>27</v>
      </c>
      <c r="IS11" s="61">
        <v>23</v>
      </c>
      <c r="IT11" s="62">
        <v>259</v>
      </c>
      <c r="IU11" s="63">
        <v>350</v>
      </c>
      <c r="IV11" s="60">
        <v>97</v>
      </c>
      <c r="IW11" s="61">
        <v>84</v>
      </c>
      <c r="IX11" s="62">
        <v>181</v>
      </c>
      <c r="IY11" s="231"/>
      <c r="IZ11" s="61">
        <v>193</v>
      </c>
      <c r="JA11" s="61">
        <v>108</v>
      </c>
      <c r="JB11" s="61">
        <v>63</v>
      </c>
      <c r="JC11" s="61">
        <v>52</v>
      </c>
      <c r="JD11" s="61">
        <v>35</v>
      </c>
      <c r="JE11" s="62">
        <v>451</v>
      </c>
      <c r="JF11" s="63">
        <v>632</v>
      </c>
      <c r="JG11" s="60">
        <v>82</v>
      </c>
      <c r="JH11" s="61">
        <v>62</v>
      </c>
      <c r="JI11" s="62">
        <v>144</v>
      </c>
      <c r="JJ11" s="231"/>
      <c r="JK11" s="61">
        <v>187</v>
      </c>
      <c r="JL11" s="61">
        <v>146</v>
      </c>
      <c r="JM11" s="61">
        <v>82</v>
      </c>
      <c r="JN11" s="61">
        <v>84</v>
      </c>
      <c r="JO11" s="61">
        <v>36</v>
      </c>
      <c r="JP11" s="62">
        <v>535</v>
      </c>
      <c r="JQ11" s="63">
        <v>679</v>
      </c>
      <c r="JR11" s="60">
        <v>0</v>
      </c>
      <c r="JS11" s="61">
        <v>0</v>
      </c>
      <c r="JT11" s="62">
        <v>0</v>
      </c>
      <c r="JU11" s="231"/>
      <c r="JV11" s="61">
        <v>0</v>
      </c>
      <c r="JW11" s="61">
        <v>0</v>
      </c>
      <c r="JX11" s="61">
        <v>0</v>
      </c>
      <c r="JY11" s="61">
        <v>0</v>
      </c>
      <c r="JZ11" s="61">
        <v>0</v>
      </c>
      <c r="KA11" s="62">
        <v>0</v>
      </c>
      <c r="KB11" s="63">
        <v>0</v>
      </c>
      <c r="KC11" s="60">
        <v>259</v>
      </c>
      <c r="KD11" s="61">
        <v>215</v>
      </c>
      <c r="KE11" s="62">
        <v>474</v>
      </c>
      <c r="KF11" s="231"/>
      <c r="KG11" s="61">
        <v>555</v>
      </c>
      <c r="KH11" s="61">
        <v>376</v>
      </c>
      <c r="KI11" s="61">
        <v>209</v>
      </c>
      <c r="KJ11" s="61">
        <v>184</v>
      </c>
      <c r="KK11" s="61">
        <v>109</v>
      </c>
      <c r="KL11" s="62">
        <v>1433</v>
      </c>
      <c r="KM11" s="63">
        <v>1907</v>
      </c>
    </row>
    <row r="12" spans="2:299" ht="21" customHeight="1" x14ac:dyDescent="0.2">
      <c r="B12" s="472" t="s">
        <v>8</v>
      </c>
      <c r="C12" s="293">
        <v>104</v>
      </c>
      <c r="D12" s="72">
        <v>68</v>
      </c>
      <c r="E12" s="73">
        <v>172</v>
      </c>
      <c r="F12" s="228"/>
      <c r="G12" s="72">
        <v>139</v>
      </c>
      <c r="H12" s="72">
        <v>108</v>
      </c>
      <c r="I12" s="72">
        <v>98</v>
      </c>
      <c r="J12" s="72">
        <v>61</v>
      </c>
      <c r="K12" s="72">
        <v>39</v>
      </c>
      <c r="L12" s="74">
        <v>445</v>
      </c>
      <c r="M12" s="75">
        <v>617</v>
      </c>
      <c r="N12" s="60">
        <v>2</v>
      </c>
      <c r="O12" s="61">
        <v>2</v>
      </c>
      <c r="P12" s="62">
        <v>4</v>
      </c>
      <c r="Q12" s="231"/>
      <c r="R12" s="61">
        <v>3</v>
      </c>
      <c r="S12" s="61">
        <v>1</v>
      </c>
      <c r="T12" s="61">
        <v>5</v>
      </c>
      <c r="U12" s="61">
        <v>1</v>
      </c>
      <c r="V12" s="61">
        <v>0</v>
      </c>
      <c r="W12" s="62">
        <v>10</v>
      </c>
      <c r="X12" s="63">
        <v>14</v>
      </c>
      <c r="Y12" s="60">
        <v>1</v>
      </c>
      <c r="Z12" s="61">
        <v>3</v>
      </c>
      <c r="AA12" s="62">
        <v>4</v>
      </c>
      <c r="AB12" s="231"/>
      <c r="AC12" s="61">
        <v>11</v>
      </c>
      <c r="AD12" s="61">
        <v>8</v>
      </c>
      <c r="AE12" s="61">
        <v>2</v>
      </c>
      <c r="AF12" s="61">
        <v>5</v>
      </c>
      <c r="AG12" s="61">
        <v>2</v>
      </c>
      <c r="AH12" s="62">
        <v>28</v>
      </c>
      <c r="AI12" s="63">
        <v>32</v>
      </c>
      <c r="AJ12" s="60">
        <v>5</v>
      </c>
      <c r="AK12" s="61">
        <v>3</v>
      </c>
      <c r="AL12" s="62">
        <v>8</v>
      </c>
      <c r="AM12" s="231"/>
      <c r="AN12" s="61">
        <v>12</v>
      </c>
      <c r="AO12" s="61">
        <v>9</v>
      </c>
      <c r="AP12" s="61">
        <v>2</v>
      </c>
      <c r="AQ12" s="61">
        <v>12</v>
      </c>
      <c r="AR12" s="61">
        <v>2</v>
      </c>
      <c r="AS12" s="62">
        <v>37</v>
      </c>
      <c r="AT12" s="63">
        <v>45</v>
      </c>
      <c r="AU12" s="60">
        <v>19</v>
      </c>
      <c r="AV12" s="61">
        <v>8</v>
      </c>
      <c r="AW12" s="62">
        <v>27</v>
      </c>
      <c r="AX12" s="231"/>
      <c r="AY12" s="61">
        <v>28</v>
      </c>
      <c r="AZ12" s="61">
        <v>27</v>
      </c>
      <c r="BA12" s="61">
        <v>13</v>
      </c>
      <c r="BB12" s="61">
        <v>8</v>
      </c>
      <c r="BC12" s="61">
        <v>9</v>
      </c>
      <c r="BD12" s="62">
        <v>85</v>
      </c>
      <c r="BE12" s="63">
        <v>112</v>
      </c>
      <c r="BF12" s="60">
        <v>36</v>
      </c>
      <c r="BG12" s="61">
        <v>21</v>
      </c>
      <c r="BH12" s="62">
        <v>57</v>
      </c>
      <c r="BI12" s="231"/>
      <c r="BJ12" s="61">
        <v>36</v>
      </c>
      <c r="BK12" s="61">
        <v>21</v>
      </c>
      <c r="BL12" s="61">
        <v>28</v>
      </c>
      <c r="BM12" s="61">
        <v>14</v>
      </c>
      <c r="BN12" s="61">
        <v>11</v>
      </c>
      <c r="BO12" s="62">
        <v>110</v>
      </c>
      <c r="BP12" s="63">
        <v>167</v>
      </c>
      <c r="BQ12" s="60">
        <v>41</v>
      </c>
      <c r="BR12" s="61">
        <v>31</v>
      </c>
      <c r="BS12" s="62">
        <v>72</v>
      </c>
      <c r="BT12" s="231"/>
      <c r="BU12" s="61">
        <v>49</v>
      </c>
      <c r="BV12" s="61">
        <v>42</v>
      </c>
      <c r="BW12" s="61">
        <v>48</v>
      </c>
      <c r="BX12" s="61">
        <v>21</v>
      </c>
      <c r="BY12" s="61">
        <v>15</v>
      </c>
      <c r="BZ12" s="62">
        <v>175</v>
      </c>
      <c r="CA12" s="63">
        <v>247</v>
      </c>
      <c r="CB12" s="60">
        <v>0</v>
      </c>
      <c r="CC12" s="61">
        <v>0</v>
      </c>
      <c r="CD12" s="62">
        <v>0</v>
      </c>
      <c r="CE12" s="231"/>
      <c r="CF12" s="61">
        <v>0</v>
      </c>
      <c r="CG12" s="61">
        <v>0</v>
      </c>
      <c r="CH12" s="61">
        <v>0</v>
      </c>
      <c r="CI12" s="61">
        <v>0</v>
      </c>
      <c r="CJ12" s="61">
        <v>0</v>
      </c>
      <c r="CK12" s="62">
        <v>0</v>
      </c>
      <c r="CL12" s="63">
        <v>0</v>
      </c>
      <c r="CM12" s="60">
        <v>104</v>
      </c>
      <c r="CN12" s="61">
        <v>68</v>
      </c>
      <c r="CO12" s="62">
        <v>172</v>
      </c>
      <c r="CP12" s="231"/>
      <c r="CQ12" s="61">
        <v>139</v>
      </c>
      <c r="CR12" s="61">
        <v>108</v>
      </c>
      <c r="CS12" s="61">
        <v>98</v>
      </c>
      <c r="CT12" s="61">
        <v>61</v>
      </c>
      <c r="CU12" s="61">
        <v>39</v>
      </c>
      <c r="CV12" s="62">
        <v>445</v>
      </c>
      <c r="CW12" s="63">
        <v>617</v>
      </c>
      <c r="CX12" s="113">
        <v>12</v>
      </c>
      <c r="CY12" s="72">
        <v>7</v>
      </c>
      <c r="CZ12" s="73">
        <v>19</v>
      </c>
      <c r="DA12" s="228"/>
      <c r="DB12" s="72">
        <v>24</v>
      </c>
      <c r="DC12" s="72">
        <v>26</v>
      </c>
      <c r="DD12" s="72">
        <v>22</v>
      </c>
      <c r="DE12" s="72">
        <v>10</v>
      </c>
      <c r="DF12" s="72">
        <v>3</v>
      </c>
      <c r="DG12" s="74">
        <v>85</v>
      </c>
      <c r="DH12" s="75">
        <v>104</v>
      </c>
      <c r="DI12" s="60">
        <v>2</v>
      </c>
      <c r="DJ12" s="61">
        <v>0</v>
      </c>
      <c r="DK12" s="62">
        <v>2</v>
      </c>
      <c r="DL12" s="231"/>
      <c r="DM12" s="61">
        <v>0</v>
      </c>
      <c r="DN12" s="61">
        <v>1</v>
      </c>
      <c r="DO12" s="61">
        <v>0</v>
      </c>
      <c r="DP12" s="61">
        <v>0</v>
      </c>
      <c r="DQ12" s="61">
        <v>0</v>
      </c>
      <c r="DR12" s="62">
        <v>1</v>
      </c>
      <c r="DS12" s="63">
        <v>3</v>
      </c>
      <c r="DT12" s="60">
        <v>1</v>
      </c>
      <c r="DU12" s="61">
        <v>1</v>
      </c>
      <c r="DV12" s="62">
        <v>2</v>
      </c>
      <c r="DW12" s="231"/>
      <c r="DX12" s="61">
        <v>1</v>
      </c>
      <c r="DY12" s="61">
        <v>2</v>
      </c>
      <c r="DZ12" s="61">
        <v>1</v>
      </c>
      <c r="EA12" s="61">
        <v>1</v>
      </c>
      <c r="EB12" s="61">
        <v>0</v>
      </c>
      <c r="EC12" s="62">
        <v>5</v>
      </c>
      <c r="ED12" s="63">
        <v>7</v>
      </c>
      <c r="EE12" s="60">
        <v>0</v>
      </c>
      <c r="EF12" s="61">
        <v>0</v>
      </c>
      <c r="EG12" s="62">
        <v>0</v>
      </c>
      <c r="EH12" s="231"/>
      <c r="EI12" s="61">
        <v>4</v>
      </c>
      <c r="EJ12" s="61">
        <v>3</v>
      </c>
      <c r="EK12" s="61">
        <v>1</v>
      </c>
      <c r="EL12" s="61">
        <v>1</v>
      </c>
      <c r="EM12" s="61">
        <v>0</v>
      </c>
      <c r="EN12" s="62">
        <v>9</v>
      </c>
      <c r="EO12" s="63">
        <v>9</v>
      </c>
      <c r="EP12" s="60">
        <v>2</v>
      </c>
      <c r="EQ12" s="61">
        <v>1</v>
      </c>
      <c r="ER12" s="62">
        <v>3</v>
      </c>
      <c r="ES12" s="231"/>
      <c r="ET12" s="61">
        <v>4</v>
      </c>
      <c r="EU12" s="61">
        <v>4</v>
      </c>
      <c r="EV12" s="61">
        <v>3</v>
      </c>
      <c r="EW12" s="61">
        <v>0</v>
      </c>
      <c r="EX12" s="61">
        <v>0</v>
      </c>
      <c r="EY12" s="62">
        <v>11</v>
      </c>
      <c r="EZ12" s="63">
        <v>14</v>
      </c>
      <c r="FA12" s="60">
        <v>4</v>
      </c>
      <c r="FB12" s="61">
        <v>4</v>
      </c>
      <c r="FC12" s="62">
        <v>8</v>
      </c>
      <c r="FD12" s="231"/>
      <c r="FE12" s="61">
        <v>7</v>
      </c>
      <c r="FF12" s="61">
        <v>6</v>
      </c>
      <c r="FG12" s="61">
        <v>4</v>
      </c>
      <c r="FH12" s="61">
        <v>1</v>
      </c>
      <c r="FI12" s="61">
        <v>1</v>
      </c>
      <c r="FJ12" s="62">
        <v>19</v>
      </c>
      <c r="FK12" s="63">
        <v>27</v>
      </c>
      <c r="FL12" s="60">
        <v>3</v>
      </c>
      <c r="FM12" s="61">
        <v>1</v>
      </c>
      <c r="FN12" s="62">
        <v>4</v>
      </c>
      <c r="FO12" s="231"/>
      <c r="FP12" s="61">
        <v>8</v>
      </c>
      <c r="FQ12" s="61">
        <v>10</v>
      </c>
      <c r="FR12" s="61">
        <v>13</v>
      </c>
      <c r="FS12" s="61">
        <v>7</v>
      </c>
      <c r="FT12" s="61">
        <v>2</v>
      </c>
      <c r="FU12" s="62">
        <v>40</v>
      </c>
      <c r="FV12" s="63">
        <v>44</v>
      </c>
      <c r="FW12" s="60">
        <v>0</v>
      </c>
      <c r="FX12" s="61">
        <v>0</v>
      </c>
      <c r="FY12" s="62">
        <v>0</v>
      </c>
      <c r="FZ12" s="231"/>
      <c r="GA12" s="61">
        <v>0</v>
      </c>
      <c r="GB12" s="61">
        <v>0</v>
      </c>
      <c r="GC12" s="61">
        <v>0</v>
      </c>
      <c r="GD12" s="61">
        <v>0</v>
      </c>
      <c r="GE12" s="61">
        <v>0</v>
      </c>
      <c r="GF12" s="62">
        <v>0</v>
      </c>
      <c r="GG12" s="63">
        <v>0</v>
      </c>
      <c r="GH12" s="60">
        <v>12</v>
      </c>
      <c r="GI12" s="61">
        <v>7</v>
      </c>
      <c r="GJ12" s="62">
        <v>19</v>
      </c>
      <c r="GK12" s="231"/>
      <c r="GL12" s="61">
        <v>24</v>
      </c>
      <c r="GM12" s="61">
        <v>26</v>
      </c>
      <c r="GN12" s="61">
        <v>22</v>
      </c>
      <c r="GO12" s="61">
        <v>10</v>
      </c>
      <c r="GP12" s="61">
        <v>3</v>
      </c>
      <c r="GQ12" s="62">
        <v>85</v>
      </c>
      <c r="GR12" s="63">
        <v>104</v>
      </c>
      <c r="GS12" s="113">
        <v>116</v>
      </c>
      <c r="GT12" s="72">
        <v>75</v>
      </c>
      <c r="GU12" s="73">
        <v>191</v>
      </c>
      <c r="GV12" s="228"/>
      <c r="GW12" s="72">
        <v>163</v>
      </c>
      <c r="GX12" s="72">
        <v>134</v>
      </c>
      <c r="GY12" s="72">
        <v>120</v>
      </c>
      <c r="GZ12" s="72">
        <v>71</v>
      </c>
      <c r="HA12" s="72">
        <v>42</v>
      </c>
      <c r="HB12" s="74">
        <v>530</v>
      </c>
      <c r="HC12" s="75">
        <v>721</v>
      </c>
      <c r="HD12" s="60">
        <v>4</v>
      </c>
      <c r="HE12" s="61">
        <v>2</v>
      </c>
      <c r="HF12" s="62">
        <v>6</v>
      </c>
      <c r="HG12" s="231"/>
      <c r="HH12" s="61">
        <v>3</v>
      </c>
      <c r="HI12" s="61">
        <v>2</v>
      </c>
      <c r="HJ12" s="61">
        <v>5</v>
      </c>
      <c r="HK12" s="61">
        <v>1</v>
      </c>
      <c r="HL12" s="61">
        <v>0</v>
      </c>
      <c r="HM12" s="62">
        <v>11</v>
      </c>
      <c r="HN12" s="63">
        <v>17</v>
      </c>
      <c r="HO12" s="60">
        <v>2</v>
      </c>
      <c r="HP12" s="61">
        <v>4</v>
      </c>
      <c r="HQ12" s="62">
        <v>6</v>
      </c>
      <c r="HR12" s="231"/>
      <c r="HS12" s="61">
        <v>12</v>
      </c>
      <c r="HT12" s="61">
        <v>10</v>
      </c>
      <c r="HU12" s="61">
        <v>3</v>
      </c>
      <c r="HV12" s="61">
        <v>6</v>
      </c>
      <c r="HW12" s="61">
        <v>2</v>
      </c>
      <c r="HX12" s="62">
        <v>33</v>
      </c>
      <c r="HY12" s="63">
        <v>39</v>
      </c>
      <c r="HZ12" s="60">
        <v>5</v>
      </c>
      <c r="IA12" s="61">
        <v>3</v>
      </c>
      <c r="IB12" s="62">
        <v>8</v>
      </c>
      <c r="IC12" s="231"/>
      <c r="ID12" s="61">
        <v>16</v>
      </c>
      <c r="IE12" s="61">
        <v>12</v>
      </c>
      <c r="IF12" s="61">
        <v>3</v>
      </c>
      <c r="IG12" s="61">
        <v>13</v>
      </c>
      <c r="IH12" s="61">
        <v>2</v>
      </c>
      <c r="II12" s="62">
        <v>46</v>
      </c>
      <c r="IJ12" s="63">
        <v>54</v>
      </c>
      <c r="IK12" s="60">
        <v>21</v>
      </c>
      <c r="IL12" s="61">
        <v>9</v>
      </c>
      <c r="IM12" s="62">
        <v>30</v>
      </c>
      <c r="IN12" s="231"/>
      <c r="IO12" s="61">
        <v>32</v>
      </c>
      <c r="IP12" s="61">
        <v>31</v>
      </c>
      <c r="IQ12" s="61">
        <v>16</v>
      </c>
      <c r="IR12" s="61">
        <v>8</v>
      </c>
      <c r="IS12" s="61">
        <v>9</v>
      </c>
      <c r="IT12" s="62">
        <v>96</v>
      </c>
      <c r="IU12" s="63">
        <v>126</v>
      </c>
      <c r="IV12" s="60">
        <v>40</v>
      </c>
      <c r="IW12" s="61">
        <v>25</v>
      </c>
      <c r="IX12" s="62">
        <v>65</v>
      </c>
      <c r="IY12" s="231"/>
      <c r="IZ12" s="61">
        <v>43</v>
      </c>
      <c r="JA12" s="61">
        <v>27</v>
      </c>
      <c r="JB12" s="61">
        <v>32</v>
      </c>
      <c r="JC12" s="61">
        <v>15</v>
      </c>
      <c r="JD12" s="61">
        <v>12</v>
      </c>
      <c r="JE12" s="62">
        <v>129</v>
      </c>
      <c r="JF12" s="63">
        <v>194</v>
      </c>
      <c r="JG12" s="60">
        <v>44</v>
      </c>
      <c r="JH12" s="61">
        <v>32</v>
      </c>
      <c r="JI12" s="62">
        <v>76</v>
      </c>
      <c r="JJ12" s="231"/>
      <c r="JK12" s="61">
        <v>57</v>
      </c>
      <c r="JL12" s="61">
        <v>52</v>
      </c>
      <c r="JM12" s="61">
        <v>61</v>
      </c>
      <c r="JN12" s="61">
        <v>28</v>
      </c>
      <c r="JO12" s="61">
        <v>17</v>
      </c>
      <c r="JP12" s="62">
        <v>215</v>
      </c>
      <c r="JQ12" s="63">
        <v>291</v>
      </c>
      <c r="JR12" s="60">
        <v>0</v>
      </c>
      <c r="JS12" s="61">
        <v>0</v>
      </c>
      <c r="JT12" s="62">
        <v>0</v>
      </c>
      <c r="JU12" s="231"/>
      <c r="JV12" s="61">
        <v>0</v>
      </c>
      <c r="JW12" s="61">
        <v>0</v>
      </c>
      <c r="JX12" s="61">
        <v>0</v>
      </c>
      <c r="JY12" s="61">
        <v>0</v>
      </c>
      <c r="JZ12" s="61">
        <v>0</v>
      </c>
      <c r="KA12" s="62">
        <v>0</v>
      </c>
      <c r="KB12" s="63">
        <v>0</v>
      </c>
      <c r="KC12" s="60">
        <v>116</v>
      </c>
      <c r="KD12" s="61">
        <v>75</v>
      </c>
      <c r="KE12" s="62">
        <v>191</v>
      </c>
      <c r="KF12" s="231"/>
      <c r="KG12" s="61">
        <v>163</v>
      </c>
      <c r="KH12" s="61">
        <v>134</v>
      </c>
      <c r="KI12" s="61">
        <v>120</v>
      </c>
      <c r="KJ12" s="61">
        <v>71</v>
      </c>
      <c r="KK12" s="61">
        <v>42</v>
      </c>
      <c r="KL12" s="62">
        <v>530</v>
      </c>
      <c r="KM12" s="63">
        <v>721</v>
      </c>
    </row>
    <row r="13" spans="2:299" ht="21" customHeight="1" x14ac:dyDescent="0.2">
      <c r="B13" s="472" t="s">
        <v>9</v>
      </c>
      <c r="C13" s="293">
        <v>191</v>
      </c>
      <c r="D13" s="72">
        <v>94</v>
      </c>
      <c r="E13" s="73">
        <v>285</v>
      </c>
      <c r="F13" s="228"/>
      <c r="G13" s="72">
        <v>215</v>
      </c>
      <c r="H13" s="72">
        <v>124</v>
      </c>
      <c r="I13" s="72">
        <v>118</v>
      </c>
      <c r="J13" s="72">
        <v>91</v>
      </c>
      <c r="K13" s="72">
        <v>55</v>
      </c>
      <c r="L13" s="74">
        <v>603</v>
      </c>
      <c r="M13" s="75">
        <v>888</v>
      </c>
      <c r="N13" s="60">
        <v>0</v>
      </c>
      <c r="O13" s="61">
        <v>0</v>
      </c>
      <c r="P13" s="62">
        <v>0</v>
      </c>
      <c r="Q13" s="231"/>
      <c r="R13" s="61">
        <v>1</v>
      </c>
      <c r="S13" s="61">
        <v>0</v>
      </c>
      <c r="T13" s="61">
        <v>2</v>
      </c>
      <c r="U13" s="61">
        <v>0</v>
      </c>
      <c r="V13" s="61">
        <v>0</v>
      </c>
      <c r="W13" s="62">
        <v>3</v>
      </c>
      <c r="X13" s="63">
        <v>3</v>
      </c>
      <c r="Y13" s="60">
        <v>7</v>
      </c>
      <c r="Z13" s="61">
        <v>0</v>
      </c>
      <c r="AA13" s="62">
        <v>7</v>
      </c>
      <c r="AB13" s="231"/>
      <c r="AC13" s="61">
        <v>3</v>
      </c>
      <c r="AD13" s="61">
        <v>4</v>
      </c>
      <c r="AE13" s="61">
        <v>1</v>
      </c>
      <c r="AF13" s="61">
        <v>0</v>
      </c>
      <c r="AG13" s="61">
        <v>2</v>
      </c>
      <c r="AH13" s="62">
        <v>10</v>
      </c>
      <c r="AI13" s="63">
        <v>17</v>
      </c>
      <c r="AJ13" s="60">
        <v>9</v>
      </c>
      <c r="AK13" s="61">
        <v>4</v>
      </c>
      <c r="AL13" s="62">
        <v>13</v>
      </c>
      <c r="AM13" s="231"/>
      <c r="AN13" s="61">
        <v>9</v>
      </c>
      <c r="AO13" s="61">
        <v>10</v>
      </c>
      <c r="AP13" s="61">
        <v>8</v>
      </c>
      <c r="AQ13" s="61">
        <v>8</v>
      </c>
      <c r="AR13" s="61">
        <v>5</v>
      </c>
      <c r="AS13" s="62">
        <v>40</v>
      </c>
      <c r="AT13" s="63">
        <v>53</v>
      </c>
      <c r="AU13" s="60">
        <v>34</v>
      </c>
      <c r="AV13" s="61">
        <v>20</v>
      </c>
      <c r="AW13" s="62">
        <v>54</v>
      </c>
      <c r="AX13" s="231"/>
      <c r="AY13" s="61">
        <v>32</v>
      </c>
      <c r="AZ13" s="61">
        <v>10</v>
      </c>
      <c r="BA13" s="61">
        <v>16</v>
      </c>
      <c r="BB13" s="61">
        <v>9</v>
      </c>
      <c r="BC13" s="61">
        <v>9</v>
      </c>
      <c r="BD13" s="62">
        <v>76</v>
      </c>
      <c r="BE13" s="63">
        <v>130</v>
      </c>
      <c r="BF13" s="60">
        <v>68</v>
      </c>
      <c r="BG13" s="61">
        <v>37</v>
      </c>
      <c r="BH13" s="62">
        <v>105</v>
      </c>
      <c r="BI13" s="231"/>
      <c r="BJ13" s="61">
        <v>77</v>
      </c>
      <c r="BK13" s="61">
        <v>40</v>
      </c>
      <c r="BL13" s="61">
        <v>37</v>
      </c>
      <c r="BM13" s="61">
        <v>28</v>
      </c>
      <c r="BN13" s="61">
        <v>13</v>
      </c>
      <c r="BO13" s="62">
        <v>195</v>
      </c>
      <c r="BP13" s="63">
        <v>300</v>
      </c>
      <c r="BQ13" s="60">
        <v>73</v>
      </c>
      <c r="BR13" s="61">
        <v>33</v>
      </c>
      <c r="BS13" s="62">
        <v>106</v>
      </c>
      <c r="BT13" s="231"/>
      <c r="BU13" s="61">
        <v>93</v>
      </c>
      <c r="BV13" s="61">
        <v>60</v>
      </c>
      <c r="BW13" s="61">
        <v>54</v>
      </c>
      <c r="BX13" s="61">
        <v>46</v>
      </c>
      <c r="BY13" s="61">
        <v>26</v>
      </c>
      <c r="BZ13" s="62">
        <v>279</v>
      </c>
      <c r="CA13" s="63">
        <v>385</v>
      </c>
      <c r="CB13" s="60">
        <v>0</v>
      </c>
      <c r="CC13" s="61">
        <v>0</v>
      </c>
      <c r="CD13" s="62">
        <v>0</v>
      </c>
      <c r="CE13" s="231"/>
      <c r="CF13" s="61">
        <v>0</v>
      </c>
      <c r="CG13" s="61">
        <v>0</v>
      </c>
      <c r="CH13" s="61">
        <v>0</v>
      </c>
      <c r="CI13" s="61">
        <v>0</v>
      </c>
      <c r="CJ13" s="61">
        <v>0</v>
      </c>
      <c r="CK13" s="62">
        <v>0</v>
      </c>
      <c r="CL13" s="63">
        <v>0</v>
      </c>
      <c r="CM13" s="60">
        <v>191</v>
      </c>
      <c r="CN13" s="61">
        <v>94</v>
      </c>
      <c r="CO13" s="62">
        <v>285</v>
      </c>
      <c r="CP13" s="231"/>
      <c r="CQ13" s="61">
        <v>215</v>
      </c>
      <c r="CR13" s="61">
        <v>124</v>
      </c>
      <c r="CS13" s="61">
        <v>118</v>
      </c>
      <c r="CT13" s="61">
        <v>91</v>
      </c>
      <c r="CU13" s="61">
        <v>55</v>
      </c>
      <c r="CV13" s="62">
        <v>603</v>
      </c>
      <c r="CW13" s="63">
        <v>888</v>
      </c>
      <c r="CX13" s="113">
        <v>29</v>
      </c>
      <c r="CY13" s="72">
        <v>21</v>
      </c>
      <c r="CZ13" s="73">
        <v>50</v>
      </c>
      <c r="DA13" s="228"/>
      <c r="DB13" s="72">
        <v>28</v>
      </c>
      <c r="DC13" s="72">
        <v>24</v>
      </c>
      <c r="DD13" s="72">
        <v>25</v>
      </c>
      <c r="DE13" s="72">
        <v>15</v>
      </c>
      <c r="DF13" s="72">
        <v>7</v>
      </c>
      <c r="DG13" s="74">
        <v>99</v>
      </c>
      <c r="DH13" s="75">
        <v>149</v>
      </c>
      <c r="DI13" s="60">
        <v>0</v>
      </c>
      <c r="DJ13" s="61">
        <v>0</v>
      </c>
      <c r="DK13" s="62">
        <v>0</v>
      </c>
      <c r="DL13" s="231"/>
      <c r="DM13" s="61">
        <v>0</v>
      </c>
      <c r="DN13" s="61">
        <v>1</v>
      </c>
      <c r="DO13" s="61">
        <v>1</v>
      </c>
      <c r="DP13" s="61">
        <v>0</v>
      </c>
      <c r="DQ13" s="61">
        <v>0</v>
      </c>
      <c r="DR13" s="62">
        <v>2</v>
      </c>
      <c r="DS13" s="63">
        <v>2</v>
      </c>
      <c r="DT13" s="60">
        <v>4</v>
      </c>
      <c r="DU13" s="61">
        <v>4</v>
      </c>
      <c r="DV13" s="62">
        <v>8</v>
      </c>
      <c r="DW13" s="231"/>
      <c r="DX13" s="61">
        <v>1</v>
      </c>
      <c r="DY13" s="61">
        <v>0</v>
      </c>
      <c r="DZ13" s="61">
        <v>1</v>
      </c>
      <c r="EA13" s="61">
        <v>0</v>
      </c>
      <c r="EB13" s="61">
        <v>0</v>
      </c>
      <c r="EC13" s="62">
        <v>2</v>
      </c>
      <c r="ED13" s="63">
        <v>10</v>
      </c>
      <c r="EE13" s="60">
        <v>6</v>
      </c>
      <c r="EF13" s="61">
        <v>2</v>
      </c>
      <c r="EG13" s="62">
        <v>8</v>
      </c>
      <c r="EH13" s="231"/>
      <c r="EI13" s="61">
        <v>0</v>
      </c>
      <c r="EJ13" s="61">
        <v>4</v>
      </c>
      <c r="EK13" s="61">
        <v>1</v>
      </c>
      <c r="EL13" s="61">
        <v>0</v>
      </c>
      <c r="EM13" s="61">
        <v>1</v>
      </c>
      <c r="EN13" s="62">
        <v>6</v>
      </c>
      <c r="EO13" s="63">
        <v>14</v>
      </c>
      <c r="EP13" s="60">
        <v>8</v>
      </c>
      <c r="EQ13" s="61">
        <v>3</v>
      </c>
      <c r="ER13" s="62">
        <v>11</v>
      </c>
      <c r="ES13" s="231"/>
      <c r="ET13" s="61">
        <v>7</v>
      </c>
      <c r="EU13" s="61">
        <v>2</v>
      </c>
      <c r="EV13" s="61">
        <v>3</v>
      </c>
      <c r="EW13" s="61">
        <v>2</v>
      </c>
      <c r="EX13" s="61">
        <v>1</v>
      </c>
      <c r="EY13" s="62">
        <v>15</v>
      </c>
      <c r="EZ13" s="63">
        <v>26</v>
      </c>
      <c r="FA13" s="60">
        <v>6</v>
      </c>
      <c r="FB13" s="61">
        <v>7</v>
      </c>
      <c r="FC13" s="62">
        <v>13</v>
      </c>
      <c r="FD13" s="231"/>
      <c r="FE13" s="61">
        <v>8</v>
      </c>
      <c r="FF13" s="61">
        <v>9</v>
      </c>
      <c r="FG13" s="61">
        <v>4</v>
      </c>
      <c r="FH13" s="61">
        <v>2</v>
      </c>
      <c r="FI13" s="61">
        <v>2</v>
      </c>
      <c r="FJ13" s="62">
        <v>25</v>
      </c>
      <c r="FK13" s="63">
        <v>38</v>
      </c>
      <c r="FL13" s="60">
        <v>5</v>
      </c>
      <c r="FM13" s="61">
        <v>5</v>
      </c>
      <c r="FN13" s="62">
        <v>10</v>
      </c>
      <c r="FO13" s="231"/>
      <c r="FP13" s="61">
        <v>12</v>
      </c>
      <c r="FQ13" s="61">
        <v>8</v>
      </c>
      <c r="FR13" s="61">
        <v>15</v>
      </c>
      <c r="FS13" s="61">
        <v>11</v>
      </c>
      <c r="FT13" s="61">
        <v>3</v>
      </c>
      <c r="FU13" s="62">
        <v>49</v>
      </c>
      <c r="FV13" s="63">
        <v>59</v>
      </c>
      <c r="FW13" s="60">
        <v>0</v>
      </c>
      <c r="FX13" s="61">
        <v>0</v>
      </c>
      <c r="FY13" s="62">
        <v>0</v>
      </c>
      <c r="FZ13" s="231"/>
      <c r="GA13" s="61">
        <v>0</v>
      </c>
      <c r="GB13" s="61">
        <v>0</v>
      </c>
      <c r="GC13" s="61">
        <v>0</v>
      </c>
      <c r="GD13" s="61">
        <v>0</v>
      </c>
      <c r="GE13" s="61">
        <v>0</v>
      </c>
      <c r="GF13" s="62">
        <v>0</v>
      </c>
      <c r="GG13" s="63">
        <v>0</v>
      </c>
      <c r="GH13" s="60">
        <v>29</v>
      </c>
      <c r="GI13" s="61">
        <v>21</v>
      </c>
      <c r="GJ13" s="62">
        <v>50</v>
      </c>
      <c r="GK13" s="231"/>
      <c r="GL13" s="61">
        <v>28</v>
      </c>
      <c r="GM13" s="61">
        <v>24</v>
      </c>
      <c r="GN13" s="61">
        <v>25</v>
      </c>
      <c r="GO13" s="61">
        <v>15</v>
      </c>
      <c r="GP13" s="61">
        <v>7</v>
      </c>
      <c r="GQ13" s="62">
        <v>99</v>
      </c>
      <c r="GR13" s="63">
        <v>149</v>
      </c>
      <c r="GS13" s="113">
        <v>220</v>
      </c>
      <c r="GT13" s="72">
        <v>115</v>
      </c>
      <c r="GU13" s="73">
        <v>335</v>
      </c>
      <c r="GV13" s="228"/>
      <c r="GW13" s="72">
        <v>243</v>
      </c>
      <c r="GX13" s="72">
        <v>148</v>
      </c>
      <c r="GY13" s="72">
        <v>143</v>
      </c>
      <c r="GZ13" s="72">
        <v>106</v>
      </c>
      <c r="HA13" s="72">
        <v>62</v>
      </c>
      <c r="HB13" s="74">
        <v>702</v>
      </c>
      <c r="HC13" s="75">
        <v>1037</v>
      </c>
      <c r="HD13" s="60">
        <v>0</v>
      </c>
      <c r="HE13" s="61">
        <v>0</v>
      </c>
      <c r="HF13" s="62">
        <v>0</v>
      </c>
      <c r="HG13" s="231"/>
      <c r="HH13" s="61">
        <v>1</v>
      </c>
      <c r="HI13" s="61">
        <v>1</v>
      </c>
      <c r="HJ13" s="61">
        <v>3</v>
      </c>
      <c r="HK13" s="61">
        <v>0</v>
      </c>
      <c r="HL13" s="61">
        <v>0</v>
      </c>
      <c r="HM13" s="62">
        <v>5</v>
      </c>
      <c r="HN13" s="63">
        <v>5</v>
      </c>
      <c r="HO13" s="60">
        <v>11</v>
      </c>
      <c r="HP13" s="61">
        <v>4</v>
      </c>
      <c r="HQ13" s="62">
        <v>15</v>
      </c>
      <c r="HR13" s="231"/>
      <c r="HS13" s="61">
        <v>4</v>
      </c>
      <c r="HT13" s="61">
        <v>4</v>
      </c>
      <c r="HU13" s="61">
        <v>2</v>
      </c>
      <c r="HV13" s="61">
        <v>0</v>
      </c>
      <c r="HW13" s="61">
        <v>2</v>
      </c>
      <c r="HX13" s="62">
        <v>12</v>
      </c>
      <c r="HY13" s="63">
        <v>27</v>
      </c>
      <c r="HZ13" s="60">
        <v>15</v>
      </c>
      <c r="IA13" s="61">
        <v>6</v>
      </c>
      <c r="IB13" s="62">
        <v>21</v>
      </c>
      <c r="IC13" s="231"/>
      <c r="ID13" s="61">
        <v>9</v>
      </c>
      <c r="IE13" s="61">
        <v>14</v>
      </c>
      <c r="IF13" s="61">
        <v>9</v>
      </c>
      <c r="IG13" s="61">
        <v>8</v>
      </c>
      <c r="IH13" s="61">
        <v>6</v>
      </c>
      <c r="II13" s="62">
        <v>46</v>
      </c>
      <c r="IJ13" s="63">
        <v>67</v>
      </c>
      <c r="IK13" s="60">
        <v>42</v>
      </c>
      <c r="IL13" s="61">
        <v>23</v>
      </c>
      <c r="IM13" s="62">
        <v>65</v>
      </c>
      <c r="IN13" s="231"/>
      <c r="IO13" s="61">
        <v>39</v>
      </c>
      <c r="IP13" s="61">
        <v>12</v>
      </c>
      <c r="IQ13" s="61">
        <v>19</v>
      </c>
      <c r="IR13" s="61">
        <v>11</v>
      </c>
      <c r="IS13" s="61">
        <v>10</v>
      </c>
      <c r="IT13" s="62">
        <v>91</v>
      </c>
      <c r="IU13" s="63">
        <v>156</v>
      </c>
      <c r="IV13" s="60">
        <v>74</v>
      </c>
      <c r="IW13" s="61">
        <v>44</v>
      </c>
      <c r="IX13" s="62">
        <v>118</v>
      </c>
      <c r="IY13" s="231"/>
      <c r="IZ13" s="61">
        <v>85</v>
      </c>
      <c r="JA13" s="61">
        <v>49</v>
      </c>
      <c r="JB13" s="61">
        <v>41</v>
      </c>
      <c r="JC13" s="61">
        <v>30</v>
      </c>
      <c r="JD13" s="61">
        <v>15</v>
      </c>
      <c r="JE13" s="62">
        <v>220</v>
      </c>
      <c r="JF13" s="63">
        <v>338</v>
      </c>
      <c r="JG13" s="60">
        <v>78</v>
      </c>
      <c r="JH13" s="61">
        <v>38</v>
      </c>
      <c r="JI13" s="62">
        <v>116</v>
      </c>
      <c r="JJ13" s="231"/>
      <c r="JK13" s="61">
        <v>105</v>
      </c>
      <c r="JL13" s="61">
        <v>68</v>
      </c>
      <c r="JM13" s="61">
        <v>69</v>
      </c>
      <c r="JN13" s="61">
        <v>57</v>
      </c>
      <c r="JO13" s="61">
        <v>29</v>
      </c>
      <c r="JP13" s="62">
        <v>328</v>
      </c>
      <c r="JQ13" s="63">
        <v>444</v>
      </c>
      <c r="JR13" s="60">
        <v>0</v>
      </c>
      <c r="JS13" s="61">
        <v>0</v>
      </c>
      <c r="JT13" s="62">
        <v>0</v>
      </c>
      <c r="JU13" s="231"/>
      <c r="JV13" s="61">
        <v>0</v>
      </c>
      <c r="JW13" s="61">
        <v>0</v>
      </c>
      <c r="JX13" s="61">
        <v>0</v>
      </c>
      <c r="JY13" s="61">
        <v>0</v>
      </c>
      <c r="JZ13" s="61">
        <v>0</v>
      </c>
      <c r="KA13" s="62">
        <v>0</v>
      </c>
      <c r="KB13" s="63">
        <v>0</v>
      </c>
      <c r="KC13" s="60">
        <v>220</v>
      </c>
      <c r="KD13" s="61">
        <v>115</v>
      </c>
      <c r="KE13" s="62">
        <v>335</v>
      </c>
      <c r="KF13" s="231"/>
      <c r="KG13" s="61">
        <v>243</v>
      </c>
      <c r="KH13" s="61">
        <v>148</v>
      </c>
      <c r="KI13" s="61">
        <v>143</v>
      </c>
      <c r="KJ13" s="61">
        <v>106</v>
      </c>
      <c r="KK13" s="61">
        <v>62</v>
      </c>
      <c r="KL13" s="62">
        <v>702</v>
      </c>
      <c r="KM13" s="63">
        <v>1037</v>
      </c>
    </row>
    <row r="14" spans="2:299" ht="21" customHeight="1" x14ac:dyDescent="0.2">
      <c r="B14" s="472" t="s">
        <v>10</v>
      </c>
      <c r="C14" s="293">
        <v>361</v>
      </c>
      <c r="D14" s="72">
        <v>203</v>
      </c>
      <c r="E14" s="73">
        <v>564</v>
      </c>
      <c r="F14" s="228"/>
      <c r="G14" s="72">
        <v>332</v>
      </c>
      <c r="H14" s="72">
        <v>168</v>
      </c>
      <c r="I14" s="72">
        <v>137</v>
      </c>
      <c r="J14" s="72">
        <v>143</v>
      </c>
      <c r="K14" s="72">
        <v>86</v>
      </c>
      <c r="L14" s="74">
        <v>866</v>
      </c>
      <c r="M14" s="75">
        <v>1430</v>
      </c>
      <c r="N14" s="60">
        <v>3</v>
      </c>
      <c r="O14" s="61">
        <v>2</v>
      </c>
      <c r="P14" s="62">
        <v>5</v>
      </c>
      <c r="Q14" s="231"/>
      <c r="R14" s="61">
        <v>5</v>
      </c>
      <c r="S14" s="61">
        <v>4</v>
      </c>
      <c r="T14" s="61">
        <v>1</v>
      </c>
      <c r="U14" s="61">
        <v>3</v>
      </c>
      <c r="V14" s="61">
        <v>1</v>
      </c>
      <c r="W14" s="62">
        <v>14</v>
      </c>
      <c r="X14" s="63">
        <v>19</v>
      </c>
      <c r="Y14" s="60">
        <v>11</v>
      </c>
      <c r="Z14" s="61">
        <v>7</v>
      </c>
      <c r="AA14" s="62">
        <v>18</v>
      </c>
      <c r="AB14" s="231"/>
      <c r="AC14" s="61">
        <v>15</v>
      </c>
      <c r="AD14" s="61">
        <v>9</v>
      </c>
      <c r="AE14" s="61">
        <v>5</v>
      </c>
      <c r="AF14" s="61">
        <v>5</v>
      </c>
      <c r="AG14" s="61">
        <v>7</v>
      </c>
      <c r="AH14" s="62">
        <v>41</v>
      </c>
      <c r="AI14" s="63">
        <v>59</v>
      </c>
      <c r="AJ14" s="60">
        <v>29</v>
      </c>
      <c r="AK14" s="61">
        <v>18</v>
      </c>
      <c r="AL14" s="62">
        <v>47</v>
      </c>
      <c r="AM14" s="231"/>
      <c r="AN14" s="61">
        <v>20</v>
      </c>
      <c r="AO14" s="61">
        <v>13</v>
      </c>
      <c r="AP14" s="61">
        <v>7</v>
      </c>
      <c r="AQ14" s="61">
        <v>17</v>
      </c>
      <c r="AR14" s="61">
        <v>8</v>
      </c>
      <c r="AS14" s="62">
        <v>65</v>
      </c>
      <c r="AT14" s="63">
        <v>112</v>
      </c>
      <c r="AU14" s="60">
        <v>72</v>
      </c>
      <c r="AV14" s="61">
        <v>34</v>
      </c>
      <c r="AW14" s="62">
        <v>106</v>
      </c>
      <c r="AX14" s="231"/>
      <c r="AY14" s="61">
        <v>72</v>
      </c>
      <c r="AZ14" s="61">
        <v>28</v>
      </c>
      <c r="BA14" s="61">
        <v>27</v>
      </c>
      <c r="BB14" s="61">
        <v>22</v>
      </c>
      <c r="BC14" s="61">
        <v>15</v>
      </c>
      <c r="BD14" s="62">
        <v>164</v>
      </c>
      <c r="BE14" s="63">
        <v>270</v>
      </c>
      <c r="BF14" s="60">
        <v>147</v>
      </c>
      <c r="BG14" s="61">
        <v>81</v>
      </c>
      <c r="BH14" s="62">
        <v>228</v>
      </c>
      <c r="BI14" s="231"/>
      <c r="BJ14" s="61">
        <v>108</v>
      </c>
      <c r="BK14" s="61">
        <v>46</v>
      </c>
      <c r="BL14" s="61">
        <v>31</v>
      </c>
      <c r="BM14" s="61">
        <v>35</v>
      </c>
      <c r="BN14" s="61">
        <v>22</v>
      </c>
      <c r="BO14" s="62">
        <v>242</v>
      </c>
      <c r="BP14" s="63">
        <v>470</v>
      </c>
      <c r="BQ14" s="60">
        <v>99</v>
      </c>
      <c r="BR14" s="61">
        <v>61</v>
      </c>
      <c r="BS14" s="62">
        <v>160</v>
      </c>
      <c r="BT14" s="231"/>
      <c r="BU14" s="61">
        <v>112</v>
      </c>
      <c r="BV14" s="61">
        <v>68</v>
      </c>
      <c r="BW14" s="61">
        <v>66</v>
      </c>
      <c r="BX14" s="61">
        <v>61</v>
      </c>
      <c r="BY14" s="61">
        <v>33</v>
      </c>
      <c r="BZ14" s="62">
        <v>340</v>
      </c>
      <c r="CA14" s="63">
        <v>500</v>
      </c>
      <c r="CB14" s="60">
        <v>0</v>
      </c>
      <c r="CC14" s="61">
        <v>0</v>
      </c>
      <c r="CD14" s="62">
        <v>0</v>
      </c>
      <c r="CE14" s="231"/>
      <c r="CF14" s="61">
        <v>0</v>
      </c>
      <c r="CG14" s="61">
        <v>0</v>
      </c>
      <c r="CH14" s="61">
        <v>0</v>
      </c>
      <c r="CI14" s="61">
        <v>0</v>
      </c>
      <c r="CJ14" s="61">
        <v>0</v>
      </c>
      <c r="CK14" s="62">
        <v>0</v>
      </c>
      <c r="CL14" s="63">
        <v>0</v>
      </c>
      <c r="CM14" s="60">
        <v>361</v>
      </c>
      <c r="CN14" s="61">
        <v>203</v>
      </c>
      <c r="CO14" s="62">
        <v>564</v>
      </c>
      <c r="CP14" s="231"/>
      <c r="CQ14" s="61">
        <v>332</v>
      </c>
      <c r="CR14" s="61">
        <v>168</v>
      </c>
      <c r="CS14" s="61">
        <v>137</v>
      </c>
      <c r="CT14" s="61">
        <v>143</v>
      </c>
      <c r="CU14" s="61">
        <v>86</v>
      </c>
      <c r="CV14" s="62">
        <v>866</v>
      </c>
      <c r="CW14" s="63">
        <v>1430</v>
      </c>
      <c r="CX14" s="113">
        <v>44</v>
      </c>
      <c r="CY14" s="72">
        <v>28</v>
      </c>
      <c r="CZ14" s="73">
        <v>72</v>
      </c>
      <c r="DA14" s="228"/>
      <c r="DB14" s="72">
        <v>53</v>
      </c>
      <c r="DC14" s="72">
        <v>20</v>
      </c>
      <c r="DD14" s="72">
        <v>22</v>
      </c>
      <c r="DE14" s="72">
        <v>27</v>
      </c>
      <c r="DF14" s="72">
        <v>20</v>
      </c>
      <c r="DG14" s="74">
        <v>142</v>
      </c>
      <c r="DH14" s="75">
        <v>214</v>
      </c>
      <c r="DI14" s="60">
        <v>1</v>
      </c>
      <c r="DJ14" s="61">
        <v>2</v>
      </c>
      <c r="DK14" s="62">
        <v>3</v>
      </c>
      <c r="DL14" s="231"/>
      <c r="DM14" s="61">
        <v>0</v>
      </c>
      <c r="DN14" s="61">
        <v>1</v>
      </c>
      <c r="DO14" s="61">
        <v>1</v>
      </c>
      <c r="DP14" s="61">
        <v>0</v>
      </c>
      <c r="DQ14" s="61">
        <v>1</v>
      </c>
      <c r="DR14" s="62">
        <v>3</v>
      </c>
      <c r="DS14" s="63">
        <v>6</v>
      </c>
      <c r="DT14" s="60">
        <v>3</v>
      </c>
      <c r="DU14" s="61">
        <v>1</v>
      </c>
      <c r="DV14" s="62">
        <v>4</v>
      </c>
      <c r="DW14" s="231"/>
      <c r="DX14" s="61">
        <v>0</v>
      </c>
      <c r="DY14" s="61">
        <v>0</v>
      </c>
      <c r="DZ14" s="61">
        <v>1</v>
      </c>
      <c r="EA14" s="61">
        <v>2</v>
      </c>
      <c r="EB14" s="61">
        <v>0</v>
      </c>
      <c r="EC14" s="62">
        <v>3</v>
      </c>
      <c r="ED14" s="63">
        <v>7</v>
      </c>
      <c r="EE14" s="60">
        <v>2</v>
      </c>
      <c r="EF14" s="61">
        <v>2</v>
      </c>
      <c r="EG14" s="62">
        <v>4</v>
      </c>
      <c r="EH14" s="231"/>
      <c r="EI14" s="61">
        <v>3</v>
      </c>
      <c r="EJ14" s="61">
        <v>1</v>
      </c>
      <c r="EK14" s="61">
        <v>1</v>
      </c>
      <c r="EL14" s="61">
        <v>0</v>
      </c>
      <c r="EM14" s="61">
        <v>0</v>
      </c>
      <c r="EN14" s="62">
        <v>5</v>
      </c>
      <c r="EO14" s="63">
        <v>9</v>
      </c>
      <c r="EP14" s="60">
        <v>8</v>
      </c>
      <c r="EQ14" s="61">
        <v>4</v>
      </c>
      <c r="ER14" s="62">
        <v>12</v>
      </c>
      <c r="ES14" s="231"/>
      <c r="ET14" s="61">
        <v>7</v>
      </c>
      <c r="EU14" s="61">
        <v>2</v>
      </c>
      <c r="EV14" s="61">
        <v>3</v>
      </c>
      <c r="EW14" s="61">
        <v>4</v>
      </c>
      <c r="EX14" s="61">
        <v>1</v>
      </c>
      <c r="EY14" s="62">
        <v>17</v>
      </c>
      <c r="EZ14" s="63">
        <v>29</v>
      </c>
      <c r="FA14" s="60">
        <v>22</v>
      </c>
      <c r="FB14" s="61">
        <v>10</v>
      </c>
      <c r="FC14" s="62">
        <v>32</v>
      </c>
      <c r="FD14" s="231"/>
      <c r="FE14" s="61">
        <v>19</v>
      </c>
      <c r="FF14" s="61">
        <v>4</v>
      </c>
      <c r="FG14" s="61">
        <v>6</v>
      </c>
      <c r="FH14" s="61">
        <v>4</v>
      </c>
      <c r="FI14" s="61">
        <v>10</v>
      </c>
      <c r="FJ14" s="62">
        <v>43</v>
      </c>
      <c r="FK14" s="63">
        <v>75</v>
      </c>
      <c r="FL14" s="60">
        <v>8</v>
      </c>
      <c r="FM14" s="61">
        <v>9</v>
      </c>
      <c r="FN14" s="62">
        <v>17</v>
      </c>
      <c r="FO14" s="231"/>
      <c r="FP14" s="61">
        <v>24</v>
      </c>
      <c r="FQ14" s="61">
        <v>12</v>
      </c>
      <c r="FR14" s="61">
        <v>10</v>
      </c>
      <c r="FS14" s="61">
        <v>17</v>
      </c>
      <c r="FT14" s="61">
        <v>8</v>
      </c>
      <c r="FU14" s="62">
        <v>71</v>
      </c>
      <c r="FV14" s="63">
        <v>88</v>
      </c>
      <c r="FW14" s="60">
        <v>0</v>
      </c>
      <c r="FX14" s="61">
        <v>0</v>
      </c>
      <c r="FY14" s="62">
        <v>0</v>
      </c>
      <c r="FZ14" s="231"/>
      <c r="GA14" s="61">
        <v>0</v>
      </c>
      <c r="GB14" s="61">
        <v>0</v>
      </c>
      <c r="GC14" s="61">
        <v>0</v>
      </c>
      <c r="GD14" s="61">
        <v>0</v>
      </c>
      <c r="GE14" s="61">
        <v>0</v>
      </c>
      <c r="GF14" s="62">
        <v>0</v>
      </c>
      <c r="GG14" s="63">
        <v>0</v>
      </c>
      <c r="GH14" s="60">
        <v>44</v>
      </c>
      <c r="GI14" s="61">
        <v>28</v>
      </c>
      <c r="GJ14" s="62">
        <v>72</v>
      </c>
      <c r="GK14" s="231"/>
      <c r="GL14" s="61">
        <v>53</v>
      </c>
      <c r="GM14" s="61">
        <v>20</v>
      </c>
      <c r="GN14" s="61">
        <v>22</v>
      </c>
      <c r="GO14" s="61">
        <v>27</v>
      </c>
      <c r="GP14" s="61">
        <v>20</v>
      </c>
      <c r="GQ14" s="62">
        <v>142</v>
      </c>
      <c r="GR14" s="63">
        <v>214</v>
      </c>
      <c r="GS14" s="113">
        <v>405</v>
      </c>
      <c r="GT14" s="72">
        <v>231</v>
      </c>
      <c r="GU14" s="73">
        <v>636</v>
      </c>
      <c r="GV14" s="228"/>
      <c r="GW14" s="72">
        <v>385</v>
      </c>
      <c r="GX14" s="72">
        <v>188</v>
      </c>
      <c r="GY14" s="72">
        <v>159</v>
      </c>
      <c r="GZ14" s="72">
        <v>170</v>
      </c>
      <c r="HA14" s="72">
        <v>106</v>
      </c>
      <c r="HB14" s="74">
        <v>1008</v>
      </c>
      <c r="HC14" s="75">
        <v>1644</v>
      </c>
      <c r="HD14" s="60">
        <v>4</v>
      </c>
      <c r="HE14" s="61">
        <v>4</v>
      </c>
      <c r="HF14" s="62">
        <v>8</v>
      </c>
      <c r="HG14" s="231"/>
      <c r="HH14" s="61">
        <v>5</v>
      </c>
      <c r="HI14" s="61">
        <v>5</v>
      </c>
      <c r="HJ14" s="61">
        <v>2</v>
      </c>
      <c r="HK14" s="61">
        <v>3</v>
      </c>
      <c r="HL14" s="61">
        <v>2</v>
      </c>
      <c r="HM14" s="62">
        <v>17</v>
      </c>
      <c r="HN14" s="63">
        <v>25</v>
      </c>
      <c r="HO14" s="60">
        <v>14</v>
      </c>
      <c r="HP14" s="61">
        <v>8</v>
      </c>
      <c r="HQ14" s="62">
        <v>22</v>
      </c>
      <c r="HR14" s="231"/>
      <c r="HS14" s="61">
        <v>15</v>
      </c>
      <c r="HT14" s="61">
        <v>9</v>
      </c>
      <c r="HU14" s="61">
        <v>6</v>
      </c>
      <c r="HV14" s="61">
        <v>7</v>
      </c>
      <c r="HW14" s="61">
        <v>7</v>
      </c>
      <c r="HX14" s="62">
        <v>44</v>
      </c>
      <c r="HY14" s="63">
        <v>66</v>
      </c>
      <c r="HZ14" s="60">
        <v>31</v>
      </c>
      <c r="IA14" s="61">
        <v>20</v>
      </c>
      <c r="IB14" s="62">
        <v>51</v>
      </c>
      <c r="IC14" s="231"/>
      <c r="ID14" s="61">
        <v>23</v>
      </c>
      <c r="IE14" s="61">
        <v>14</v>
      </c>
      <c r="IF14" s="61">
        <v>8</v>
      </c>
      <c r="IG14" s="61">
        <v>17</v>
      </c>
      <c r="IH14" s="61">
        <v>8</v>
      </c>
      <c r="II14" s="62">
        <v>70</v>
      </c>
      <c r="IJ14" s="63">
        <v>121</v>
      </c>
      <c r="IK14" s="60">
        <v>80</v>
      </c>
      <c r="IL14" s="61">
        <v>38</v>
      </c>
      <c r="IM14" s="62">
        <v>118</v>
      </c>
      <c r="IN14" s="231"/>
      <c r="IO14" s="61">
        <v>79</v>
      </c>
      <c r="IP14" s="61">
        <v>30</v>
      </c>
      <c r="IQ14" s="61">
        <v>30</v>
      </c>
      <c r="IR14" s="61">
        <v>26</v>
      </c>
      <c r="IS14" s="61">
        <v>16</v>
      </c>
      <c r="IT14" s="62">
        <v>181</v>
      </c>
      <c r="IU14" s="63">
        <v>299</v>
      </c>
      <c r="IV14" s="60">
        <v>169</v>
      </c>
      <c r="IW14" s="61">
        <v>91</v>
      </c>
      <c r="IX14" s="62">
        <v>260</v>
      </c>
      <c r="IY14" s="231"/>
      <c r="IZ14" s="61">
        <v>127</v>
      </c>
      <c r="JA14" s="61">
        <v>50</v>
      </c>
      <c r="JB14" s="61">
        <v>37</v>
      </c>
      <c r="JC14" s="61">
        <v>39</v>
      </c>
      <c r="JD14" s="61">
        <v>32</v>
      </c>
      <c r="JE14" s="62">
        <v>285</v>
      </c>
      <c r="JF14" s="63">
        <v>545</v>
      </c>
      <c r="JG14" s="60">
        <v>107</v>
      </c>
      <c r="JH14" s="61">
        <v>70</v>
      </c>
      <c r="JI14" s="62">
        <v>177</v>
      </c>
      <c r="JJ14" s="231"/>
      <c r="JK14" s="61">
        <v>136</v>
      </c>
      <c r="JL14" s="61">
        <v>80</v>
      </c>
      <c r="JM14" s="61">
        <v>76</v>
      </c>
      <c r="JN14" s="61">
        <v>78</v>
      </c>
      <c r="JO14" s="61">
        <v>41</v>
      </c>
      <c r="JP14" s="62">
        <v>411</v>
      </c>
      <c r="JQ14" s="63">
        <v>588</v>
      </c>
      <c r="JR14" s="60">
        <v>0</v>
      </c>
      <c r="JS14" s="61">
        <v>0</v>
      </c>
      <c r="JT14" s="62">
        <v>0</v>
      </c>
      <c r="JU14" s="231"/>
      <c r="JV14" s="61">
        <v>0</v>
      </c>
      <c r="JW14" s="61">
        <v>0</v>
      </c>
      <c r="JX14" s="61">
        <v>0</v>
      </c>
      <c r="JY14" s="61">
        <v>0</v>
      </c>
      <c r="JZ14" s="61">
        <v>0</v>
      </c>
      <c r="KA14" s="62">
        <v>0</v>
      </c>
      <c r="KB14" s="63">
        <v>0</v>
      </c>
      <c r="KC14" s="60">
        <v>405</v>
      </c>
      <c r="KD14" s="61">
        <v>231</v>
      </c>
      <c r="KE14" s="62">
        <v>636</v>
      </c>
      <c r="KF14" s="231"/>
      <c r="KG14" s="61">
        <v>385</v>
      </c>
      <c r="KH14" s="61">
        <v>188</v>
      </c>
      <c r="KI14" s="61">
        <v>159</v>
      </c>
      <c r="KJ14" s="61">
        <v>170</v>
      </c>
      <c r="KK14" s="61">
        <v>106</v>
      </c>
      <c r="KL14" s="62">
        <v>1008</v>
      </c>
      <c r="KM14" s="63">
        <v>1644</v>
      </c>
    </row>
    <row r="15" spans="2:299" ht="21" customHeight="1" x14ac:dyDescent="0.2">
      <c r="B15" s="472" t="s">
        <v>11</v>
      </c>
      <c r="C15" s="293">
        <v>81</v>
      </c>
      <c r="D15" s="72">
        <v>63</v>
      </c>
      <c r="E15" s="73">
        <v>144</v>
      </c>
      <c r="F15" s="228"/>
      <c r="G15" s="72">
        <v>139</v>
      </c>
      <c r="H15" s="72">
        <v>83</v>
      </c>
      <c r="I15" s="72">
        <v>55</v>
      </c>
      <c r="J15" s="72">
        <v>68</v>
      </c>
      <c r="K15" s="72">
        <v>22</v>
      </c>
      <c r="L15" s="74">
        <v>367</v>
      </c>
      <c r="M15" s="75">
        <v>511</v>
      </c>
      <c r="N15" s="60">
        <v>1</v>
      </c>
      <c r="O15" s="61">
        <v>0</v>
      </c>
      <c r="P15" s="62">
        <v>1</v>
      </c>
      <c r="Q15" s="231"/>
      <c r="R15" s="61">
        <v>6</v>
      </c>
      <c r="S15" s="61">
        <v>2</v>
      </c>
      <c r="T15" s="61">
        <v>1</v>
      </c>
      <c r="U15" s="61">
        <v>1</v>
      </c>
      <c r="V15" s="61">
        <v>0</v>
      </c>
      <c r="W15" s="62">
        <v>10</v>
      </c>
      <c r="X15" s="63">
        <v>11</v>
      </c>
      <c r="Y15" s="60">
        <v>5</v>
      </c>
      <c r="Z15" s="61">
        <v>4</v>
      </c>
      <c r="AA15" s="62">
        <v>9</v>
      </c>
      <c r="AB15" s="231"/>
      <c r="AC15" s="61">
        <v>8</v>
      </c>
      <c r="AD15" s="61">
        <v>4</v>
      </c>
      <c r="AE15" s="61">
        <v>8</v>
      </c>
      <c r="AF15" s="61">
        <v>8</v>
      </c>
      <c r="AG15" s="61">
        <v>2</v>
      </c>
      <c r="AH15" s="62">
        <v>30</v>
      </c>
      <c r="AI15" s="63">
        <v>39</v>
      </c>
      <c r="AJ15" s="60">
        <v>4</v>
      </c>
      <c r="AK15" s="61">
        <v>4</v>
      </c>
      <c r="AL15" s="62">
        <v>8</v>
      </c>
      <c r="AM15" s="231"/>
      <c r="AN15" s="61">
        <v>10</v>
      </c>
      <c r="AO15" s="61">
        <v>6</v>
      </c>
      <c r="AP15" s="61">
        <v>7</v>
      </c>
      <c r="AQ15" s="61">
        <v>4</v>
      </c>
      <c r="AR15" s="61">
        <v>1</v>
      </c>
      <c r="AS15" s="62">
        <v>28</v>
      </c>
      <c r="AT15" s="63">
        <v>36</v>
      </c>
      <c r="AU15" s="60">
        <v>13</v>
      </c>
      <c r="AV15" s="61">
        <v>10</v>
      </c>
      <c r="AW15" s="62">
        <v>23</v>
      </c>
      <c r="AX15" s="231"/>
      <c r="AY15" s="61">
        <v>24</v>
      </c>
      <c r="AZ15" s="61">
        <v>14</v>
      </c>
      <c r="BA15" s="61">
        <v>7</v>
      </c>
      <c r="BB15" s="61">
        <v>5</v>
      </c>
      <c r="BC15" s="61">
        <v>3</v>
      </c>
      <c r="BD15" s="62">
        <v>53</v>
      </c>
      <c r="BE15" s="63">
        <v>76</v>
      </c>
      <c r="BF15" s="60">
        <v>28</v>
      </c>
      <c r="BG15" s="61">
        <v>24</v>
      </c>
      <c r="BH15" s="62">
        <v>52</v>
      </c>
      <c r="BI15" s="231"/>
      <c r="BJ15" s="61">
        <v>41</v>
      </c>
      <c r="BK15" s="61">
        <v>22</v>
      </c>
      <c r="BL15" s="61">
        <v>11</v>
      </c>
      <c r="BM15" s="61">
        <v>28</v>
      </c>
      <c r="BN15" s="61">
        <v>10</v>
      </c>
      <c r="BO15" s="62">
        <v>112</v>
      </c>
      <c r="BP15" s="63">
        <v>164</v>
      </c>
      <c r="BQ15" s="60">
        <v>30</v>
      </c>
      <c r="BR15" s="61">
        <v>21</v>
      </c>
      <c r="BS15" s="62">
        <v>51</v>
      </c>
      <c r="BT15" s="231"/>
      <c r="BU15" s="61">
        <v>50</v>
      </c>
      <c r="BV15" s="61">
        <v>35</v>
      </c>
      <c r="BW15" s="61">
        <v>21</v>
      </c>
      <c r="BX15" s="61">
        <v>22</v>
      </c>
      <c r="BY15" s="61">
        <v>6</v>
      </c>
      <c r="BZ15" s="62">
        <v>134</v>
      </c>
      <c r="CA15" s="63">
        <v>185</v>
      </c>
      <c r="CB15" s="60">
        <v>0</v>
      </c>
      <c r="CC15" s="61">
        <v>0</v>
      </c>
      <c r="CD15" s="62">
        <v>0</v>
      </c>
      <c r="CE15" s="231"/>
      <c r="CF15" s="61">
        <v>0</v>
      </c>
      <c r="CG15" s="61">
        <v>0</v>
      </c>
      <c r="CH15" s="61">
        <v>0</v>
      </c>
      <c r="CI15" s="61">
        <v>0</v>
      </c>
      <c r="CJ15" s="61">
        <v>0</v>
      </c>
      <c r="CK15" s="62">
        <v>0</v>
      </c>
      <c r="CL15" s="63">
        <v>0</v>
      </c>
      <c r="CM15" s="60">
        <v>81</v>
      </c>
      <c r="CN15" s="61">
        <v>63</v>
      </c>
      <c r="CO15" s="62">
        <v>144</v>
      </c>
      <c r="CP15" s="231"/>
      <c r="CQ15" s="61">
        <v>139</v>
      </c>
      <c r="CR15" s="61">
        <v>83</v>
      </c>
      <c r="CS15" s="61">
        <v>55</v>
      </c>
      <c r="CT15" s="61">
        <v>68</v>
      </c>
      <c r="CU15" s="61">
        <v>22</v>
      </c>
      <c r="CV15" s="62">
        <v>367</v>
      </c>
      <c r="CW15" s="63">
        <v>511</v>
      </c>
      <c r="CX15" s="113">
        <v>9</v>
      </c>
      <c r="CY15" s="72">
        <v>10</v>
      </c>
      <c r="CZ15" s="73">
        <v>19</v>
      </c>
      <c r="DA15" s="228"/>
      <c r="DB15" s="72">
        <v>15</v>
      </c>
      <c r="DC15" s="72">
        <v>16</v>
      </c>
      <c r="DD15" s="72">
        <v>6</v>
      </c>
      <c r="DE15" s="72">
        <v>21</v>
      </c>
      <c r="DF15" s="72">
        <v>6</v>
      </c>
      <c r="DG15" s="74">
        <v>64</v>
      </c>
      <c r="DH15" s="75">
        <v>83</v>
      </c>
      <c r="DI15" s="60">
        <v>0</v>
      </c>
      <c r="DJ15" s="61">
        <v>0</v>
      </c>
      <c r="DK15" s="62">
        <v>0</v>
      </c>
      <c r="DL15" s="231"/>
      <c r="DM15" s="61">
        <v>1</v>
      </c>
      <c r="DN15" s="61">
        <v>0</v>
      </c>
      <c r="DO15" s="61">
        <v>0</v>
      </c>
      <c r="DP15" s="61">
        <v>0</v>
      </c>
      <c r="DQ15" s="61">
        <v>0</v>
      </c>
      <c r="DR15" s="62">
        <v>1</v>
      </c>
      <c r="DS15" s="63">
        <v>1</v>
      </c>
      <c r="DT15" s="60">
        <v>1</v>
      </c>
      <c r="DU15" s="61">
        <v>0</v>
      </c>
      <c r="DV15" s="62">
        <v>1</v>
      </c>
      <c r="DW15" s="231"/>
      <c r="DX15" s="61">
        <v>1</v>
      </c>
      <c r="DY15" s="61">
        <v>0</v>
      </c>
      <c r="DZ15" s="61">
        <v>1</v>
      </c>
      <c r="EA15" s="61">
        <v>1</v>
      </c>
      <c r="EB15" s="61">
        <v>0</v>
      </c>
      <c r="EC15" s="62">
        <v>3</v>
      </c>
      <c r="ED15" s="63">
        <v>4</v>
      </c>
      <c r="EE15" s="60">
        <v>1</v>
      </c>
      <c r="EF15" s="61">
        <v>0</v>
      </c>
      <c r="EG15" s="62">
        <v>1</v>
      </c>
      <c r="EH15" s="231"/>
      <c r="EI15" s="61">
        <v>2</v>
      </c>
      <c r="EJ15" s="61">
        <v>2</v>
      </c>
      <c r="EK15" s="61">
        <v>0</v>
      </c>
      <c r="EL15" s="61">
        <v>0</v>
      </c>
      <c r="EM15" s="61">
        <v>2</v>
      </c>
      <c r="EN15" s="62">
        <v>6</v>
      </c>
      <c r="EO15" s="63">
        <v>7</v>
      </c>
      <c r="EP15" s="60">
        <v>1</v>
      </c>
      <c r="EQ15" s="61">
        <v>2</v>
      </c>
      <c r="ER15" s="62">
        <v>3</v>
      </c>
      <c r="ES15" s="231"/>
      <c r="ET15" s="61">
        <v>1</v>
      </c>
      <c r="EU15" s="61">
        <v>2</v>
      </c>
      <c r="EV15" s="61">
        <v>0</v>
      </c>
      <c r="EW15" s="61">
        <v>0</v>
      </c>
      <c r="EX15" s="61">
        <v>1</v>
      </c>
      <c r="EY15" s="62">
        <v>4</v>
      </c>
      <c r="EZ15" s="63">
        <v>7</v>
      </c>
      <c r="FA15" s="60">
        <v>2</v>
      </c>
      <c r="FB15" s="61">
        <v>5</v>
      </c>
      <c r="FC15" s="62">
        <v>7</v>
      </c>
      <c r="FD15" s="231"/>
      <c r="FE15" s="61">
        <v>6</v>
      </c>
      <c r="FF15" s="61">
        <v>7</v>
      </c>
      <c r="FG15" s="61">
        <v>1</v>
      </c>
      <c r="FH15" s="61">
        <v>5</v>
      </c>
      <c r="FI15" s="61">
        <v>0</v>
      </c>
      <c r="FJ15" s="62">
        <v>19</v>
      </c>
      <c r="FK15" s="63">
        <v>26</v>
      </c>
      <c r="FL15" s="60">
        <v>4</v>
      </c>
      <c r="FM15" s="61">
        <v>3</v>
      </c>
      <c r="FN15" s="62">
        <v>7</v>
      </c>
      <c r="FO15" s="231"/>
      <c r="FP15" s="61">
        <v>4</v>
      </c>
      <c r="FQ15" s="61">
        <v>5</v>
      </c>
      <c r="FR15" s="61">
        <v>4</v>
      </c>
      <c r="FS15" s="61">
        <v>15</v>
      </c>
      <c r="FT15" s="61">
        <v>3</v>
      </c>
      <c r="FU15" s="62">
        <v>31</v>
      </c>
      <c r="FV15" s="63">
        <v>38</v>
      </c>
      <c r="FW15" s="60">
        <v>0</v>
      </c>
      <c r="FX15" s="61">
        <v>0</v>
      </c>
      <c r="FY15" s="62">
        <v>0</v>
      </c>
      <c r="FZ15" s="231"/>
      <c r="GA15" s="61">
        <v>0</v>
      </c>
      <c r="GB15" s="61">
        <v>0</v>
      </c>
      <c r="GC15" s="61">
        <v>0</v>
      </c>
      <c r="GD15" s="61">
        <v>0</v>
      </c>
      <c r="GE15" s="61">
        <v>0</v>
      </c>
      <c r="GF15" s="62">
        <v>0</v>
      </c>
      <c r="GG15" s="63">
        <v>0</v>
      </c>
      <c r="GH15" s="60">
        <v>9</v>
      </c>
      <c r="GI15" s="61">
        <v>10</v>
      </c>
      <c r="GJ15" s="62">
        <v>19</v>
      </c>
      <c r="GK15" s="231"/>
      <c r="GL15" s="61">
        <v>15</v>
      </c>
      <c r="GM15" s="61">
        <v>16</v>
      </c>
      <c r="GN15" s="61">
        <v>6</v>
      </c>
      <c r="GO15" s="61">
        <v>21</v>
      </c>
      <c r="GP15" s="61">
        <v>6</v>
      </c>
      <c r="GQ15" s="62">
        <v>64</v>
      </c>
      <c r="GR15" s="63">
        <v>83</v>
      </c>
      <c r="GS15" s="113">
        <v>90</v>
      </c>
      <c r="GT15" s="72">
        <v>73</v>
      </c>
      <c r="GU15" s="73">
        <v>163</v>
      </c>
      <c r="GV15" s="228"/>
      <c r="GW15" s="72">
        <v>154</v>
      </c>
      <c r="GX15" s="72">
        <v>99</v>
      </c>
      <c r="GY15" s="72">
        <v>61</v>
      </c>
      <c r="GZ15" s="72">
        <v>89</v>
      </c>
      <c r="HA15" s="72">
        <v>28</v>
      </c>
      <c r="HB15" s="74">
        <v>431</v>
      </c>
      <c r="HC15" s="75">
        <v>594</v>
      </c>
      <c r="HD15" s="60">
        <v>1</v>
      </c>
      <c r="HE15" s="61">
        <v>0</v>
      </c>
      <c r="HF15" s="62">
        <v>1</v>
      </c>
      <c r="HG15" s="231"/>
      <c r="HH15" s="61">
        <v>7</v>
      </c>
      <c r="HI15" s="61">
        <v>2</v>
      </c>
      <c r="HJ15" s="61">
        <v>1</v>
      </c>
      <c r="HK15" s="61">
        <v>1</v>
      </c>
      <c r="HL15" s="61">
        <v>0</v>
      </c>
      <c r="HM15" s="62">
        <v>11</v>
      </c>
      <c r="HN15" s="63">
        <v>12</v>
      </c>
      <c r="HO15" s="60">
        <v>6</v>
      </c>
      <c r="HP15" s="61">
        <v>4</v>
      </c>
      <c r="HQ15" s="62">
        <v>10</v>
      </c>
      <c r="HR15" s="231"/>
      <c r="HS15" s="61">
        <v>9</v>
      </c>
      <c r="HT15" s="61">
        <v>4</v>
      </c>
      <c r="HU15" s="61">
        <v>9</v>
      </c>
      <c r="HV15" s="61">
        <v>9</v>
      </c>
      <c r="HW15" s="61">
        <v>2</v>
      </c>
      <c r="HX15" s="62">
        <v>33</v>
      </c>
      <c r="HY15" s="63">
        <v>43</v>
      </c>
      <c r="HZ15" s="60">
        <v>5</v>
      </c>
      <c r="IA15" s="61">
        <v>4</v>
      </c>
      <c r="IB15" s="62">
        <v>9</v>
      </c>
      <c r="IC15" s="231"/>
      <c r="ID15" s="61">
        <v>12</v>
      </c>
      <c r="IE15" s="61">
        <v>8</v>
      </c>
      <c r="IF15" s="61">
        <v>7</v>
      </c>
      <c r="IG15" s="61">
        <v>4</v>
      </c>
      <c r="IH15" s="61">
        <v>3</v>
      </c>
      <c r="II15" s="62">
        <v>34</v>
      </c>
      <c r="IJ15" s="63">
        <v>43</v>
      </c>
      <c r="IK15" s="60">
        <v>14</v>
      </c>
      <c r="IL15" s="61">
        <v>12</v>
      </c>
      <c r="IM15" s="62">
        <v>26</v>
      </c>
      <c r="IN15" s="231"/>
      <c r="IO15" s="61">
        <v>25</v>
      </c>
      <c r="IP15" s="61">
        <v>16</v>
      </c>
      <c r="IQ15" s="61">
        <v>7</v>
      </c>
      <c r="IR15" s="61">
        <v>5</v>
      </c>
      <c r="IS15" s="61">
        <v>4</v>
      </c>
      <c r="IT15" s="62">
        <v>57</v>
      </c>
      <c r="IU15" s="63">
        <v>83</v>
      </c>
      <c r="IV15" s="60">
        <v>30</v>
      </c>
      <c r="IW15" s="61">
        <v>29</v>
      </c>
      <c r="IX15" s="62">
        <v>59</v>
      </c>
      <c r="IY15" s="231"/>
      <c r="IZ15" s="61">
        <v>47</v>
      </c>
      <c r="JA15" s="61">
        <v>29</v>
      </c>
      <c r="JB15" s="61">
        <v>12</v>
      </c>
      <c r="JC15" s="61">
        <v>33</v>
      </c>
      <c r="JD15" s="61">
        <v>10</v>
      </c>
      <c r="JE15" s="62">
        <v>131</v>
      </c>
      <c r="JF15" s="63">
        <v>190</v>
      </c>
      <c r="JG15" s="60">
        <v>34</v>
      </c>
      <c r="JH15" s="61">
        <v>24</v>
      </c>
      <c r="JI15" s="62">
        <v>58</v>
      </c>
      <c r="JJ15" s="231"/>
      <c r="JK15" s="61">
        <v>54</v>
      </c>
      <c r="JL15" s="61">
        <v>40</v>
      </c>
      <c r="JM15" s="61">
        <v>25</v>
      </c>
      <c r="JN15" s="61">
        <v>37</v>
      </c>
      <c r="JO15" s="61">
        <v>9</v>
      </c>
      <c r="JP15" s="62">
        <v>165</v>
      </c>
      <c r="JQ15" s="63">
        <v>223</v>
      </c>
      <c r="JR15" s="60">
        <v>0</v>
      </c>
      <c r="JS15" s="61">
        <v>0</v>
      </c>
      <c r="JT15" s="62">
        <v>0</v>
      </c>
      <c r="JU15" s="231"/>
      <c r="JV15" s="61">
        <v>0</v>
      </c>
      <c r="JW15" s="61">
        <v>0</v>
      </c>
      <c r="JX15" s="61">
        <v>0</v>
      </c>
      <c r="JY15" s="61">
        <v>0</v>
      </c>
      <c r="JZ15" s="61">
        <v>0</v>
      </c>
      <c r="KA15" s="62">
        <v>0</v>
      </c>
      <c r="KB15" s="63">
        <v>0</v>
      </c>
      <c r="KC15" s="60">
        <v>90</v>
      </c>
      <c r="KD15" s="61">
        <v>73</v>
      </c>
      <c r="KE15" s="62">
        <v>163</v>
      </c>
      <c r="KF15" s="231"/>
      <c r="KG15" s="61">
        <v>154</v>
      </c>
      <c r="KH15" s="61">
        <v>99</v>
      </c>
      <c r="KI15" s="61">
        <v>61</v>
      </c>
      <c r="KJ15" s="61">
        <v>89</v>
      </c>
      <c r="KK15" s="61">
        <v>28</v>
      </c>
      <c r="KL15" s="62">
        <v>431</v>
      </c>
      <c r="KM15" s="63">
        <v>594</v>
      </c>
    </row>
    <row r="16" spans="2:299" ht="21" customHeight="1" x14ac:dyDescent="0.2">
      <c r="B16" s="472" t="s">
        <v>12</v>
      </c>
      <c r="C16" s="293">
        <v>145</v>
      </c>
      <c r="D16" s="72">
        <v>128</v>
      </c>
      <c r="E16" s="73">
        <v>273</v>
      </c>
      <c r="F16" s="228"/>
      <c r="G16" s="72">
        <v>167</v>
      </c>
      <c r="H16" s="72">
        <v>130</v>
      </c>
      <c r="I16" s="72">
        <v>84</v>
      </c>
      <c r="J16" s="72">
        <v>92</v>
      </c>
      <c r="K16" s="72">
        <v>36</v>
      </c>
      <c r="L16" s="74">
        <v>509</v>
      </c>
      <c r="M16" s="75">
        <v>782</v>
      </c>
      <c r="N16" s="76">
        <v>4</v>
      </c>
      <c r="O16" s="61">
        <v>0</v>
      </c>
      <c r="P16" s="62">
        <v>4</v>
      </c>
      <c r="Q16" s="231"/>
      <c r="R16" s="61">
        <v>2</v>
      </c>
      <c r="S16" s="61">
        <v>2</v>
      </c>
      <c r="T16" s="61">
        <v>0</v>
      </c>
      <c r="U16" s="61">
        <v>2</v>
      </c>
      <c r="V16" s="61">
        <v>1</v>
      </c>
      <c r="W16" s="62">
        <v>7</v>
      </c>
      <c r="X16" s="63">
        <v>11</v>
      </c>
      <c r="Y16" s="60">
        <v>3</v>
      </c>
      <c r="Z16" s="61">
        <v>9</v>
      </c>
      <c r="AA16" s="62">
        <v>12</v>
      </c>
      <c r="AB16" s="231"/>
      <c r="AC16" s="61">
        <v>3</v>
      </c>
      <c r="AD16" s="61">
        <v>4</v>
      </c>
      <c r="AE16" s="61">
        <v>4</v>
      </c>
      <c r="AF16" s="61">
        <v>3</v>
      </c>
      <c r="AG16" s="61">
        <v>3</v>
      </c>
      <c r="AH16" s="62">
        <v>17</v>
      </c>
      <c r="AI16" s="63">
        <v>29</v>
      </c>
      <c r="AJ16" s="76">
        <v>6</v>
      </c>
      <c r="AK16" s="61">
        <v>15</v>
      </c>
      <c r="AL16" s="62">
        <v>21</v>
      </c>
      <c r="AM16" s="231"/>
      <c r="AN16" s="61">
        <v>10</v>
      </c>
      <c r="AO16" s="61">
        <v>6</v>
      </c>
      <c r="AP16" s="61">
        <v>7</v>
      </c>
      <c r="AQ16" s="61">
        <v>9</v>
      </c>
      <c r="AR16" s="61">
        <v>3</v>
      </c>
      <c r="AS16" s="62">
        <v>35</v>
      </c>
      <c r="AT16" s="63">
        <v>56</v>
      </c>
      <c r="AU16" s="60">
        <v>32</v>
      </c>
      <c r="AV16" s="61">
        <v>22</v>
      </c>
      <c r="AW16" s="62">
        <v>54</v>
      </c>
      <c r="AX16" s="231"/>
      <c r="AY16" s="61">
        <v>34</v>
      </c>
      <c r="AZ16" s="61">
        <v>25</v>
      </c>
      <c r="BA16" s="61">
        <v>13</v>
      </c>
      <c r="BB16" s="61">
        <v>17</v>
      </c>
      <c r="BC16" s="61">
        <v>6</v>
      </c>
      <c r="BD16" s="62">
        <v>95</v>
      </c>
      <c r="BE16" s="63">
        <v>149</v>
      </c>
      <c r="BF16" s="76">
        <v>54</v>
      </c>
      <c r="BG16" s="61">
        <v>41</v>
      </c>
      <c r="BH16" s="62">
        <v>95</v>
      </c>
      <c r="BI16" s="231"/>
      <c r="BJ16" s="61">
        <v>63</v>
      </c>
      <c r="BK16" s="61">
        <v>36</v>
      </c>
      <c r="BL16" s="61">
        <v>30</v>
      </c>
      <c r="BM16" s="61">
        <v>22</v>
      </c>
      <c r="BN16" s="61">
        <v>16</v>
      </c>
      <c r="BO16" s="62">
        <v>167</v>
      </c>
      <c r="BP16" s="63">
        <v>262</v>
      </c>
      <c r="BQ16" s="60">
        <v>46</v>
      </c>
      <c r="BR16" s="61">
        <v>41</v>
      </c>
      <c r="BS16" s="62">
        <v>87</v>
      </c>
      <c r="BT16" s="231"/>
      <c r="BU16" s="61">
        <v>55</v>
      </c>
      <c r="BV16" s="61">
        <v>57</v>
      </c>
      <c r="BW16" s="61">
        <v>30</v>
      </c>
      <c r="BX16" s="61">
        <v>39</v>
      </c>
      <c r="BY16" s="61">
        <v>7</v>
      </c>
      <c r="BZ16" s="62">
        <v>188</v>
      </c>
      <c r="CA16" s="63">
        <v>275</v>
      </c>
      <c r="CB16" s="60">
        <v>0</v>
      </c>
      <c r="CC16" s="61">
        <v>0</v>
      </c>
      <c r="CD16" s="62">
        <v>0</v>
      </c>
      <c r="CE16" s="231"/>
      <c r="CF16" s="61">
        <v>0</v>
      </c>
      <c r="CG16" s="61">
        <v>0</v>
      </c>
      <c r="CH16" s="61">
        <v>0</v>
      </c>
      <c r="CI16" s="61">
        <v>0</v>
      </c>
      <c r="CJ16" s="61">
        <v>0</v>
      </c>
      <c r="CK16" s="62">
        <v>0</v>
      </c>
      <c r="CL16" s="63">
        <v>0</v>
      </c>
      <c r="CM16" s="60">
        <v>145</v>
      </c>
      <c r="CN16" s="61">
        <v>128</v>
      </c>
      <c r="CO16" s="62">
        <v>273</v>
      </c>
      <c r="CP16" s="231"/>
      <c r="CQ16" s="61">
        <v>167</v>
      </c>
      <c r="CR16" s="61">
        <v>130</v>
      </c>
      <c r="CS16" s="61">
        <v>84</v>
      </c>
      <c r="CT16" s="61">
        <v>92</v>
      </c>
      <c r="CU16" s="61">
        <v>36</v>
      </c>
      <c r="CV16" s="62">
        <v>509</v>
      </c>
      <c r="CW16" s="63">
        <v>782</v>
      </c>
      <c r="CX16" s="113">
        <v>16</v>
      </c>
      <c r="CY16" s="72">
        <v>20</v>
      </c>
      <c r="CZ16" s="73">
        <v>36</v>
      </c>
      <c r="DA16" s="228"/>
      <c r="DB16" s="72">
        <v>17</v>
      </c>
      <c r="DC16" s="72">
        <v>17</v>
      </c>
      <c r="DD16" s="72">
        <v>11</v>
      </c>
      <c r="DE16" s="72">
        <v>13</v>
      </c>
      <c r="DF16" s="72">
        <v>9</v>
      </c>
      <c r="DG16" s="74">
        <v>67</v>
      </c>
      <c r="DH16" s="75">
        <v>103</v>
      </c>
      <c r="DI16" s="76">
        <v>1</v>
      </c>
      <c r="DJ16" s="61">
        <v>1</v>
      </c>
      <c r="DK16" s="62">
        <v>2</v>
      </c>
      <c r="DL16" s="231"/>
      <c r="DM16" s="61">
        <v>0</v>
      </c>
      <c r="DN16" s="61">
        <v>0</v>
      </c>
      <c r="DO16" s="61">
        <v>0</v>
      </c>
      <c r="DP16" s="61">
        <v>0</v>
      </c>
      <c r="DQ16" s="61">
        <v>0</v>
      </c>
      <c r="DR16" s="62">
        <v>0</v>
      </c>
      <c r="DS16" s="63">
        <v>2</v>
      </c>
      <c r="DT16" s="60">
        <v>2</v>
      </c>
      <c r="DU16" s="61">
        <v>1</v>
      </c>
      <c r="DV16" s="62">
        <v>3</v>
      </c>
      <c r="DW16" s="231"/>
      <c r="DX16" s="61">
        <v>0</v>
      </c>
      <c r="DY16" s="61">
        <v>0</v>
      </c>
      <c r="DZ16" s="61">
        <v>0</v>
      </c>
      <c r="EA16" s="61">
        <v>0</v>
      </c>
      <c r="EB16" s="61">
        <v>0</v>
      </c>
      <c r="EC16" s="62">
        <v>0</v>
      </c>
      <c r="ED16" s="63">
        <v>3</v>
      </c>
      <c r="EE16" s="76">
        <v>0</v>
      </c>
      <c r="EF16" s="61">
        <v>2</v>
      </c>
      <c r="EG16" s="62">
        <v>2</v>
      </c>
      <c r="EH16" s="231"/>
      <c r="EI16" s="61">
        <v>0</v>
      </c>
      <c r="EJ16" s="61">
        <v>0</v>
      </c>
      <c r="EK16" s="61">
        <v>1</v>
      </c>
      <c r="EL16" s="61">
        <v>1</v>
      </c>
      <c r="EM16" s="61">
        <v>1</v>
      </c>
      <c r="EN16" s="62">
        <v>3</v>
      </c>
      <c r="EO16" s="63">
        <v>5</v>
      </c>
      <c r="EP16" s="60">
        <v>8</v>
      </c>
      <c r="EQ16" s="61">
        <v>4</v>
      </c>
      <c r="ER16" s="62">
        <v>12</v>
      </c>
      <c r="ES16" s="231"/>
      <c r="ET16" s="61">
        <v>4</v>
      </c>
      <c r="EU16" s="61">
        <v>1</v>
      </c>
      <c r="EV16" s="61">
        <v>2</v>
      </c>
      <c r="EW16" s="61">
        <v>0</v>
      </c>
      <c r="EX16" s="61">
        <v>2</v>
      </c>
      <c r="EY16" s="62">
        <v>9</v>
      </c>
      <c r="EZ16" s="63">
        <v>21</v>
      </c>
      <c r="FA16" s="76">
        <v>1</v>
      </c>
      <c r="FB16" s="61">
        <v>9</v>
      </c>
      <c r="FC16" s="62">
        <v>10</v>
      </c>
      <c r="FD16" s="231"/>
      <c r="FE16" s="61">
        <v>2</v>
      </c>
      <c r="FF16" s="61">
        <v>4</v>
      </c>
      <c r="FG16" s="61">
        <v>2</v>
      </c>
      <c r="FH16" s="61">
        <v>3</v>
      </c>
      <c r="FI16" s="61">
        <v>2</v>
      </c>
      <c r="FJ16" s="62">
        <v>13</v>
      </c>
      <c r="FK16" s="63">
        <v>23</v>
      </c>
      <c r="FL16" s="60">
        <v>4</v>
      </c>
      <c r="FM16" s="61">
        <v>3</v>
      </c>
      <c r="FN16" s="62">
        <v>7</v>
      </c>
      <c r="FO16" s="231"/>
      <c r="FP16" s="61">
        <v>11</v>
      </c>
      <c r="FQ16" s="61">
        <v>12</v>
      </c>
      <c r="FR16" s="61">
        <v>6</v>
      </c>
      <c r="FS16" s="61">
        <v>9</v>
      </c>
      <c r="FT16" s="61">
        <v>4</v>
      </c>
      <c r="FU16" s="62">
        <v>42</v>
      </c>
      <c r="FV16" s="63">
        <v>49</v>
      </c>
      <c r="FW16" s="60">
        <v>0</v>
      </c>
      <c r="FX16" s="61">
        <v>0</v>
      </c>
      <c r="FY16" s="62">
        <v>0</v>
      </c>
      <c r="FZ16" s="231"/>
      <c r="GA16" s="61">
        <v>0</v>
      </c>
      <c r="GB16" s="61">
        <v>0</v>
      </c>
      <c r="GC16" s="61">
        <v>0</v>
      </c>
      <c r="GD16" s="61">
        <v>0</v>
      </c>
      <c r="GE16" s="61">
        <v>0</v>
      </c>
      <c r="GF16" s="62">
        <v>0</v>
      </c>
      <c r="GG16" s="63">
        <v>0</v>
      </c>
      <c r="GH16" s="60">
        <v>16</v>
      </c>
      <c r="GI16" s="61">
        <v>20</v>
      </c>
      <c r="GJ16" s="62">
        <v>36</v>
      </c>
      <c r="GK16" s="231"/>
      <c r="GL16" s="61">
        <v>17</v>
      </c>
      <c r="GM16" s="61">
        <v>17</v>
      </c>
      <c r="GN16" s="61">
        <v>11</v>
      </c>
      <c r="GO16" s="61">
        <v>13</v>
      </c>
      <c r="GP16" s="61">
        <v>9</v>
      </c>
      <c r="GQ16" s="62">
        <v>67</v>
      </c>
      <c r="GR16" s="63">
        <v>103</v>
      </c>
      <c r="GS16" s="113">
        <v>161</v>
      </c>
      <c r="GT16" s="72">
        <v>148</v>
      </c>
      <c r="GU16" s="73">
        <v>309</v>
      </c>
      <c r="GV16" s="228"/>
      <c r="GW16" s="72">
        <v>184</v>
      </c>
      <c r="GX16" s="72">
        <v>147</v>
      </c>
      <c r="GY16" s="72">
        <v>95</v>
      </c>
      <c r="GZ16" s="72">
        <v>105</v>
      </c>
      <c r="HA16" s="72">
        <v>45</v>
      </c>
      <c r="HB16" s="74">
        <v>576</v>
      </c>
      <c r="HC16" s="75">
        <v>885</v>
      </c>
      <c r="HD16" s="76">
        <v>5</v>
      </c>
      <c r="HE16" s="61">
        <v>1</v>
      </c>
      <c r="HF16" s="62">
        <v>6</v>
      </c>
      <c r="HG16" s="231"/>
      <c r="HH16" s="61">
        <v>2</v>
      </c>
      <c r="HI16" s="61">
        <v>2</v>
      </c>
      <c r="HJ16" s="61">
        <v>0</v>
      </c>
      <c r="HK16" s="61">
        <v>2</v>
      </c>
      <c r="HL16" s="61">
        <v>1</v>
      </c>
      <c r="HM16" s="62">
        <v>7</v>
      </c>
      <c r="HN16" s="63">
        <v>13</v>
      </c>
      <c r="HO16" s="60">
        <v>5</v>
      </c>
      <c r="HP16" s="61">
        <v>10</v>
      </c>
      <c r="HQ16" s="62">
        <v>15</v>
      </c>
      <c r="HR16" s="231"/>
      <c r="HS16" s="61">
        <v>3</v>
      </c>
      <c r="HT16" s="61">
        <v>4</v>
      </c>
      <c r="HU16" s="61">
        <v>4</v>
      </c>
      <c r="HV16" s="61">
        <v>3</v>
      </c>
      <c r="HW16" s="61">
        <v>3</v>
      </c>
      <c r="HX16" s="62">
        <v>17</v>
      </c>
      <c r="HY16" s="63">
        <v>32</v>
      </c>
      <c r="HZ16" s="76">
        <v>6</v>
      </c>
      <c r="IA16" s="61">
        <v>17</v>
      </c>
      <c r="IB16" s="62">
        <v>23</v>
      </c>
      <c r="IC16" s="231"/>
      <c r="ID16" s="61">
        <v>10</v>
      </c>
      <c r="IE16" s="61">
        <v>6</v>
      </c>
      <c r="IF16" s="61">
        <v>8</v>
      </c>
      <c r="IG16" s="61">
        <v>10</v>
      </c>
      <c r="IH16" s="61">
        <v>4</v>
      </c>
      <c r="II16" s="62">
        <v>38</v>
      </c>
      <c r="IJ16" s="63">
        <v>61</v>
      </c>
      <c r="IK16" s="60">
        <v>40</v>
      </c>
      <c r="IL16" s="61">
        <v>26</v>
      </c>
      <c r="IM16" s="62">
        <v>66</v>
      </c>
      <c r="IN16" s="231"/>
      <c r="IO16" s="61">
        <v>38</v>
      </c>
      <c r="IP16" s="61">
        <v>26</v>
      </c>
      <c r="IQ16" s="61">
        <v>15</v>
      </c>
      <c r="IR16" s="61">
        <v>17</v>
      </c>
      <c r="IS16" s="61">
        <v>8</v>
      </c>
      <c r="IT16" s="62">
        <v>104</v>
      </c>
      <c r="IU16" s="63">
        <v>170</v>
      </c>
      <c r="IV16" s="76">
        <v>55</v>
      </c>
      <c r="IW16" s="61">
        <v>50</v>
      </c>
      <c r="IX16" s="62">
        <v>105</v>
      </c>
      <c r="IY16" s="231"/>
      <c r="IZ16" s="61">
        <v>65</v>
      </c>
      <c r="JA16" s="61">
        <v>40</v>
      </c>
      <c r="JB16" s="61">
        <v>32</v>
      </c>
      <c r="JC16" s="61">
        <v>25</v>
      </c>
      <c r="JD16" s="61">
        <v>18</v>
      </c>
      <c r="JE16" s="62">
        <v>180</v>
      </c>
      <c r="JF16" s="63">
        <v>285</v>
      </c>
      <c r="JG16" s="60">
        <v>50</v>
      </c>
      <c r="JH16" s="61">
        <v>44</v>
      </c>
      <c r="JI16" s="62">
        <v>94</v>
      </c>
      <c r="JJ16" s="231"/>
      <c r="JK16" s="61">
        <v>66</v>
      </c>
      <c r="JL16" s="61">
        <v>69</v>
      </c>
      <c r="JM16" s="61">
        <v>36</v>
      </c>
      <c r="JN16" s="61">
        <v>48</v>
      </c>
      <c r="JO16" s="61">
        <v>11</v>
      </c>
      <c r="JP16" s="62">
        <v>230</v>
      </c>
      <c r="JQ16" s="63">
        <v>324</v>
      </c>
      <c r="JR16" s="60">
        <v>0</v>
      </c>
      <c r="JS16" s="61">
        <v>0</v>
      </c>
      <c r="JT16" s="62">
        <v>0</v>
      </c>
      <c r="JU16" s="231"/>
      <c r="JV16" s="61">
        <v>0</v>
      </c>
      <c r="JW16" s="61">
        <v>0</v>
      </c>
      <c r="JX16" s="61">
        <v>0</v>
      </c>
      <c r="JY16" s="61">
        <v>0</v>
      </c>
      <c r="JZ16" s="61">
        <v>0</v>
      </c>
      <c r="KA16" s="62">
        <v>0</v>
      </c>
      <c r="KB16" s="63">
        <v>0</v>
      </c>
      <c r="KC16" s="60">
        <v>161</v>
      </c>
      <c r="KD16" s="61">
        <v>148</v>
      </c>
      <c r="KE16" s="62">
        <v>309</v>
      </c>
      <c r="KF16" s="231"/>
      <c r="KG16" s="61">
        <v>184</v>
      </c>
      <c r="KH16" s="61">
        <v>147</v>
      </c>
      <c r="KI16" s="61">
        <v>95</v>
      </c>
      <c r="KJ16" s="61">
        <v>105</v>
      </c>
      <c r="KK16" s="61">
        <v>45</v>
      </c>
      <c r="KL16" s="62">
        <v>576</v>
      </c>
      <c r="KM16" s="63">
        <v>885</v>
      </c>
    </row>
    <row r="17" spans="2:299" ht="21" customHeight="1" x14ac:dyDescent="0.2">
      <c r="B17" s="472" t="s">
        <v>13</v>
      </c>
      <c r="C17" s="293">
        <v>44</v>
      </c>
      <c r="D17" s="72">
        <v>38</v>
      </c>
      <c r="E17" s="73">
        <v>82</v>
      </c>
      <c r="F17" s="228"/>
      <c r="G17" s="72">
        <v>69</v>
      </c>
      <c r="H17" s="72">
        <v>72</v>
      </c>
      <c r="I17" s="72">
        <v>51</v>
      </c>
      <c r="J17" s="72">
        <v>43</v>
      </c>
      <c r="K17" s="72">
        <v>22</v>
      </c>
      <c r="L17" s="74">
        <v>257</v>
      </c>
      <c r="M17" s="75">
        <v>339</v>
      </c>
      <c r="N17" s="60">
        <v>0</v>
      </c>
      <c r="O17" s="61">
        <v>0</v>
      </c>
      <c r="P17" s="62">
        <v>0</v>
      </c>
      <c r="Q17" s="231"/>
      <c r="R17" s="61">
        <v>1</v>
      </c>
      <c r="S17" s="61">
        <v>1</v>
      </c>
      <c r="T17" s="61">
        <v>0</v>
      </c>
      <c r="U17" s="61">
        <v>0</v>
      </c>
      <c r="V17" s="61">
        <v>0</v>
      </c>
      <c r="W17" s="62">
        <v>2</v>
      </c>
      <c r="X17" s="63">
        <v>2</v>
      </c>
      <c r="Y17" s="60">
        <v>3</v>
      </c>
      <c r="Z17" s="61">
        <v>0</v>
      </c>
      <c r="AA17" s="62">
        <v>3</v>
      </c>
      <c r="AB17" s="231"/>
      <c r="AC17" s="61">
        <v>3</v>
      </c>
      <c r="AD17" s="61">
        <v>0</v>
      </c>
      <c r="AE17" s="61">
        <v>2</v>
      </c>
      <c r="AF17" s="61">
        <v>1</v>
      </c>
      <c r="AG17" s="61">
        <v>3</v>
      </c>
      <c r="AH17" s="62">
        <v>9</v>
      </c>
      <c r="AI17" s="63">
        <v>12</v>
      </c>
      <c r="AJ17" s="60">
        <v>2</v>
      </c>
      <c r="AK17" s="61">
        <v>2</v>
      </c>
      <c r="AL17" s="62">
        <v>4</v>
      </c>
      <c r="AM17" s="231"/>
      <c r="AN17" s="61">
        <v>3</v>
      </c>
      <c r="AO17" s="61">
        <v>4</v>
      </c>
      <c r="AP17" s="61">
        <v>4</v>
      </c>
      <c r="AQ17" s="61">
        <v>0</v>
      </c>
      <c r="AR17" s="61">
        <v>1</v>
      </c>
      <c r="AS17" s="62">
        <v>12</v>
      </c>
      <c r="AT17" s="63">
        <v>16</v>
      </c>
      <c r="AU17" s="60">
        <v>7</v>
      </c>
      <c r="AV17" s="61">
        <v>7</v>
      </c>
      <c r="AW17" s="62">
        <v>14</v>
      </c>
      <c r="AX17" s="231"/>
      <c r="AY17" s="61">
        <v>17</v>
      </c>
      <c r="AZ17" s="61">
        <v>14</v>
      </c>
      <c r="BA17" s="61">
        <v>4</v>
      </c>
      <c r="BB17" s="61">
        <v>10</v>
      </c>
      <c r="BC17" s="61">
        <v>5</v>
      </c>
      <c r="BD17" s="62">
        <v>50</v>
      </c>
      <c r="BE17" s="63">
        <v>64</v>
      </c>
      <c r="BF17" s="60">
        <v>21</v>
      </c>
      <c r="BG17" s="61">
        <v>18</v>
      </c>
      <c r="BH17" s="62">
        <v>39</v>
      </c>
      <c r="BI17" s="231"/>
      <c r="BJ17" s="61">
        <v>19</v>
      </c>
      <c r="BK17" s="61">
        <v>21</v>
      </c>
      <c r="BL17" s="61">
        <v>23</v>
      </c>
      <c r="BM17" s="61">
        <v>16</v>
      </c>
      <c r="BN17" s="61">
        <v>4</v>
      </c>
      <c r="BO17" s="62">
        <v>83</v>
      </c>
      <c r="BP17" s="63">
        <v>122</v>
      </c>
      <c r="BQ17" s="60">
        <v>11</v>
      </c>
      <c r="BR17" s="61">
        <v>11</v>
      </c>
      <c r="BS17" s="62">
        <v>22</v>
      </c>
      <c r="BT17" s="231"/>
      <c r="BU17" s="61">
        <v>26</v>
      </c>
      <c r="BV17" s="61">
        <v>32</v>
      </c>
      <c r="BW17" s="61">
        <v>18</v>
      </c>
      <c r="BX17" s="61">
        <v>16</v>
      </c>
      <c r="BY17" s="61">
        <v>9</v>
      </c>
      <c r="BZ17" s="62">
        <v>101</v>
      </c>
      <c r="CA17" s="63">
        <v>123</v>
      </c>
      <c r="CB17" s="60">
        <v>0</v>
      </c>
      <c r="CC17" s="61">
        <v>0</v>
      </c>
      <c r="CD17" s="62">
        <v>0</v>
      </c>
      <c r="CE17" s="231"/>
      <c r="CF17" s="61">
        <v>0</v>
      </c>
      <c r="CG17" s="61">
        <v>0</v>
      </c>
      <c r="CH17" s="61">
        <v>0</v>
      </c>
      <c r="CI17" s="61">
        <v>0</v>
      </c>
      <c r="CJ17" s="61">
        <v>0</v>
      </c>
      <c r="CK17" s="62">
        <v>0</v>
      </c>
      <c r="CL17" s="63">
        <v>0</v>
      </c>
      <c r="CM17" s="60">
        <v>44</v>
      </c>
      <c r="CN17" s="61">
        <v>38</v>
      </c>
      <c r="CO17" s="62">
        <v>82</v>
      </c>
      <c r="CP17" s="231"/>
      <c r="CQ17" s="61">
        <v>69</v>
      </c>
      <c r="CR17" s="61">
        <v>72</v>
      </c>
      <c r="CS17" s="61">
        <v>51</v>
      </c>
      <c r="CT17" s="61">
        <v>43</v>
      </c>
      <c r="CU17" s="61">
        <v>22</v>
      </c>
      <c r="CV17" s="62">
        <v>257</v>
      </c>
      <c r="CW17" s="63">
        <v>339</v>
      </c>
      <c r="CX17" s="113">
        <v>10</v>
      </c>
      <c r="CY17" s="72">
        <v>6</v>
      </c>
      <c r="CZ17" s="73">
        <v>16</v>
      </c>
      <c r="DA17" s="228"/>
      <c r="DB17" s="72">
        <v>12</v>
      </c>
      <c r="DC17" s="72">
        <v>6</v>
      </c>
      <c r="DD17" s="72">
        <v>3</v>
      </c>
      <c r="DE17" s="72">
        <v>7</v>
      </c>
      <c r="DF17" s="72">
        <v>1</v>
      </c>
      <c r="DG17" s="74">
        <v>29</v>
      </c>
      <c r="DH17" s="75">
        <v>45</v>
      </c>
      <c r="DI17" s="60">
        <v>0</v>
      </c>
      <c r="DJ17" s="61">
        <v>0</v>
      </c>
      <c r="DK17" s="62">
        <v>0</v>
      </c>
      <c r="DL17" s="231"/>
      <c r="DM17" s="61">
        <v>0</v>
      </c>
      <c r="DN17" s="61">
        <v>0</v>
      </c>
      <c r="DO17" s="61">
        <v>0</v>
      </c>
      <c r="DP17" s="61">
        <v>0</v>
      </c>
      <c r="DQ17" s="61">
        <v>0</v>
      </c>
      <c r="DR17" s="62">
        <v>0</v>
      </c>
      <c r="DS17" s="63">
        <v>0</v>
      </c>
      <c r="DT17" s="60">
        <v>0</v>
      </c>
      <c r="DU17" s="61">
        <v>0</v>
      </c>
      <c r="DV17" s="62">
        <v>0</v>
      </c>
      <c r="DW17" s="231"/>
      <c r="DX17" s="61">
        <v>0</v>
      </c>
      <c r="DY17" s="61">
        <v>0</v>
      </c>
      <c r="DZ17" s="61">
        <v>0</v>
      </c>
      <c r="EA17" s="61">
        <v>0</v>
      </c>
      <c r="EB17" s="61">
        <v>0</v>
      </c>
      <c r="EC17" s="62">
        <v>0</v>
      </c>
      <c r="ED17" s="63">
        <v>0</v>
      </c>
      <c r="EE17" s="60">
        <v>2</v>
      </c>
      <c r="EF17" s="61">
        <v>0</v>
      </c>
      <c r="EG17" s="62">
        <v>2</v>
      </c>
      <c r="EH17" s="231"/>
      <c r="EI17" s="61">
        <v>4</v>
      </c>
      <c r="EJ17" s="61">
        <v>1</v>
      </c>
      <c r="EK17" s="61">
        <v>0</v>
      </c>
      <c r="EL17" s="61">
        <v>0</v>
      </c>
      <c r="EM17" s="61">
        <v>0</v>
      </c>
      <c r="EN17" s="62">
        <v>5</v>
      </c>
      <c r="EO17" s="63">
        <v>7</v>
      </c>
      <c r="EP17" s="60">
        <v>4</v>
      </c>
      <c r="EQ17" s="61">
        <v>2</v>
      </c>
      <c r="ER17" s="62">
        <v>6</v>
      </c>
      <c r="ES17" s="231"/>
      <c r="ET17" s="61">
        <v>2</v>
      </c>
      <c r="EU17" s="61">
        <v>0</v>
      </c>
      <c r="EV17" s="61">
        <v>0</v>
      </c>
      <c r="EW17" s="61">
        <v>0</v>
      </c>
      <c r="EX17" s="61">
        <v>0</v>
      </c>
      <c r="EY17" s="62">
        <v>2</v>
      </c>
      <c r="EZ17" s="63">
        <v>8</v>
      </c>
      <c r="FA17" s="60">
        <v>2</v>
      </c>
      <c r="FB17" s="61">
        <v>2</v>
      </c>
      <c r="FC17" s="62">
        <v>4</v>
      </c>
      <c r="FD17" s="231"/>
      <c r="FE17" s="61">
        <v>2</v>
      </c>
      <c r="FF17" s="61">
        <v>2</v>
      </c>
      <c r="FG17" s="61">
        <v>2</v>
      </c>
      <c r="FH17" s="61">
        <v>1</v>
      </c>
      <c r="FI17" s="61">
        <v>0</v>
      </c>
      <c r="FJ17" s="62">
        <v>7</v>
      </c>
      <c r="FK17" s="63">
        <v>11</v>
      </c>
      <c r="FL17" s="60">
        <v>2</v>
      </c>
      <c r="FM17" s="61">
        <v>2</v>
      </c>
      <c r="FN17" s="62">
        <v>4</v>
      </c>
      <c r="FO17" s="231"/>
      <c r="FP17" s="61">
        <v>4</v>
      </c>
      <c r="FQ17" s="61">
        <v>3</v>
      </c>
      <c r="FR17" s="61">
        <v>1</v>
      </c>
      <c r="FS17" s="61">
        <v>6</v>
      </c>
      <c r="FT17" s="61">
        <v>1</v>
      </c>
      <c r="FU17" s="62">
        <v>15</v>
      </c>
      <c r="FV17" s="63">
        <v>19</v>
      </c>
      <c r="FW17" s="60">
        <v>0</v>
      </c>
      <c r="FX17" s="61">
        <v>0</v>
      </c>
      <c r="FY17" s="62">
        <v>0</v>
      </c>
      <c r="FZ17" s="231"/>
      <c r="GA17" s="61">
        <v>0</v>
      </c>
      <c r="GB17" s="61">
        <v>0</v>
      </c>
      <c r="GC17" s="61">
        <v>0</v>
      </c>
      <c r="GD17" s="61">
        <v>0</v>
      </c>
      <c r="GE17" s="61">
        <v>0</v>
      </c>
      <c r="GF17" s="62">
        <v>0</v>
      </c>
      <c r="GG17" s="63">
        <v>0</v>
      </c>
      <c r="GH17" s="60">
        <v>10</v>
      </c>
      <c r="GI17" s="61">
        <v>6</v>
      </c>
      <c r="GJ17" s="62">
        <v>16</v>
      </c>
      <c r="GK17" s="231"/>
      <c r="GL17" s="61">
        <v>12</v>
      </c>
      <c r="GM17" s="61">
        <v>6</v>
      </c>
      <c r="GN17" s="61">
        <v>3</v>
      </c>
      <c r="GO17" s="61">
        <v>7</v>
      </c>
      <c r="GP17" s="61">
        <v>1</v>
      </c>
      <c r="GQ17" s="62">
        <v>29</v>
      </c>
      <c r="GR17" s="63">
        <v>45</v>
      </c>
      <c r="GS17" s="113">
        <v>54</v>
      </c>
      <c r="GT17" s="72">
        <v>44</v>
      </c>
      <c r="GU17" s="73">
        <v>98</v>
      </c>
      <c r="GV17" s="228"/>
      <c r="GW17" s="72">
        <v>81</v>
      </c>
      <c r="GX17" s="72">
        <v>78</v>
      </c>
      <c r="GY17" s="72">
        <v>54</v>
      </c>
      <c r="GZ17" s="72">
        <v>50</v>
      </c>
      <c r="HA17" s="72">
        <v>23</v>
      </c>
      <c r="HB17" s="74">
        <v>286</v>
      </c>
      <c r="HC17" s="75">
        <v>384</v>
      </c>
      <c r="HD17" s="60">
        <v>0</v>
      </c>
      <c r="HE17" s="61">
        <v>0</v>
      </c>
      <c r="HF17" s="62">
        <v>0</v>
      </c>
      <c r="HG17" s="231"/>
      <c r="HH17" s="61">
        <v>1</v>
      </c>
      <c r="HI17" s="61">
        <v>1</v>
      </c>
      <c r="HJ17" s="61">
        <v>0</v>
      </c>
      <c r="HK17" s="61">
        <v>0</v>
      </c>
      <c r="HL17" s="61">
        <v>0</v>
      </c>
      <c r="HM17" s="62">
        <v>2</v>
      </c>
      <c r="HN17" s="63">
        <v>2</v>
      </c>
      <c r="HO17" s="60">
        <v>3</v>
      </c>
      <c r="HP17" s="61">
        <v>0</v>
      </c>
      <c r="HQ17" s="62">
        <v>3</v>
      </c>
      <c r="HR17" s="231"/>
      <c r="HS17" s="61">
        <v>3</v>
      </c>
      <c r="HT17" s="61">
        <v>0</v>
      </c>
      <c r="HU17" s="61">
        <v>2</v>
      </c>
      <c r="HV17" s="61">
        <v>1</v>
      </c>
      <c r="HW17" s="61">
        <v>3</v>
      </c>
      <c r="HX17" s="62">
        <v>9</v>
      </c>
      <c r="HY17" s="63">
        <v>12</v>
      </c>
      <c r="HZ17" s="60">
        <v>4</v>
      </c>
      <c r="IA17" s="61">
        <v>2</v>
      </c>
      <c r="IB17" s="62">
        <v>6</v>
      </c>
      <c r="IC17" s="231"/>
      <c r="ID17" s="61">
        <v>7</v>
      </c>
      <c r="IE17" s="61">
        <v>5</v>
      </c>
      <c r="IF17" s="61">
        <v>4</v>
      </c>
      <c r="IG17" s="61">
        <v>0</v>
      </c>
      <c r="IH17" s="61">
        <v>1</v>
      </c>
      <c r="II17" s="62">
        <v>17</v>
      </c>
      <c r="IJ17" s="63">
        <v>23</v>
      </c>
      <c r="IK17" s="60">
        <v>11</v>
      </c>
      <c r="IL17" s="61">
        <v>9</v>
      </c>
      <c r="IM17" s="62">
        <v>20</v>
      </c>
      <c r="IN17" s="231"/>
      <c r="IO17" s="61">
        <v>19</v>
      </c>
      <c r="IP17" s="61">
        <v>14</v>
      </c>
      <c r="IQ17" s="61">
        <v>4</v>
      </c>
      <c r="IR17" s="61">
        <v>10</v>
      </c>
      <c r="IS17" s="61">
        <v>5</v>
      </c>
      <c r="IT17" s="62">
        <v>52</v>
      </c>
      <c r="IU17" s="63">
        <v>72</v>
      </c>
      <c r="IV17" s="60">
        <v>23</v>
      </c>
      <c r="IW17" s="61">
        <v>20</v>
      </c>
      <c r="IX17" s="62">
        <v>43</v>
      </c>
      <c r="IY17" s="231"/>
      <c r="IZ17" s="61">
        <v>21</v>
      </c>
      <c r="JA17" s="61">
        <v>23</v>
      </c>
      <c r="JB17" s="61">
        <v>25</v>
      </c>
      <c r="JC17" s="61">
        <v>17</v>
      </c>
      <c r="JD17" s="61">
        <v>4</v>
      </c>
      <c r="JE17" s="62">
        <v>90</v>
      </c>
      <c r="JF17" s="63">
        <v>133</v>
      </c>
      <c r="JG17" s="60">
        <v>13</v>
      </c>
      <c r="JH17" s="61">
        <v>13</v>
      </c>
      <c r="JI17" s="62">
        <v>26</v>
      </c>
      <c r="JJ17" s="231"/>
      <c r="JK17" s="61">
        <v>30</v>
      </c>
      <c r="JL17" s="61">
        <v>35</v>
      </c>
      <c r="JM17" s="61">
        <v>19</v>
      </c>
      <c r="JN17" s="61">
        <v>22</v>
      </c>
      <c r="JO17" s="61">
        <v>10</v>
      </c>
      <c r="JP17" s="62">
        <v>116</v>
      </c>
      <c r="JQ17" s="63">
        <v>142</v>
      </c>
      <c r="JR17" s="60">
        <v>0</v>
      </c>
      <c r="JS17" s="61">
        <v>0</v>
      </c>
      <c r="JT17" s="62">
        <v>0</v>
      </c>
      <c r="JU17" s="231"/>
      <c r="JV17" s="61">
        <v>0</v>
      </c>
      <c r="JW17" s="61">
        <v>0</v>
      </c>
      <c r="JX17" s="61">
        <v>0</v>
      </c>
      <c r="JY17" s="61">
        <v>0</v>
      </c>
      <c r="JZ17" s="61">
        <v>0</v>
      </c>
      <c r="KA17" s="62">
        <v>0</v>
      </c>
      <c r="KB17" s="63">
        <v>0</v>
      </c>
      <c r="KC17" s="60">
        <v>54</v>
      </c>
      <c r="KD17" s="61">
        <v>44</v>
      </c>
      <c r="KE17" s="62">
        <v>98</v>
      </c>
      <c r="KF17" s="231"/>
      <c r="KG17" s="61">
        <v>81</v>
      </c>
      <c r="KH17" s="61">
        <v>78</v>
      </c>
      <c r="KI17" s="61">
        <v>54</v>
      </c>
      <c r="KJ17" s="61">
        <v>50</v>
      </c>
      <c r="KK17" s="61">
        <v>23</v>
      </c>
      <c r="KL17" s="62">
        <v>286</v>
      </c>
      <c r="KM17" s="63">
        <v>384</v>
      </c>
    </row>
    <row r="18" spans="2:299" ht="21" customHeight="1" x14ac:dyDescent="0.2">
      <c r="B18" s="472" t="s">
        <v>15</v>
      </c>
      <c r="C18" s="293">
        <v>25</v>
      </c>
      <c r="D18" s="72">
        <v>22</v>
      </c>
      <c r="E18" s="73">
        <v>47</v>
      </c>
      <c r="F18" s="228"/>
      <c r="G18" s="72">
        <v>43</v>
      </c>
      <c r="H18" s="72">
        <v>29</v>
      </c>
      <c r="I18" s="72">
        <v>25</v>
      </c>
      <c r="J18" s="72">
        <v>22</v>
      </c>
      <c r="K18" s="72">
        <v>5</v>
      </c>
      <c r="L18" s="74">
        <v>124</v>
      </c>
      <c r="M18" s="75">
        <v>171</v>
      </c>
      <c r="N18" s="60">
        <v>0</v>
      </c>
      <c r="O18" s="61">
        <v>1</v>
      </c>
      <c r="P18" s="62">
        <v>1</v>
      </c>
      <c r="Q18" s="231"/>
      <c r="R18" s="61">
        <v>1</v>
      </c>
      <c r="S18" s="61">
        <v>1</v>
      </c>
      <c r="T18" s="61">
        <v>0</v>
      </c>
      <c r="U18" s="61">
        <v>2</v>
      </c>
      <c r="V18" s="61">
        <v>0</v>
      </c>
      <c r="W18" s="62">
        <v>4</v>
      </c>
      <c r="X18" s="63">
        <v>5</v>
      </c>
      <c r="Y18" s="60">
        <v>1</v>
      </c>
      <c r="Z18" s="61">
        <v>1</v>
      </c>
      <c r="AA18" s="62">
        <v>2</v>
      </c>
      <c r="AB18" s="231"/>
      <c r="AC18" s="61">
        <v>4</v>
      </c>
      <c r="AD18" s="61">
        <v>1</v>
      </c>
      <c r="AE18" s="61">
        <v>2</v>
      </c>
      <c r="AF18" s="61">
        <v>2</v>
      </c>
      <c r="AG18" s="61">
        <v>1</v>
      </c>
      <c r="AH18" s="62">
        <v>10</v>
      </c>
      <c r="AI18" s="63">
        <v>12</v>
      </c>
      <c r="AJ18" s="60">
        <v>2</v>
      </c>
      <c r="AK18" s="61">
        <v>1</v>
      </c>
      <c r="AL18" s="62">
        <v>3</v>
      </c>
      <c r="AM18" s="231"/>
      <c r="AN18" s="61">
        <v>6</v>
      </c>
      <c r="AO18" s="61">
        <v>4</v>
      </c>
      <c r="AP18" s="61">
        <v>3</v>
      </c>
      <c r="AQ18" s="61">
        <v>1</v>
      </c>
      <c r="AR18" s="61">
        <v>1</v>
      </c>
      <c r="AS18" s="62">
        <v>15</v>
      </c>
      <c r="AT18" s="63">
        <v>18</v>
      </c>
      <c r="AU18" s="60">
        <v>9</v>
      </c>
      <c r="AV18" s="61">
        <v>4</v>
      </c>
      <c r="AW18" s="62">
        <v>13</v>
      </c>
      <c r="AX18" s="231"/>
      <c r="AY18" s="61">
        <v>10</v>
      </c>
      <c r="AZ18" s="61">
        <v>7</v>
      </c>
      <c r="BA18" s="61">
        <v>4</v>
      </c>
      <c r="BB18" s="61">
        <v>4</v>
      </c>
      <c r="BC18" s="61">
        <v>1</v>
      </c>
      <c r="BD18" s="62">
        <v>26</v>
      </c>
      <c r="BE18" s="63">
        <v>39</v>
      </c>
      <c r="BF18" s="60">
        <v>4</v>
      </c>
      <c r="BG18" s="61">
        <v>9</v>
      </c>
      <c r="BH18" s="62">
        <v>13</v>
      </c>
      <c r="BI18" s="231"/>
      <c r="BJ18" s="61">
        <v>8</v>
      </c>
      <c r="BK18" s="61">
        <v>4</v>
      </c>
      <c r="BL18" s="61">
        <v>7</v>
      </c>
      <c r="BM18" s="61">
        <v>4</v>
      </c>
      <c r="BN18" s="61">
        <v>1</v>
      </c>
      <c r="BO18" s="62">
        <v>24</v>
      </c>
      <c r="BP18" s="63">
        <v>37</v>
      </c>
      <c r="BQ18" s="60">
        <v>9</v>
      </c>
      <c r="BR18" s="61">
        <v>6</v>
      </c>
      <c r="BS18" s="62">
        <v>15</v>
      </c>
      <c r="BT18" s="231"/>
      <c r="BU18" s="61">
        <v>14</v>
      </c>
      <c r="BV18" s="61">
        <v>12</v>
      </c>
      <c r="BW18" s="61">
        <v>9</v>
      </c>
      <c r="BX18" s="61">
        <v>9</v>
      </c>
      <c r="BY18" s="61">
        <v>1</v>
      </c>
      <c r="BZ18" s="62">
        <v>45</v>
      </c>
      <c r="CA18" s="63">
        <v>60</v>
      </c>
      <c r="CB18" s="60">
        <v>0</v>
      </c>
      <c r="CC18" s="61">
        <v>0</v>
      </c>
      <c r="CD18" s="62">
        <v>0</v>
      </c>
      <c r="CE18" s="231"/>
      <c r="CF18" s="61">
        <v>0</v>
      </c>
      <c r="CG18" s="61">
        <v>0</v>
      </c>
      <c r="CH18" s="61">
        <v>0</v>
      </c>
      <c r="CI18" s="61">
        <v>0</v>
      </c>
      <c r="CJ18" s="61">
        <v>0</v>
      </c>
      <c r="CK18" s="62">
        <v>0</v>
      </c>
      <c r="CL18" s="63">
        <v>0</v>
      </c>
      <c r="CM18" s="60">
        <v>25</v>
      </c>
      <c r="CN18" s="61">
        <v>22</v>
      </c>
      <c r="CO18" s="62">
        <v>47</v>
      </c>
      <c r="CP18" s="231"/>
      <c r="CQ18" s="61">
        <v>43</v>
      </c>
      <c r="CR18" s="61">
        <v>29</v>
      </c>
      <c r="CS18" s="61">
        <v>25</v>
      </c>
      <c r="CT18" s="61">
        <v>22</v>
      </c>
      <c r="CU18" s="61">
        <v>5</v>
      </c>
      <c r="CV18" s="62">
        <v>124</v>
      </c>
      <c r="CW18" s="63">
        <v>171</v>
      </c>
      <c r="CX18" s="113">
        <v>5</v>
      </c>
      <c r="CY18" s="72">
        <v>5</v>
      </c>
      <c r="CZ18" s="73">
        <v>10</v>
      </c>
      <c r="DA18" s="228"/>
      <c r="DB18" s="72">
        <v>6</v>
      </c>
      <c r="DC18" s="72">
        <v>4</v>
      </c>
      <c r="DD18" s="72">
        <v>1</v>
      </c>
      <c r="DE18" s="72">
        <v>6</v>
      </c>
      <c r="DF18" s="72">
        <v>2</v>
      </c>
      <c r="DG18" s="74">
        <v>19</v>
      </c>
      <c r="DH18" s="75">
        <v>29</v>
      </c>
      <c r="DI18" s="60">
        <v>0</v>
      </c>
      <c r="DJ18" s="61">
        <v>0</v>
      </c>
      <c r="DK18" s="62">
        <v>0</v>
      </c>
      <c r="DL18" s="231"/>
      <c r="DM18" s="61">
        <v>1</v>
      </c>
      <c r="DN18" s="61">
        <v>0</v>
      </c>
      <c r="DO18" s="61">
        <v>0</v>
      </c>
      <c r="DP18" s="61">
        <v>0</v>
      </c>
      <c r="DQ18" s="61">
        <v>0</v>
      </c>
      <c r="DR18" s="62">
        <v>1</v>
      </c>
      <c r="DS18" s="63">
        <v>1</v>
      </c>
      <c r="DT18" s="60">
        <v>1</v>
      </c>
      <c r="DU18" s="61">
        <v>0</v>
      </c>
      <c r="DV18" s="62">
        <v>1</v>
      </c>
      <c r="DW18" s="231"/>
      <c r="DX18" s="61">
        <v>0</v>
      </c>
      <c r="DY18" s="61">
        <v>0</v>
      </c>
      <c r="DZ18" s="61">
        <v>0</v>
      </c>
      <c r="EA18" s="61">
        <v>0</v>
      </c>
      <c r="EB18" s="61">
        <v>0</v>
      </c>
      <c r="EC18" s="62">
        <v>0</v>
      </c>
      <c r="ED18" s="63">
        <v>1</v>
      </c>
      <c r="EE18" s="60">
        <v>1</v>
      </c>
      <c r="EF18" s="61">
        <v>1</v>
      </c>
      <c r="EG18" s="62">
        <v>2</v>
      </c>
      <c r="EH18" s="231"/>
      <c r="EI18" s="61">
        <v>1</v>
      </c>
      <c r="EJ18" s="61">
        <v>0</v>
      </c>
      <c r="EK18" s="61">
        <v>0</v>
      </c>
      <c r="EL18" s="61">
        <v>1</v>
      </c>
      <c r="EM18" s="61">
        <v>0</v>
      </c>
      <c r="EN18" s="62">
        <v>2</v>
      </c>
      <c r="EO18" s="63">
        <v>4</v>
      </c>
      <c r="EP18" s="60">
        <v>0</v>
      </c>
      <c r="EQ18" s="61">
        <v>1</v>
      </c>
      <c r="ER18" s="62">
        <v>1</v>
      </c>
      <c r="ES18" s="231"/>
      <c r="ET18" s="61">
        <v>1</v>
      </c>
      <c r="EU18" s="61">
        <v>1</v>
      </c>
      <c r="EV18" s="61">
        <v>0</v>
      </c>
      <c r="EW18" s="61">
        <v>0</v>
      </c>
      <c r="EX18" s="61">
        <v>0</v>
      </c>
      <c r="EY18" s="62">
        <v>2</v>
      </c>
      <c r="EZ18" s="63">
        <v>3</v>
      </c>
      <c r="FA18" s="60">
        <v>2</v>
      </c>
      <c r="FB18" s="61">
        <v>1</v>
      </c>
      <c r="FC18" s="62">
        <v>3</v>
      </c>
      <c r="FD18" s="231"/>
      <c r="FE18" s="61">
        <v>1</v>
      </c>
      <c r="FF18" s="61">
        <v>0</v>
      </c>
      <c r="FG18" s="61">
        <v>0</v>
      </c>
      <c r="FH18" s="61">
        <v>1</v>
      </c>
      <c r="FI18" s="61">
        <v>1</v>
      </c>
      <c r="FJ18" s="62">
        <v>3</v>
      </c>
      <c r="FK18" s="63">
        <v>6</v>
      </c>
      <c r="FL18" s="60">
        <v>1</v>
      </c>
      <c r="FM18" s="61">
        <v>2</v>
      </c>
      <c r="FN18" s="62">
        <v>3</v>
      </c>
      <c r="FO18" s="231"/>
      <c r="FP18" s="61">
        <v>2</v>
      </c>
      <c r="FQ18" s="61">
        <v>3</v>
      </c>
      <c r="FR18" s="61">
        <v>1</v>
      </c>
      <c r="FS18" s="61">
        <v>4</v>
      </c>
      <c r="FT18" s="61">
        <v>1</v>
      </c>
      <c r="FU18" s="62">
        <v>11</v>
      </c>
      <c r="FV18" s="63">
        <v>14</v>
      </c>
      <c r="FW18" s="60">
        <v>0</v>
      </c>
      <c r="FX18" s="61">
        <v>0</v>
      </c>
      <c r="FY18" s="62">
        <v>0</v>
      </c>
      <c r="FZ18" s="231"/>
      <c r="GA18" s="61">
        <v>0</v>
      </c>
      <c r="GB18" s="61">
        <v>0</v>
      </c>
      <c r="GC18" s="61">
        <v>0</v>
      </c>
      <c r="GD18" s="61">
        <v>0</v>
      </c>
      <c r="GE18" s="61">
        <v>0</v>
      </c>
      <c r="GF18" s="62">
        <v>0</v>
      </c>
      <c r="GG18" s="63">
        <v>0</v>
      </c>
      <c r="GH18" s="60">
        <v>5</v>
      </c>
      <c r="GI18" s="61">
        <v>5</v>
      </c>
      <c r="GJ18" s="62">
        <v>10</v>
      </c>
      <c r="GK18" s="231"/>
      <c r="GL18" s="61">
        <v>6</v>
      </c>
      <c r="GM18" s="61">
        <v>4</v>
      </c>
      <c r="GN18" s="61">
        <v>1</v>
      </c>
      <c r="GO18" s="61">
        <v>6</v>
      </c>
      <c r="GP18" s="61">
        <v>2</v>
      </c>
      <c r="GQ18" s="62">
        <v>19</v>
      </c>
      <c r="GR18" s="63">
        <v>29</v>
      </c>
      <c r="GS18" s="113">
        <v>30</v>
      </c>
      <c r="GT18" s="72">
        <v>27</v>
      </c>
      <c r="GU18" s="73">
        <v>57</v>
      </c>
      <c r="GV18" s="228"/>
      <c r="GW18" s="72">
        <v>49</v>
      </c>
      <c r="GX18" s="72">
        <v>33</v>
      </c>
      <c r="GY18" s="72">
        <v>26</v>
      </c>
      <c r="GZ18" s="72">
        <v>28</v>
      </c>
      <c r="HA18" s="72">
        <v>7</v>
      </c>
      <c r="HB18" s="74">
        <v>143</v>
      </c>
      <c r="HC18" s="75">
        <v>200</v>
      </c>
      <c r="HD18" s="60">
        <v>0</v>
      </c>
      <c r="HE18" s="61">
        <v>1</v>
      </c>
      <c r="HF18" s="62">
        <v>1</v>
      </c>
      <c r="HG18" s="231"/>
      <c r="HH18" s="61">
        <v>2</v>
      </c>
      <c r="HI18" s="61">
        <v>1</v>
      </c>
      <c r="HJ18" s="61">
        <v>0</v>
      </c>
      <c r="HK18" s="61">
        <v>2</v>
      </c>
      <c r="HL18" s="61">
        <v>0</v>
      </c>
      <c r="HM18" s="62">
        <v>5</v>
      </c>
      <c r="HN18" s="63">
        <v>6</v>
      </c>
      <c r="HO18" s="60">
        <v>2</v>
      </c>
      <c r="HP18" s="61">
        <v>1</v>
      </c>
      <c r="HQ18" s="62">
        <v>3</v>
      </c>
      <c r="HR18" s="231"/>
      <c r="HS18" s="61">
        <v>4</v>
      </c>
      <c r="HT18" s="61">
        <v>1</v>
      </c>
      <c r="HU18" s="61">
        <v>2</v>
      </c>
      <c r="HV18" s="61">
        <v>2</v>
      </c>
      <c r="HW18" s="61">
        <v>1</v>
      </c>
      <c r="HX18" s="62">
        <v>10</v>
      </c>
      <c r="HY18" s="63">
        <v>13</v>
      </c>
      <c r="HZ18" s="60">
        <v>3</v>
      </c>
      <c r="IA18" s="61">
        <v>2</v>
      </c>
      <c r="IB18" s="62">
        <v>5</v>
      </c>
      <c r="IC18" s="231"/>
      <c r="ID18" s="61">
        <v>7</v>
      </c>
      <c r="IE18" s="61">
        <v>4</v>
      </c>
      <c r="IF18" s="61">
        <v>3</v>
      </c>
      <c r="IG18" s="61">
        <v>2</v>
      </c>
      <c r="IH18" s="61">
        <v>1</v>
      </c>
      <c r="II18" s="62">
        <v>17</v>
      </c>
      <c r="IJ18" s="63">
        <v>22</v>
      </c>
      <c r="IK18" s="60">
        <v>9</v>
      </c>
      <c r="IL18" s="61">
        <v>5</v>
      </c>
      <c r="IM18" s="62">
        <v>14</v>
      </c>
      <c r="IN18" s="231"/>
      <c r="IO18" s="61">
        <v>11</v>
      </c>
      <c r="IP18" s="61">
        <v>8</v>
      </c>
      <c r="IQ18" s="61">
        <v>4</v>
      </c>
      <c r="IR18" s="61">
        <v>4</v>
      </c>
      <c r="IS18" s="61">
        <v>1</v>
      </c>
      <c r="IT18" s="62">
        <v>28</v>
      </c>
      <c r="IU18" s="63">
        <v>42</v>
      </c>
      <c r="IV18" s="60">
        <v>6</v>
      </c>
      <c r="IW18" s="61">
        <v>10</v>
      </c>
      <c r="IX18" s="62">
        <v>16</v>
      </c>
      <c r="IY18" s="231"/>
      <c r="IZ18" s="61">
        <v>9</v>
      </c>
      <c r="JA18" s="61">
        <v>4</v>
      </c>
      <c r="JB18" s="61">
        <v>7</v>
      </c>
      <c r="JC18" s="61">
        <v>5</v>
      </c>
      <c r="JD18" s="61">
        <v>2</v>
      </c>
      <c r="JE18" s="62">
        <v>27</v>
      </c>
      <c r="JF18" s="63">
        <v>43</v>
      </c>
      <c r="JG18" s="60">
        <v>10</v>
      </c>
      <c r="JH18" s="61">
        <v>8</v>
      </c>
      <c r="JI18" s="62">
        <v>18</v>
      </c>
      <c r="JJ18" s="231"/>
      <c r="JK18" s="61">
        <v>16</v>
      </c>
      <c r="JL18" s="61">
        <v>15</v>
      </c>
      <c r="JM18" s="61">
        <v>10</v>
      </c>
      <c r="JN18" s="61">
        <v>13</v>
      </c>
      <c r="JO18" s="61">
        <v>2</v>
      </c>
      <c r="JP18" s="62">
        <v>56</v>
      </c>
      <c r="JQ18" s="63">
        <v>74</v>
      </c>
      <c r="JR18" s="60">
        <v>0</v>
      </c>
      <c r="JS18" s="61">
        <v>0</v>
      </c>
      <c r="JT18" s="62">
        <v>0</v>
      </c>
      <c r="JU18" s="231"/>
      <c r="JV18" s="61">
        <v>0</v>
      </c>
      <c r="JW18" s="61">
        <v>0</v>
      </c>
      <c r="JX18" s="61">
        <v>0</v>
      </c>
      <c r="JY18" s="61">
        <v>0</v>
      </c>
      <c r="JZ18" s="61">
        <v>0</v>
      </c>
      <c r="KA18" s="62">
        <v>0</v>
      </c>
      <c r="KB18" s="63">
        <v>0</v>
      </c>
      <c r="KC18" s="60">
        <v>30</v>
      </c>
      <c r="KD18" s="61">
        <v>27</v>
      </c>
      <c r="KE18" s="62">
        <v>57</v>
      </c>
      <c r="KF18" s="231"/>
      <c r="KG18" s="61">
        <v>49</v>
      </c>
      <c r="KH18" s="61">
        <v>33</v>
      </c>
      <c r="KI18" s="61">
        <v>26</v>
      </c>
      <c r="KJ18" s="61">
        <v>28</v>
      </c>
      <c r="KK18" s="61">
        <v>7</v>
      </c>
      <c r="KL18" s="62">
        <v>143</v>
      </c>
      <c r="KM18" s="63">
        <v>200</v>
      </c>
    </row>
    <row r="19" spans="2:299" ht="21" customHeight="1" x14ac:dyDescent="0.2">
      <c r="B19" s="472" t="s">
        <v>16</v>
      </c>
      <c r="C19" s="293">
        <v>35</v>
      </c>
      <c r="D19" s="72">
        <v>47</v>
      </c>
      <c r="E19" s="73">
        <v>82</v>
      </c>
      <c r="F19" s="228"/>
      <c r="G19" s="72">
        <v>71</v>
      </c>
      <c r="H19" s="72">
        <v>98</v>
      </c>
      <c r="I19" s="72">
        <v>52</v>
      </c>
      <c r="J19" s="72">
        <v>38</v>
      </c>
      <c r="K19" s="72">
        <v>22</v>
      </c>
      <c r="L19" s="74">
        <v>281</v>
      </c>
      <c r="M19" s="75">
        <v>363</v>
      </c>
      <c r="N19" s="60">
        <v>2</v>
      </c>
      <c r="O19" s="61">
        <v>0</v>
      </c>
      <c r="P19" s="62">
        <v>2</v>
      </c>
      <c r="Q19" s="231"/>
      <c r="R19" s="61">
        <v>1</v>
      </c>
      <c r="S19" s="61">
        <v>2</v>
      </c>
      <c r="T19" s="61">
        <v>0</v>
      </c>
      <c r="U19" s="61">
        <v>0</v>
      </c>
      <c r="V19" s="61">
        <v>1</v>
      </c>
      <c r="W19" s="62">
        <v>4</v>
      </c>
      <c r="X19" s="63">
        <v>6</v>
      </c>
      <c r="Y19" s="60">
        <v>1</v>
      </c>
      <c r="Z19" s="61">
        <v>3</v>
      </c>
      <c r="AA19" s="62">
        <v>4</v>
      </c>
      <c r="AB19" s="231"/>
      <c r="AC19" s="61">
        <v>3</v>
      </c>
      <c r="AD19" s="61">
        <v>7</v>
      </c>
      <c r="AE19" s="61">
        <v>4</v>
      </c>
      <c r="AF19" s="61">
        <v>0</v>
      </c>
      <c r="AG19" s="61">
        <v>2</v>
      </c>
      <c r="AH19" s="62">
        <v>16</v>
      </c>
      <c r="AI19" s="63">
        <v>20</v>
      </c>
      <c r="AJ19" s="60">
        <v>5</v>
      </c>
      <c r="AK19" s="61">
        <v>5</v>
      </c>
      <c r="AL19" s="62">
        <v>10</v>
      </c>
      <c r="AM19" s="231"/>
      <c r="AN19" s="61">
        <v>4</v>
      </c>
      <c r="AO19" s="61">
        <v>8</v>
      </c>
      <c r="AP19" s="61">
        <v>11</v>
      </c>
      <c r="AQ19" s="61">
        <v>3</v>
      </c>
      <c r="AR19" s="61">
        <v>3</v>
      </c>
      <c r="AS19" s="62">
        <v>29</v>
      </c>
      <c r="AT19" s="63">
        <v>39</v>
      </c>
      <c r="AU19" s="60">
        <v>10</v>
      </c>
      <c r="AV19" s="61">
        <v>10</v>
      </c>
      <c r="AW19" s="62">
        <v>20</v>
      </c>
      <c r="AX19" s="231"/>
      <c r="AY19" s="61">
        <v>15</v>
      </c>
      <c r="AZ19" s="61">
        <v>24</v>
      </c>
      <c r="BA19" s="61">
        <v>10</v>
      </c>
      <c r="BB19" s="61">
        <v>6</v>
      </c>
      <c r="BC19" s="61">
        <v>7</v>
      </c>
      <c r="BD19" s="62">
        <v>62</v>
      </c>
      <c r="BE19" s="63">
        <v>82</v>
      </c>
      <c r="BF19" s="60">
        <v>8</v>
      </c>
      <c r="BG19" s="61">
        <v>16</v>
      </c>
      <c r="BH19" s="62">
        <v>24</v>
      </c>
      <c r="BI19" s="231"/>
      <c r="BJ19" s="61">
        <v>24</v>
      </c>
      <c r="BK19" s="61">
        <v>21</v>
      </c>
      <c r="BL19" s="61">
        <v>10</v>
      </c>
      <c r="BM19" s="61">
        <v>6</v>
      </c>
      <c r="BN19" s="61">
        <v>2</v>
      </c>
      <c r="BO19" s="62">
        <v>63</v>
      </c>
      <c r="BP19" s="63">
        <v>87</v>
      </c>
      <c r="BQ19" s="60">
        <v>9</v>
      </c>
      <c r="BR19" s="61">
        <v>13</v>
      </c>
      <c r="BS19" s="62">
        <v>22</v>
      </c>
      <c r="BT19" s="231"/>
      <c r="BU19" s="61">
        <v>24</v>
      </c>
      <c r="BV19" s="61">
        <v>36</v>
      </c>
      <c r="BW19" s="61">
        <v>17</v>
      </c>
      <c r="BX19" s="61">
        <v>23</v>
      </c>
      <c r="BY19" s="61">
        <v>7</v>
      </c>
      <c r="BZ19" s="62">
        <v>107</v>
      </c>
      <c r="CA19" s="63">
        <v>129</v>
      </c>
      <c r="CB19" s="60">
        <v>0</v>
      </c>
      <c r="CC19" s="61">
        <v>0</v>
      </c>
      <c r="CD19" s="62">
        <v>0</v>
      </c>
      <c r="CE19" s="231"/>
      <c r="CF19" s="61">
        <v>0</v>
      </c>
      <c r="CG19" s="61">
        <v>0</v>
      </c>
      <c r="CH19" s="61">
        <v>0</v>
      </c>
      <c r="CI19" s="61">
        <v>0</v>
      </c>
      <c r="CJ19" s="61">
        <v>0</v>
      </c>
      <c r="CK19" s="62">
        <v>0</v>
      </c>
      <c r="CL19" s="63">
        <v>0</v>
      </c>
      <c r="CM19" s="60">
        <v>35</v>
      </c>
      <c r="CN19" s="61">
        <v>47</v>
      </c>
      <c r="CO19" s="62">
        <v>82</v>
      </c>
      <c r="CP19" s="231"/>
      <c r="CQ19" s="61">
        <v>71</v>
      </c>
      <c r="CR19" s="61">
        <v>98</v>
      </c>
      <c r="CS19" s="61">
        <v>52</v>
      </c>
      <c r="CT19" s="61">
        <v>38</v>
      </c>
      <c r="CU19" s="61">
        <v>22</v>
      </c>
      <c r="CV19" s="62">
        <v>281</v>
      </c>
      <c r="CW19" s="63">
        <v>363</v>
      </c>
      <c r="CX19" s="113">
        <v>9</v>
      </c>
      <c r="CY19" s="72">
        <v>12</v>
      </c>
      <c r="CZ19" s="73">
        <v>21</v>
      </c>
      <c r="DA19" s="228"/>
      <c r="DB19" s="72">
        <v>4</v>
      </c>
      <c r="DC19" s="72">
        <v>11</v>
      </c>
      <c r="DD19" s="72">
        <v>9</v>
      </c>
      <c r="DE19" s="72">
        <v>11</v>
      </c>
      <c r="DF19" s="72">
        <v>9</v>
      </c>
      <c r="DG19" s="74">
        <v>44</v>
      </c>
      <c r="DH19" s="75">
        <v>65</v>
      </c>
      <c r="DI19" s="60">
        <v>0</v>
      </c>
      <c r="DJ19" s="61">
        <v>1</v>
      </c>
      <c r="DK19" s="62">
        <v>1</v>
      </c>
      <c r="DL19" s="231"/>
      <c r="DM19" s="61">
        <v>0</v>
      </c>
      <c r="DN19" s="61">
        <v>0</v>
      </c>
      <c r="DO19" s="61">
        <v>0</v>
      </c>
      <c r="DP19" s="61">
        <v>0</v>
      </c>
      <c r="DQ19" s="61">
        <v>0</v>
      </c>
      <c r="DR19" s="62">
        <v>0</v>
      </c>
      <c r="DS19" s="63">
        <v>1</v>
      </c>
      <c r="DT19" s="60">
        <v>0</v>
      </c>
      <c r="DU19" s="61">
        <v>2</v>
      </c>
      <c r="DV19" s="62">
        <v>2</v>
      </c>
      <c r="DW19" s="231"/>
      <c r="DX19" s="61">
        <v>0</v>
      </c>
      <c r="DY19" s="61">
        <v>0</v>
      </c>
      <c r="DZ19" s="61">
        <v>0</v>
      </c>
      <c r="EA19" s="61">
        <v>0</v>
      </c>
      <c r="EB19" s="61">
        <v>1</v>
      </c>
      <c r="EC19" s="62">
        <v>1</v>
      </c>
      <c r="ED19" s="63">
        <v>3</v>
      </c>
      <c r="EE19" s="60">
        <v>1</v>
      </c>
      <c r="EF19" s="61">
        <v>0</v>
      </c>
      <c r="EG19" s="62">
        <v>1</v>
      </c>
      <c r="EH19" s="231"/>
      <c r="EI19" s="61">
        <v>0</v>
      </c>
      <c r="EJ19" s="61">
        <v>0</v>
      </c>
      <c r="EK19" s="61">
        <v>2</v>
      </c>
      <c r="EL19" s="61">
        <v>1</v>
      </c>
      <c r="EM19" s="61">
        <v>1</v>
      </c>
      <c r="EN19" s="62">
        <v>4</v>
      </c>
      <c r="EO19" s="63">
        <v>5</v>
      </c>
      <c r="EP19" s="60">
        <v>2</v>
      </c>
      <c r="EQ19" s="61">
        <v>2</v>
      </c>
      <c r="ER19" s="62">
        <v>4</v>
      </c>
      <c r="ES19" s="231"/>
      <c r="ET19" s="61">
        <v>2</v>
      </c>
      <c r="EU19" s="61">
        <v>6</v>
      </c>
      <c r="EV19" s="61">
        <v>1</v>
      </c>
      <c r="EW19" s="61">
        <v>2</v>
      </c>
      <c r="EX19" s="61">
        <v>1</v>
      </c>
      <c r="EY19" s="62">
        <v>12</v>
      </c>
      <c r="EZ19" s="63">
        <v>16</v>
      </c>
      <c r="FA19" s="60">
        <v>4</v>
      </c>
      <c r="FB19" s="61">
        <v>5</v>
      </c>
      <c r="FC19" s="62">
        <v>9</v>
      </c>
      <c r="FD19" s="231"/>
      <c r="FE19" s="61">
        <v>0</v>
      </c>
      <c r="FF19" s="61">
        <v>3</v>
      </c>
      <c r="FG19" s="61">
        <v>2</v>
      </c>
      <c r="FH19" s="61">
        <v>3</v>
      </c>
      <c r="FI19" s="61">
        <v>2</v>
      </c>
      <c r="FJ19" s="62">
        <v>10</v>
      </c>
      <c r="FK19" s="63">
        <v>19</v>
      </c>
      <c r="FL19" s="60">
        <v>2</v>
      </c>
      <c r="FM19" s="61">
        <v>2</v>
      </c>
      <c r="FN19" s="62">
        <v>4</v>
      </c>
      <c r="FO19" s="231"/>
      <c r="FP19" s="61">
        <v>2</v>
      </c>
      <c r="FQ19" s="61">
        <v>2</v>
      </c>
      <c r="FR19" s="61">
        <v>4</v>
      </c>
      <c r="FS19" s="61">
        <v>5</v>
      </c>
      <c r="FT19" s="61">
        <v>4</v>
      </c>
      <c r="FU19" s="62">
        <v>17</v>
      </c>
      <c r="FV19" s="63">
        <v>21</v>
      </c>
      <c r="FW19" s="60">
        <v>0</v>
      </c>
      <c r="FX19" s="61">
        <v>0</v>
      </c>
      <c r="FY19" s="62">
        <v>0</v>
      </c>
      <c r="FZ19" s="231"/>
      <c r="GA19" s="61">
        <v>0</v>
      </c>
      <c r="GB19" s="61">
        <v>0</v>
      </c>
      <c r="GC19" s="61">
        <v>0</v>
      </c>
      <c r="GD19" s="61">
        <v>0</v>
      </c>
      <c r="GE19" s="61">
        <v>0</v>
      </c>
      <c r="GF19" s="62">
        <v>0</v>
      </c>
      <c r="GG19" s="63">
        <v>0</v>
      </c>
      <c r="GH19" s="60">
        <v>9</v>
      </c>
      <c r="GI19" s="61">
        <v>12</v>
      </c>
      <c r="GJ19" s="62">
        <v>21</v>
      </c>
      <c r="GK19" s="231"/>
      <c r="GL19" s="61">
        <v>4</v>
      </c>
      <c r="GM19" s="61">
        <v>11</v>
      </c>
      <c r="GN19" s="61">
        <v>9</v>
      </c>
      <c r="GO19" s="61">
        <v>11</v>
      </c>
      <c r="GP19" s="61">
        <v>9</v>
      </c>
      <c r="GQ19" s="62">
        <v>44</v>
      </c>
      <c r="GR19" s="63">
        <v>65</v>
      </c>
      <c r="GS19" s="113">
        <v>44</v>
      </c>
      <c r="GT19" s="72">
        <v>59</v>
      </c>
      <c r="GU19" s="73">
        <v>103</v>
      </c>
      <c r="GV19" s="228"/>
      <c r="GW19" s="72">
        <v>75</v>
      </c>
      <c r="GX19" s="72">
        <v>109</v>
      </c>
      <c r="GY19" s="72">
        <v>61</v>
      </c>
      <c r="GZ19" s="72">
        <v>49</v>
      </c>
      <c r="HA19" s="72">
        <v>31</v>
      </c>
      <c r="HB19" s="74">
        <v>325</v>
      </c>
      <c r="HC19" s="75">
        <v>428</v>
      </c>
      <c r="HD19" s="60">
        <v>2</v>
      </c>
      <c r="HE19" s="61">
        <v>1</v>
      </c>
      <c r="HF19" s="62">
        <v>3</v>
      </c>
      <c r="HG19" s="231"/>
      <c r="HH19" s="61">
        <v>1</v>
      </c>
      <c r="HI19" s="61">
        <v>2</v>
      </c>
      <c r="HJ19" s="61">
        <v>0</v>
      </c>
      <c r="HK19" s="61">
        <v>0</v>
      </c>
      <c r="HL19" s="61">
        <v>1</v>
      </c>
      <c r="HM19" s="62">
        <v>4</v>
      </c>
      <c r="HN19" s="63">
        <v>7</v>
      </c>
      <c r="HO19" s="60">
        <v>1</v>
      </c>
      <c r="HP19" s="61">
        <v>5</v>
      </c>
      <c r="HQ19" s="62">
        <v>6</v>
      </c>
      <c r="HR19" s="231"/>
      <c r="HS19" s="61">
        <v>3</v>
      </c>
      <c r="HT19" s="61">
        <v>7</v>
      </c>
      <c r="HU19" s="61">
        <v>4</v>
      </c>
      <c r="HV19" s="61">
        <v>0</v>
      </c>
      <c r="HW19" s="61">
        <v>3</v>
      </c>
      <c r="HX19" s="62">
        <v>17</v>
      </c>
      <c r="HY19" s="63">
        <v>23</v>
      </c>
      <c r="HZ19" s="60">
        <v>6</v>
      </c>
      <c r="IA19" s="61">
        <v>5</v>
      </c>
      <c r="IB19" s="62">
        <v>11</v>
      </c>
      <c r="IC19" s="231"/>
      <c r="ID19" s="61">
        <v>4</v>
      </c>
      <c r="IE19" s="61">
        <v>8</v>
      </c>
      <c r="IF19" s="61">
        <v>13</v>
      </c>
      <c r="IG19" s="61">
        <v>4</v>
      </c>
      <c r="IH19" s="61">
        <v>4</v>
      </c>
      <c r="II19" s="62">
        <v>33</v>
      </c>
      <c r="IJ19" s="63">
        <v>44</v>
      </c>
      <c r="IK19" s="60">
        <v>12</v>
      </c>
      <c r="IL19" s="61">
        <v>12</v>
      </c>
      <c r="IM19" s="62">
        <v>24</v>
      </c>
      <c r="IN19" s="231"/>
      <c r="IO19" s="61">
        <v>17</v>
      </c>
      <c r="IP19" s="61">
        <v>30</v>
      </c>
      <c r="IQ19" s="61">
        <v>11</v>
      </c>
      <c r="IR19" s="61">
        <v>8</v>
      </c>
      <c r="IS19" s="61">
        <v>8</v>
      </c>
      <c r="IT19" s="62">
        <v>74</v>
      </c>
      <c r="IU19" s="63">
        <v>98</v>
      </c>
      <c r="IV19" s="60">
        <v>12</v>
      </c>
      <c r="IW19" s="61">
        <v>21</v>
      </c>
      <c r="IX19" s="62">
        <v>33</v>
      </c>
      <c r="IY19" s="231"/>
      <c r="IZ19" s="61">
        <v>24</v>
      </c>
      <c r="JA19" s="61">
        <v>24</v>
      </c>
      <c r="JB19" s="61">
        <v>12</v>
      </c>
      <c r="JC19" s="61">
        <v>9</v>
      </c>
      <c r="JD19" s="61">
        <v>4</v>
      </c>
      <c r="JE19" s="62">
        <v>73</v>
      </c>
      <c r="JF19" s="63">
        <v>106</v>
      </c>
      <c r="JG19" s="60">
        <v>11</v>
      </c>
      <c r="JH19" s="61">
        <v>15</v>
      </c>
      <c r="JI19" s="62">
        <v>26</v>
      </c>
      <c r="JJ19" s="231"/>
      <c r="JK19" s="61">
        <v>26</v>
      </c>
      <c r="JL19" s="61">
        <v>38</v>
      </c>
      <c r="JM19" s="61">
        <v>21</v>
      </c>
      <c r="JN19" s="61">
        <v>28</v>
      </c>
      <c r="JO19" s="61">
        <v>11</v>
      </c>
      <c r="JP19" s="62">
        <v>124</v>
      </c>
      <c r="JQ19" s="63">
        <v>150</v>
      </c>
      <c r="JR19" s="60">
        <v>0</v>
      </c>
      <c r="JS19" s="61">
        <v>0</v>
      </c>
      <c r="JT19" s="62">
        <v>0</v>
      </c>
      <c r="JU19" s="231"/>
      <c r="JV19" s="61">
        <v>0</v>
      </c>
      <c r="JW19" s="61">
        <v>0</v>
      </c>
      <c r="JX19" s="61">
        <v>0</v>
      </c>
      <c r="JY19" s="61">
        <v>0</v>
      </c>
      <c r="JZ19" s="61">
        <v>0</v>
      </c>
      <c r="KA19" s="62">
        <v>0</v>
      </c>
      <c r="KB19" s="63">
        <v>0</v>
      </c>
      <c r="KC19" s="60">
        <v>44</v>
      </c>
      <c r="KD19" s="61">
        <v>59</v>
      </c>
      <c r="KE19" s="62">
        <v>103</v>
      </c>
      <c r="KF19" s="231"/>
      <c r="KG19" s="61">
        <v>75</v>
      </c>
      <c r="KH19" s="61">
        <v>109</v>
      </c>
      <c r="KI19" s="61">
        <v>61</v>
      </c>
      <c r="KJ19" s="61">
        <v>49</v>
      </c>
      <c r="KK19" s="61">
        <v>31</v>
      </c>
      <c r="KL19" s="62">
        <v>325</v>
      </c>
      <c r="KM19" s="63">
        <v>428</v>
      </c>
    </row>
    <row r="20" spans="2:299" ht="21" customHeight="1" x14ac:dyDescent="0.2">
      <c r="B20" s="472" t="s">
        <v>17</v>
      </c>
      <c r="C20" s="293">
        <v>66</v>
      </c>
      <c r="D20" s="72">
        <v>52</v>
      </c>
      <c r="E20" s="73">
        <v>118</v>
      </c>
      <c r="F20" s="228"/>
      <c r="G20" s="72">
        <v>112</v>
      </c>
      <c r="H20" s="72">
        <v>108</v>
      </c>
      <c r="I20" s="72">
        <v>67</v>
      </c>
      <c r="J20" s="72">
        <v>37</v>
      </c>
      <c r="K20" s="72">
        <v>31</v>
      </c>
      <c r="L20" s="74">
        <v>355</v>
      </c>
      <c r="M20" s="75">
        <v>473</v>
      </c>
      <c r="N20" s="60">
        <v>0</v>
      </c>
      <c r="O20" s="61">
        <v>3</v>
      </c>
      <c r="P20" s="62">
        <v>3</v>
      </c>
      <c r="Q20" s="231"/>
      <c r="R20" s="61">
        <v>4</v>
      </c>
      <c r="S20" s="61">
        <v>1</v>
      </c>
      <c r="T20" s="61">
        <v>3</v>
      </c>
      <c r="U20" s="61">
        <v>0</v>
      </c>
      <c r="V20" s="61">
        <v>2</v>
      </c>
      <c r="W20" s="62">
        <v>10</v>
      </c>
      <c r="X20" s="63">
        <v>13</v>
      </c>
      <c r="Y20" s="60">
        <v>2</v>
      </c>
      <c r="Z20" s="61">
        <v>1</v>
      </c>
      <c r="AA20" s="62">
        <v>3</v>
      </c>
      <c r="AB20" s="231"/>
      <c r="AC20" s="61">
        <v>6</v>
      </c>
      <c r="AD20" s="61">
        <v>2</v>
      </c>
      <c r="AE20" s="61">
        <v>4</v>
      </c>
      <c r="AF20" s="61">
        <v>3</v>
      </c>
      <c r="AG20" s="61">
        <v>1</v>
      </c>
      <c r="AH20" s="62">
        <v>16</v>
      </c>
      <c r="AI20" s="63">
        <v>19</v>
      </c>
      <c r="AJ20" s="60">
        <v>8</v>
      </c>
      <c r="AK20" s="61">
        <v>5</v>
      </c>
      <c r="AL20" s="62">
        <v>13</v>
      </c>
      <c r="AM20" s="231"/>
      <c r="AN20" s="61">
        <v>11</v>
      </c>
      <c r="AO20" s="61">
        <v>14</v>
      </c>
      <c r="AP20" s="61">
        <v>4</v>
      </c>
      <c r="AQ20" s="61">
        <v>3</v>
      </c>
      <c r="AR20" s="61">
        <v>2</v>
      </c>
      <c r="AS20" s="62">
        <v>34</v>
      </c>
      <c r="AT20" s="63">
        <v>47</v>
      </c>
      <c r="AU20" s="60">
        <v>21</v>
      </c>
      <c r="AV20" s="61">
        <v>13</v>
      </c>
      <c r="AW20" s="62">
        <v>34</v>
      </c>
      <c r="AX20" s="231"/>
      <c r="AY20" s="61">
        <v>26</v>
      </c>
      <c r="AZ20" s="61">
        <v>31</v>
      </c>
      <c r="BA20" s="61">
        <v>14</v>
      </c>
      <c r="BB20" s="61">
        <v>6</v>
      </c>
      <c r="BC20" s="61">
        <v>5</v>
      </c>
      <c r="BD20" s="62">
        <v>82</v>
      </c>
      <c r="BE20" s="63">
        <v>116</v>
      </c>
      <c r="BF20" s="60">
        <v>16</v>
      </c>
      <c r="BG20" s="61">
        <v>14</v>
      </c>
      <c r="BH20" s="62">
        <v>30</v>
      </c>
      <c r="BI20" s="231"/>
      <c r="BJ20" s="61">
        <v>32</v>
      </c>
      <c r="BK20" s="61">
        <v>33</v>
      </c>
      <c r="BL20" s="61">
        <v>24</v>
      </c>
      <c r="BM20" s="61">
        <v>13</v>
      </c>
      <c r="BN20" s="61">
        <v>7</v>
      </c>
      <c r="BO20" s="62">
        <v>109</v>
      </c>
      <c r="BP20" s="63">
        <v>139</v>
      </c>
      <c r="BQ20" s="60">
        <v>19</v>
      </c>
      <c r="BR20" s="61">
        <v>16</v>
      </c>
      <c r="BS20" s="62">
        <v>35</v>
      </c>
      <c r="BT20" s="231"/>
      <c r="BU20" s="61">
        <v>33</v>
      </c>
      <c r="BV20" s="61">
        <v>27</v>
      </c>
      <c r="BW20" s="61">
        <v>18</v>
      </c>
      <c r="BX20" s="61">
        <v>12</v>
      </c>
      <c r="BY20" s="61">
        <v>14</v>
      </c>
      <c r="BZ20" s="62">
        <v>104</v>
      </c>
      <c r="CA20" s="63">
        <v>139</v>
      </c>
      <c r="CB20" s="60">
        <v>0</v>
      </c>
      <c r="CC20" s="61">
        <v>0</v>
      </c>
      <c r="CD20" s="62">
        <v>0</v>
      </c>
      <c r="CE20" s="231"/>
      <c r="CF20" s="61">
        <v>0</v>
      </c>
      <c r="CG20" s="61">
        <v>0</v>
      </c>
      <c r="CH20" s="61">
        <v>0</v>
      </c>
      <c r="CI20" s="61">
        <v>0</v>
      </c>
      <c r="CJ20" s="61">
        <v>0</v>
      </c>
      <c r="CK20" s="62">
        <v>0</v>
      </c>
      <c r="CL20" s="63">
        <v>0</v>
      </c>
      <c r="CM20" s="60">
        <v>66</v>
      </c>
      <c r="CN20" s="61">
        <v>52</v>
      </c>
      <c r="CO20" s="62">
        <v>118</v>
      </c>
      <c r="CP20" s="231"/>
      <c r="CQ20" s="61">
        <v>112</v>
      </c>
      <c r="CR20" s="61">
        <v>108</v>
      </c>
      <c r="CS20" s="61">
        <v>67</v>
      </c>
      <c r="CT20" s="61">
        <v>37</v>
      </c>
      <c r="CU20" s="61">
        <v>31</v>
      </c>
      <c r="CV20" s="62">
        <v>355</v>
      </c>
      <c r="CW20" s="63">
        <v>473</v>
      </c>
      <c r="CX20" s="113">
        <v>11</v>
      </c>
      <c r="CY20" s="72">
        <v>9</v>
      </c>
      <c r="CZ20" s="73">
        <v>20</v>
      </c>
      <c r="DA20" s="228"/>
      <c r="DB20" s="72">
        <v>9</v>
      </c>
      <c r="DC20" s="72">
        <v>18</v>
      </c>
      <c r="DD20" s="72">
        <v>8</v>
      </c>
      <c r="DE20" s="72">
        <v>14</v>
      </c>
      <c r="DF20" s="72">
        <v>4</v>
      </c>
      <c r="DG20" s="74">
        <v>53</v>
      </c>
      <c r="DH20" s="75">
        <v>73</v>
      </c>
      <c r="DI20" s="60">
        <v>0</v>
      </c>
      <c r="DJ20" s="61">
        <v>0</v>
      </c>
      <c r="DK20" s="62">
        <v>0</v>
      </c>
      <c r="DL20" s="231"/>
      <c r="DM20" s="61">
        <v>0</v>
      </c>
      <c r="DN20" s="61">
        <v>2</v>
      </c>
      <c r="DO20" s="61">
        <v>0</v>
      </c>
      <c r="DP20" s="61">
        <v>1</v>
      </c>
      <c r="DQ20" s="61">
        <v>0</v>
      </c>
      <c r="DR20" s="62">
        <v>3</v>
      </c>
      <c r="DS20" s="63">
        <v>3</v>
      </c>
      <c r="DT20" s="60">
        <v>0</v>
      </c>
      <c r="DU20" s="61">
        <v>2</v>
      </c>
      <c r="DV20" s="62">
        <v>2</v>
      </c>
      <c r="DW20" s="231"/>
      <c r="DX20" s="61">
        <v>0</v>
      </c>
      <c r="DY20" s="61">
        <v>1</v>
      </c>
      <c r="DZ20" s="61">
        <v>1</v>
      </c>
      <c r="EA20" s="61">
        <v>0</v>
      </c>
      <c r="EB20" s="61">
        <v>0</v>
      </c>
      <c r="EC20" s="62">
        <v>2</v>
      </c>
      <c r="ED20" s="63">
        <v>4</v>
      </c>
      <c r="EE20" s="60">
        <v>4</v>
      </c>
      <c r="EF20" s="61">
        <v>3</v>
      </c>
      <c r="EG20" s="62">
        <v>7</v>
      </c>
      <c r="EH20" s="231"/>
      <c r="EI20" s="61">
        <v>1</v>
      </c>
      <c r="EJ20" s="61">
        <v>0</v>
      </c>
      <c r="EK20" s="61">
        <v>0</v>
      </c>
      <c r="EL20" s="61">
        <v>0</v>
      </c>
      <c r="EM20" s="61">
        <v>0</v>
      </c>
      <c r="EN20" s="62">
        <v>1</v>
      </c>
      <c r="EO20" s="63">
        <v>8</v>
      </c>
      <c r="EP20" s="60">
        <v>4</v>
      </c>
      <c r="EQ20" s="61">
        <v>1</v>
      </c>
      <c r="ER20" s="62">
        <v>5</v>
      </c>
      <c r="ES20" s="231"/>
      <c r="ET20" s="61">
        <v>3</v>
      </c>
      <c r="EU20" s="61">
        <v>2</v>
      </c>
      <c r="EV20" s="61">
        <v>2</v>
      </c>
      <c r="EW20" s="61">
        <v>1</v>
      </c>
      <c r="EX20" s="61">
        <v>1</v>
      </c>
      <c r="EY20" s="62">
        <v>9</v>
      </c>
      <c r="EZ20" s="63">
        <v>14</v>
      </c>
      <c r="FA20" s="60">
        <v>3</v>
      </c>
      <c r="FB20" s="61">
        <v>1</v>
      </c>
      <c r="FC20" s="62">
        <v>4</v>
      </c>
      <c r="FD20" s="231"/>
      <c r="FE20" s="61">
        <v>2</v>
      </c>
      <c r="FF20" s="61">
        <v>6</v>
      </c>
      <c r="FG20" s="61">
        <v>0</v>
      </c>
      <c r="FH20" s="61">
        <v>3</v>
      </c>
      <c r="FI20" s="61">
        <v>0</v>
      </c>
      <c r="FJ20" s="62">
        <v>11</v>
      </c>
      <c r="FK20" s="63">
        <v>15</v>
      </c>
      <c r="FL20" s="60">
        <v>0</v>
      </c>
      <c r="FM20" s="61">
        <v>2</v>
      </c>
      <c r="FN20" s="62">
        <v>2</v>
      </c>
      <c r="FO20" s="231"/>
      <c r="FP20" s="61">
        <v>3</v>
      </c>
      <c r="FQ20" s="61">
        <v>7</v>
      </c>
      <c r="FR20" s="61">
        <v>5</v>
      </c>
      <c r="FS20" s="61">
        <v>9</v>
      </c>
      <c r="FT20" s="61">
        <v>3</v>
      </c>
      <c r="FU20" s="62">
        <v>27</v>
      </c>
      <c r="FV20" s="63">
        <v>29</v>
      </c>
      <c r="FW20" s="60">
        <v>0</v>
      </c>
      <c r="FX20" s="61">
        <v>0</v>
      </c>
      <c r="FY20" s="62">
        <v>0</v>
      </c>
      <c r="FZ20" s="231"/>
      <c r="GA20" s="61">
        <v>0</v>
      </c>
      <c r="GB20" s="61">
        <v>0</v>
      </c>
      <c r="GC20" s="61">
        <v>0</v>
      </c>
      <c r="GD20" s="61">
        <v>0</v>
      </c>
      <c r="GE20" s="61">
        <v>0</v>
      </c>
      <c r="GF20" s="62">
        <v>0</v>
      </c>
      <c r="GG20" s="63">
        <v>0</v>
      </c>
      <c r="GH20" s="60">
        <v>11</v>
      </c>
      <c r="GI20" s="61">
        <v>9</v>
      </c>
      <c r="GJ20" s="62">
        <v>20</v>
      </c>
      <c r="GK20" s="231"/>
      <c r="GL20" s="61">
        <v>9</v>
      </c>
      <c r="GM20" s="61">
        <v>18</v>
      </c>
      <c r="GN20" s="61">
        <v>8</v>
      </c>
      <c r="GO20" s="61">
        <v>14</v>
      </c>
      <c r="GP20" s="61">
        <v>4</v>
      </c>
      <c r="GQ20" s="62">
        <v>53</v>
      </c>
      <c r="GR20" s="63">
        <v>73</v>
      </c>
      <c r="GS20" s="113">
        <v>77</v>
      </c>
      <c r="GT20" s="72">
        <v>61</v>
      </c>
      <c r="GU20" s="73">
        <v>138</v>
      </c>
      <c r="GV20" s="228"/>
      <c r="GW20" s="72">
        <v>121</v>
      </c>
      <c r="GX20" s="72">
        <v>126</v>
      </c>
      <c r="GY20" s="72">
        <v>75</v>
      </c>
      <c r="GZ20" s="72">
        <v>51</v>
      </c>
      <c r="HA20" s="72">
        <v>35</v>
      </c>
      <c r="HB20" s="74">
        <v>408</v>
      </c>
      <c r="HC20" s="75">
        <v>546</v>
      </c>
      <c r="HD20" s="60">
        <v>0</v>
      </c>
      <c r="HE20" s="61">
        <v>3</v>
      </c>
      <c r="HF20" s="62">
        <v>3</v>
      </c>
      <c r="HG20" s="231"/>
      <c r="HH20" s="61">
        <v>4</v>
      </c>
      <c r="HI20" s="61">
        <v>3</v>
      </c>
      <c r="HJ20" s="61">
        <v>3</v>
      </c>
      <c r="HK20" s="61">
        <v>1</v>
      </c>
      <c r="HL20" s="61">
        <v>2</v>
      </c>
      <c r="HM20" s="62">
        <v>13</v>
      </c>
      <c r="HN20" s="63">
        <v>16</v>
      </c>
      <c r="HO20" s="60">
        <v>2</v>
      </c>
      <c r="HP20" s="61">
        <v>3</v>
      </c>
      <c r="HQ20" s="62">
        <v>5</v>
      </c>
      <c r="HR20" s="231"/>
      <c r="HS20" s="61">
        <v>6</v>
      </c>
      <c r="HT20" s="61">
        <v>3</v>
      </c>
      <c r="HU20" s="61">
        <v>5</v>
      </c>
      <c r="HV20" s="61">
        <v>3</v>
      </c>
      <c r="HW20" s="61">
        <v>1</v>
      </c>
      <c r="HX20" s="62">
        <v>18</v>
      </c>
      <c r="HY20" s="63">
        <v>23</v>
      </c>
      <c r="HZ20" s="60">
        <v>12</v>
      </c>
      <c r="IA20" s="61">
        <v>8</v>
      </c>
      <c r="IB20" s="62">
        <v>20</v>
      </c>
      <c r="IC20" s="231"/>
      <c r="ID20" s="61">
        <v>12</v>
      </c>
      <c r="IE20" s="61">
        <v>14</v>
      </c>
      <c r="IF20" s="61">
        <v>4</v>
      </c>
      <c r="IG20" s="61">
        <v>3</v>
      </c>
      <c r="IH20" s="61">
        <v>2</v>
      </c>
      <c r="II20" s="62">
        <v>35</v>
      </c>
      <c r="IJ20" s="63">
        <v>55</v>
      </c>
      <c r="IK20" s="60">
        <v>25</v>
      </c>
      <c r="IL20" s="61">
        <v>14</v>
      </c>
      <c r="IM20" s="62">
        <v>39</v>
      </c>
      <c r="IN20" s="231"/>
      <c r="IO20" s="61">
        <v>29</v>
      </c>
      <c r="IP20" s="61">
        <v>33</v>
      </c>
      <c r="IQ20" s="61">
        <v>16</v>
      </c>
      <c r="IR20" s="61">
        <v>7</v>
      </c>
      <c r="IS20" s="61">
        <v>6</v>
      </c>
      <c r="IT20" s="62">
        <v>91</v>
      </c>
      <c r="IU20" s="63">
        <v>130</v>
      </c>
      <c r="IV20" s="60">
        <v>19</v>
      </c>
      <c r="IW20" s="61">
        <v>15</v>
      </c>
      <c r="IX20" s="62">
        <v>34</v>
      </c>
      <c r="IY20" s="231"/>
      <c r="IZ20" s="61">
        <v>34</v>
      </c>
      <c r="JA20" s="61">
        <v>39</v>
      </c>
      <c r="JB20" s="61">
        <v>24</v>
      </c>
      <c r="JC20" s="61">
        <v>16</v>
      </c>
      <c r="JD20" s="61">
        <v>7</v>
      </c>
      <c r="JE20" s="62">
        <v>120</v>
      </c>
      <c r="JF20" s="63">
        <v>154</v>
      </c>
      <c r="JG20" s="60">
        <v>19</v>
      </c>
      <c r="JH20" s="61">
        <v>18</v>
      </c>
      <c r="JI20" s="62">
        <v>37</v>
      </c>
      <c r="JJ20" s="231"/>
      <c r="JK20" s="61">
        <v>36</v>
      </c>
      <c r="JL20" s="61">
        <v>34</v>
      </c>
      <c r="JM20" s="61">
        <v>23</v>
      </c>
      <c r="JN20" s="61">
        <v>21</v>
      </c>
      <c r="JO20" s="61">
        <v>17</v>
      </c>
      <c r="JP20" s="62">
        <v>131</v>
      </c>
      <c r="JQ20" s="63">
        <v>168</v>
      </c>
      <c r="JR20" s="60">
        <v>0</v>
      </c>
      <c r="JS20" s="61">
        <v>0</v>
      </c>
      <c r="JT20" s="62">
        <v>0</v>
      </c>
      <c r="JU20" s="231"/>
      <c r="JV20" s="61">
        <v>0</v>
      </c>
      <c r="JW20" s="61">
        <v>0</v>
      </c>
      <c r="JX20" s="61">
        <v>0</v>
      </c>
      <c r="JY20" s="61">
        <v>0</v>
      </c>
      <c r="JZ20" s="61">
        <v>0</v>
      </c>
      <c r="KA20" s="62">
        <v>0</v>
      </c>
      <c r="KB20" s="63">
        <v>0</v>
      </c>
      <c r="KC20" s="60">
        <v>77</v>
      </c>
      <c r="KD20" s="61">
        <v>61</v>
      </c>
      <c r="KE20" s="62">
        <v>138</v>
      </c>
      <c r="KF20" s="231"/>
      <c r="KG20" s="61">
        <v>121</v>
      </c>
      <c r="KH20" s="61">
        <v>126</v>
      </c>
      <c r="KI20" s="61">
        <v>75</v>
      </c>
      <c r="KJ20" s="61">
        <v>51</v>
      </c>
      <c r="KK20" s="61">
        <v>35</v>
      </c>
      <c r="KL20" s="62">
        <v>408</v>
      </c>
      <c r="KM20" s="63">
        <v>546</v>
      </c>
    </row>
    <row r="21" spans="2:299" ht="21" customHeight="1" x14ac:dyDescent="0.2">
      <c r="B21" s="472" t="s">
        <v>18</v>
      </c>
      <c r="C21" s="293">
        <v>66</v>
      </c>
      <c r="D21" s="72">
        <v>81</v>
      </c>
      <c r="E21" s="73">
        <v>147</v>
      </c>
      <c r="F21" s="228"/>
      <c r="G21" s="72">
        <v>165</v>
      </c>
      <c r="H21" s="72">
        <v>117</v>
      </c>
      <c r="I21" s="72">
        <v>77</v>
      </c>
      <c r="J21" s="72">
        <v>65</v>
      </c>
      <c r="K21" s="72">
        <v>36</v>
      </c>
      <c r="L21" s="74">
        <v>460</v>
      </c>
      <c r="M21" s="75">
        <v>607</v>
      </c>
      <c r="N21" s="60">
        <v>1</v>
      </c>
      <c r="O21" s="61">
        <v>1</v>
      </c>
      <c r="P21" s="62">
        <v>2</v>
      </c>
      <c r="Q21" s="231"/>
      <c r="R21" s="61">
        <v>5</v>
      </c>
      <c r="S21" s="61">
        <v>2</v>
      </c>
      <c r="T21" s="61">
        <v>2</v>
      </c>
      <c r="U21" s="61">
        <v>4</v>
      </c>
      <c r="V21" s="61">
        <v>2</v>
      </c>
      <c r="W21" s="62">
        <v>15</v>
      </c>
      <c r="X21" s="63">
        <v>17</v>
      </c>
      <c r="Y21" s="60">
        <v>2</v>
      </c>
      <c r="Z21" s="61">
        <v>3</v>
      </c>
      <c r="AA21" s="62">
        <v>5</v>
      </c>
      <c r="AB21" s="231"/>
      <c r="AC21" s="61">
        <v>7</v>
      </c>
      <c r="AD21" s="61">
        <v>6</v>
      </c>
      <c r="AE21" s="61">
        <v>3</v>
      </c>
      <c r="AF21" s="61">
        <v>7</v>
      </c>
      <c r="AG21" s="61">
        <v>3</v>
      </c>
      <c r="AH21" s="62">
        <v>26</v>
      </c>
      <c r="AI21" s="63">
        <v>31</v>
      </c>
      <c r="AJ21" s="60">
        <v>8</v>
      </c>
      <c r="AK21" s="61">
        <v>9</v>
      </c>
      <c r="AL21" s="62">
        <v>17</v>
      </c>
      <c r="AM21" s="231"/>
      <c r="AN21" s="61">
        <v>14</v>
      </c>
      <c r="AO21" s="61">
        <v>6</v>
      </c>
      <c r="AP21" s="61">
        <v>4</v>
      </c>
      <c r="AQ21" s="61">
        <v>2</v>
      </c>
      <c r="AR21" s="61">
        <v>1</v>
      </c>
      <c r="AS21" s="62">
        <v>27</v>
      </c>
      <c r="AT21" s="63">
        <v>44</v>
      </c>
      <c r="AU21" s="60">
        <v>15</v>
      </c>
      <c r="AV21" s="61">
        <v>11</v>
      </c>
      <c r="AW21" s="62">
        <v>26</v>
      </c>
      <c r="AX21" s="231"/>
      <c r="AY21" s="61">
        <v>24</v>
      </c>
      <c r="AZ21" s="61">
        <v>26</v>
      </c>
      <c r="BA21" s="61">
        <v>9</v>
      </c>
      <c r="BB21" s="61">
        <v>11</v>
      </c>
      <c r="BC21" s="61">
        <v>10</v>
      </c>
      <c r="BD21" s="62">
        <v>80</v>
      </c>
      <c r="BE21" s="63">
        <v>106</v>
      </c>
      <c r="BF21" s="60">
        <v>22</v>
      </c>
      <c r="BG21" s="61">
        <v>31</v>
      </c>
      <c r="BH21" s="62">
        <v>53</v>
      </c>
      <c r="BI21" s="231"/>
      <c r="BJ21" s="61">
        <v>63</v>
      </c>
      <c r="BK21" s="61">
        <v>38</v>
      </c>
      <c r="BL21" s="61">
        <v>27</v>
      </c>
      <c r="BM21" s="61">
        <v>22</v>
      </c>
      <c r="BN21" s="61">
        <v>10</v>
      </c>
      <c r="BO21" s="62">
        <v>160</v>
      </c>
      <c r="BP21" s="63">
        <v>213</v>
      </c>
      <c r="BQ21" s="60">
        <v>18</v>
      </c>
      <c r="BR21" s="61">
        <v>26</v>
      </c>
      <c r="BS21" s="62">
        <v>44</v>
      </c>
      <c r="BT21" s="231"/>
      <c r="BU21" s="61">
        <v>52</v>
      </c>
      <c r="BV21" s="61">
        <v>39</v>
      </c>
      <c r="BW21" s="61">
        <v>32</v>
      </c>
      <c r="BX21" s="61">
        <v>19</v>
      </c>
      <c r="BY21" s="61">
        <v>10</v>
      </c>
      <c r="BZ21" s="62">
        <v>152</v>
      </c>
      <c r="CA21" s="63">
        <v>196</v>
      </c>
      <c r="CB21" s="60">
        <v>0</v>
      </c>
      <c r="CC21" s="61">
        <v>0</v>
      </c>
      <c r="CD21" s="62">
        <v>0</v>
      </c>
      <c r="CE21" s="231"/>
      <c r="CF21" s="61">
        <v>0</v>
      </c>
      <c r="CG21" s="61">
        <v>0</v>
      </c>
      <c r="CH21" s="61">
        <v>0</v>
      </c>
      <c r="CI21" s="61">
        <v>0</v>
      </c>
      <c r="CJ21" s="61">
        <v>0</v>
      </c>
      <c r="CK21" s="62">
        <v>0</v>
      </c>
      <c r="CL21" s="63">
        <v>0</v>
      </c>
      <c r="CM21" s="60">
        <v>66</v>
      </c>
      <c r="CN21" s="61">
        <v>81</v>
      </c>
      <c r="CO21" s="62">
        <v>147</v>
      </c>
      <c r="CP21" s="231"/>
      <c r="CQ21" s="61">
        <v>165</v>
      </c>
      <c r="CR21" s="61">
        <v>117</v>
      </c>
      <c r="CS21" s="61">
        <v>77</v>
      </c>
      <c r="CT21" s="61">
        <v>65</v>
      </c>
      <c r="CU21" s="61">
        <v>36</v>
      </c>
      <c r="CV21" s="62">
        <v>460</v>
      </c>
      <c r="CW21" s="63">
        <v>607</v>
      </c>
      <c r="CX21" s="113">
        <v>10</v>
      </c>
      <c r="CY21" s="72">
        <v>18</v>
      </c>
      <c r="CZ21" s="73">
        <v>28</v>
      </c>
      <c r="DA21" s="228"/>
      <c r="DB21" s="72">
        <v>20</v>
      </c>
      <c r="DC21" s="72">
        <v>12</v>
      </c>
      <c r="DD21" s="72">
        <v>8</v>
      </c>
      <c r="DE21" s="72">
        <v>7</v>
      </c>
      <c r="DF21" s="72">
        <v>3</v>
      </c>
      <c r="DG21" s="74">
        <v>50</v>
      </c>
      <c r="DH21" s="75">
        <v>78</v>
      </c>
      <c r="DI21" s="60">
        <v>0</v>
      </c>
      <c r="DJ21" s="61">
        <v>0</v>
      </c>
      <c r="DK21" s="62">
        <v>0</v>
      </c>
      <c r="DL21" s="231"/>
      <c r="DM21" s="61">
        <v>1</v>
      </c>
      <c r="DN21" s="61">
        <v>0</v>
      </c>
      <c r="DO21" s="61">
        <v>0</v>
      </c>
      <c r="DP21" s="61">
        <v>0</v>
      </c>
      <c r="DQ21" s="61">
        <v>0</v>
      </c>
      <c r="DR21" s="62">
        <v>1</v>
      </c>
      <c r="DS21" s="63">
        <v>1</v>
      </c>
      <c r="DT21" s="60">
        <v>0</v>
      </c>
      <c r="DU21" s="61">
        <v>4</v>
      </c>
      <c r="DV21" s="62">
        <v>4</v>
      </c>
      <c r="DW21" s="231"/>
      <c r="DX21" s="61">
        <v>1</v>
      </c>
      <c r="DY21" s="61">
        <v>1</v>
      </c>
      <c r="DZ21" s="61">
        <v>1</v>
      </c>
      <c r="EA21" s="61">
        <v>0</v>
      </c>
      <c r="EB21" s="61">
        <v>0</v>
      </c>
      <c r="EC21" s="62">
        <v>3</v>
      </c>
      <c r="ED21" s="63">
        <v>7</v>
      </c>
      <c r="EE21" s="60">
        <v>1</v>
      </c>
      <c r="EF21" s="61">
        <v>4</v>
      </c>
      <c r="EG21" s="62">
        <v>5</v>
      </c>
      <c r="EH21" s="231"/>
      <c r="EI21" s="61">
        <v>2</v>
      </c>
      <c r="EJ21" s="61">
        <v>0</v>
      </c>
      <c r="EK21" s="61">
        <v>0</v>
      </c>
      <c r="EL21" s="61">
        <v>1</v>
      </c>
      <c r="EM21" s="61">
        <v>0</v>
      </c>
      <c r="EN21" s="62">
        <v>3</v>
      </c>
      <c r="EO21" s="63">
        <v>8</v>
      </c>
      <c r="EP21" s="60">
        <v>5</v>
      </c>
      <c r="EQ21" s="61">
        <v>7</v>
      </c>
      <c r="ER21" s="62">
        <v>12</v>
      </c>
      <c r="ES21" s="231"/>
      <c r="ET21" s="61">
        <v>4</v>
      </c>
      <c r="EU21" s="61">
        <v>1</v>
      </c>
      <c r="EV21" s="61">
        <v>2</v>
      </c>
      <c r="EW21" s="61">
        <v>0</v>
      </c>
      <c r="EX21" s="61">
        <v>0</v>
      </c>
      <c r="EY21" s="62">
        <v>7</v>
      </c>
      <c r="EZ21" s="63">
        <v>19</v>
      </c>
      <c r="FA21" s="60">
        <v>1</v>
      </c>
      <c r="FB21" s="61">
        <v>1</v>
      </c>
      <c r="FC21" s="62">
        <v>2</v>
      </c>
      <c r="FD21" s="231"/>
      <c r="FE21" s="61">
        <v>7</v>
      </c>
      <c r="FF21" s="61">
        <v>7</v>
      </c>
      <c r="FG21" s="61">
        <v>3</v>
      </c>
      <c r="FH21" s="61">
        <v>2</v>
      </c>
      <c r="FI21" s="61">
        <v>1</v>
      </c>
      <c r="FJ21" s="62">
        <v>20</v>
      </c>
      <c r="FK21" s="63">
        <v>22</v>
      </c>
      <c r="FL21" s="60">
        <v>3</v>
      </c>
      <c r="FM21" s="61">
        <v>2</v>
      </c>
      <c r="FN21" s="62">
        <v>5</v>
      </c>
      <c r="FO21" s="231"/>
      <c r="FP21" s="61">
        <v>5</v>
      </c>
      <c r="FQ21" s="61">
        <v>3</v>
      </c>
      <c r="FR21" s="61">
        <v>2</v>
      </c>
      <c r="FS21" s="61">
        <v>4</v>
      </c>
      <c r="FT21" s="61">
        <v>2</v>
      </c>
      <c r="FU21" s="62">
        <v>16</v>
      </c>
      <c r="FV21" s="63">
        <v>21</v>
      </c>
      <c r="FW21" s="60">
        <v>0</v>
      </c>
      <c r="FX21" s="61">
        <v>0</v>
      </c>
      <c r="FY21" s="62">
        <v>0</v>
      </c>
      <c r="FZ21" s="231"/>
      <c r="GA21" s="61">
        <v>0</v>
      </c>
      <c r="GB21" s="61">
        <v>0</v>
      </c>
      <c r="GC21" s="61">
        <v>0</v>
      </c>
      <c r="GD21" s="61">
        <v>0</v>
      </c>
      <c r="GE21" s="61">
        <v>0</v>
      </c>
      <c r="GF21" s="62">
        <v>0</v>
      </c>
      <c r="GG21" s="63">
        <v>0</v>
      </c>
      <c r="GH21" s="60">
        <v>10</v>
      </c>
      <c r="GI21" s="61">
        <v>18</v>
      </c>
      <c r="GJ21" s="62">
        <v>28</v>
      </c>
      <c r="GK21" s="231"/>
      <c r="GL21" s="61">
        <v>20</v>
      </c>
      <c r="GM21" s="61">
        <v>12</v>
      </c>
      <c r="GN21" s="61">
        <v>8</v>
      </c>
      <c r="GO21" s="61">
        <v>7</v>
      </c>
      <c r="GP21" s="61">
        <v>3</v>
      </c>
      <c r="GQ21" s="62">
        <v>50</v>
      </c>
      <c r="GR21" s="63">
        <v>78</v>
      </c>
      <c r="GS21" s="113">
        <v>76</v>
      </c>
      <c r="GT21" s="72">
        <v>99</v>
      </c>
      <c r="GU21" s="73">
        <v>175</v>
      </c>
      <c r="GV21" s="228"/>
      <c r="GW21" s="72">
        <v>185</v>
      </c>
      <c r="GX21" s="72">
        <v>129</v>
      </c>
      <c r="GY21" s="72">
        <v>85</v>
      </c>
      <c r="GZ21" s="72">
        <v>72</v>
      </c>
      <c r="HA21" s="72">
        <v>39</v>
      </c>
      <c r="HB21" s="74">
        <v>510</v>
      </c>
      <c r="HC21" s="75">
        <v>685</v>
      </c>
      <c r="HD21" s="60">
        <v>1</v>
      </c>
      <c r="HE21" s="61">
        <v>1</v>
      </c>
      <c r="HF21" s="62">
        <v>2</v>
      </c>
      <c r="HG21" s="231"/>
      <c r="HH21" s="61">
        <v>6</v>
      </c>
      <c r="HI21" s="61">
        <v>2</v>
      </c>
      <c r="HJ21" s="61">
        <v>2</v>
      </c>
      <c r="HK21" s="61">
        <v>4</v>
      </c>
      <c r="HL21" s="61">
        <v>2</v>
      </c>
      <c r="HM21" s="62">
        <v>16</v>
      </c>
      <c r="HN21" s="63">
        <v>18</v>
      </c>
      <c r="HO21" s="60">
        <v>2</v>
      </c>
      <c r="HP21" s="61">
        <v>7</v>
      </c>
      <c r="HQ21" s="62">
        <v>9</v>
      </c>
      <c r="HR21" s="231"/>
      <c r="HS21" s="61">
        <v>8</v>
      </c>
      <c r="HT21" s="61">
        <v>7</v>
      </c>
      <c r="HU21" s="61">
        <v>4</v>
      </c>
      <c r="HV21" s="61">
        <v>7</v>
      </c>
      <c r="HW21" s="61">
        <v>3</v>
      </c>
      <c r="HX21" s="62">
        <v>29</v>
      </c>
      <c r="HY21" s="63">
        <v>38</v>
      </c>
      <c r="HZ21" s="60">
        <v>9</v>
      </c>
      <c r="IA21" s="61">
        <v>13</v>
      </c>
      <c r="IB21" s="62">
        <v>22</v>
      </c>
      <c r="IC21" s="231"/>
      <c r="ID21" s="61">
        <v>16</v>
      </c>
      <c r="IE21" s="61">
        <v>6</v>
      </c>
      <c r="IF21" s="61">
        <v>4</v>
      </c>
      <c r="IG21" s="61">
        <v>3</v>
      </c>
      <c r="IH21" s="61">
        <v>1</v>
      </c>
      <c r="II21" s="62">
        <v>30</v>
      </c>
      <c r="IJ21" s="63">
        <v>52</v>
      </c>
      <c r="IK21" s="60">
        <v>20</v>
      </c>
      <c r="IL21" s="61">
        <v>18</v>
      </c>
      <c r="IM21" s="62">
        <v>38</v>
      </c>
      <c r="IN21" s="231"/>
      <c r="IO21" s="61">
        <v>28</v>
      </c>
      <c r="IP21" s="61">
        <v>27</v>
      </c>
      <c r="IQ21" s="61">
        <v>11</v>
      </c>
      <c r="IR21" s="61">
        <v>11</v>
      </c>
      <c r="IS21" s="61">
        <v>10</v>
      </c>
      <c r="IT21" s="62">
        <v>87</v>
      </c>
      <c r="IU21" s="63">
        <v>125</v>
      </c>
      <c r="IV21" s="60">
        <v>23</v>
      </c>
      <c r="IW21" s="61">
        <v>32</v>
      </c>
      <c r="IX21" s="62">
        <v>55</v>
      </c>
      <c r="IY21" s="231"/>
      <c r="IZ21" s="61">
        <v>70</v>
      </c>
      <c r="JA21" s="61">
        <v>45</v>
      </c>
      <c r="JB21" s="61">
        <v>30</v>
      </c>
      <c r="JC21" s="61">
        <v>24</v>
      </c>
      <c r="JD21" s="61">
        <v>11</v>
      </c>
      <c r="JE21" s="62">
        <v>180</v>
      </c>
      <c r="JF21" s="63">
        <v>235</v>
      </c>
      <c r="JG21" s="60">
        <v>21</v>
      </c>
      <c r="JH21" s="61">
        <v>28</v>
      </c>
      <c r="JI21" s="62">
        <v>49</v>
      </c>
      <c r="JJ21" s="231"/>
      <c r="JK21" s="61">
        <v>57</v>
      </c>
      <c r="JL21" s="61">
        <v>42</v>
      </c>
      <c r="JM21" s="61">
        <v>34</v>
      </c>
      <c r="JN21" s="61">
        <v>23</v>
      </c>
      <c r="JO21" s="61">
        <v>12</v>
      </c>
      <c r="JP21" s="62">
        <v>168</v>
      </c>
      <c r="JQ21" s="63">
        <v>217</v>
      </c>
      <c r="JR21" s="60">
        <v>0</v>
      </c>
      <c r="JS21" s="61">
        <v>0</v>
      </c>
      <c r="JT21" s="62">
        <v>0</v>
      </c>
      <c r="JU21" s="231"/>
      <c r="JV21" s="61">
        <v>0</v>
      </c>
      <c r="JW21" s="61">
        <v>0</v>
      </c>
      <c r="JX21" s="61">
        <v>0</v>
      </c>
      <c r="JY21" s="61">
        <v>0</v>
      </c>
      <c r="JZ21" s="61">
        <v>0</v>
      </c>
      <c r="KA21" s="62">
        <v>0</v>
      </c>
      <c r="KB21" s="63">
        <v>0</v>
      </c>
      <c r="KC21" s="60">
        <v>76</v>
      </c>
      <c r="KD21" s="61">
        <v>99</v>
      </c>
      <c r="KE21" s="62">
        <v>175</v>
      </c>
      <c r="KF21" s="231"/>
      <c r="KG21" s="61">
        <v>185</v>
      </c>
      <c r="KH21" s="61">
        <v>129</v>
      </c>
      <c r="KI21" s="61">
        <v>85</v>
      </c>
      <c r="KJ21" s="61">
        <v>72</v>
      </c>
      <c r="KK21" s="61">
        <v>39</v>
      </c>
      <c r="KL21" s="62">
        <v>510</v>
      </c>
      <c r="KM21" s="63">
        <v>685</v>
      </c>
    </row>
    <row r="22" spans="2:299" ht="21" customHeight="1" x14ac:dyDescent="0.2">
      <c r="B22" s="472" t="s">
        <v>19</v>
      </c>
      <c r="C22" s="293">
        <v>39</v>
      </c>
      <c r="D22" s="72">
        <v>32</v>
      </c>
      <c r="E22" s="73">
        <v>71</v>
      </c>
      <c r="F22" s="228"/>
      <c r="G22" s="72">
        <v>75</v>
      </c>
      <c r="H22" s="72">
        <v>43</v>
      </c>
      <c r="I22" s="72">
        <v>29</v>
      </c>
      <c r="J22" s="72">
        <v>20</v>
      </c>
      <c r="K22" s="72">
        <v>22</v>
      </c>
      <c r="L22" s="74">
        <v>189</v>
      </c>
      <c r="M22" s="75">
        <v>260</v>
      </c>
      <c r="N22" s="76">
        <v>0</v>
      </c>
      <c r="O22" s="61">
        <v>2</v>
      </c>
      <c r="P22" s="62">
        <v>2</v>
      </c>
      <c r="Q22" s="231"/>
      <c r="R22" s="61">
        <v>1</v>
      </c>
      <c r="S22" s="61">
        <v>1</v>
      </c>
      <c r="T22" s="61">
        <v>1</v>
      </c>
      <c r="U22" s="61">
        <v>0</v>
      </c>
      <c r="V22" s="61">
        <v>0</v>
      </c>
      <c r="W22" s="62">
        <v>3</v>
      </c>
      <c r="X22" s="63">
        <v>5</v>
      </c>
      <c r="Y22" s="60">
        <v>0</v>
      </c>
      <c r="Z22" s="61">
        <v>0</v>
      </c>
      <c r="AA22" s="62">
        <v>0</v>
      </c>
      <c r="AB22" s="231"/>
      <c r="AC22" s="61">
        <v>3</v>
      </c>
      <c r="AD22" s="61">
        <v>3</v>
      </c>
      <c r="AE22" s="61">
        <v>0</v>
      </c>
      <c r="AF22" s="61">
        <v>1</v>
      </c>
      <c r="AG22" s="61">
        <v>0</v>
      </c>
      <c r="AH22" s="62">
        <v>7</v>
      </c>
      <c r="AI22" s="63">
        <v>7</v>
      </c>
      <c r="AJ22" s="76">
        <v>3</v>
      </c>
      <c r="AK22" s="61">
        <v>3</v>
      </c>
      <c r="AL22" s="62">
        <v>6</v>
      </c>
      <c r="AM22" s="231"/>
      <c r="AN22" s="61">
        <v>8</v>
      </c>
      <c r="AO22" s="61">
        <v>1</v>
      </c>
      <c r="AP22" s="61">
        <v>2</v>
      </c>
      <c r="AQ22" s="61">
        <v>0</v>
      </c>
      <c r="AR22" s="61">
        <v>2</v>
      </c>
      <c r="AS22" s="62">
        <v>13</v>
      </c>
      <c r="AT22" s="63">
        <v>19</v>
      </c>
      <c r="AU22" s="60">
        <v>8</v>
      </c>
      <c r="AV22" s="61">
        <v>6</v>
      </c>
      <c r="AW22" s="62">
        <v>14</v>
      </c>
      <c r="AX22" s="231"/>
      <c r="AY22" s="61">
        <v>11</v>
      </c>
      <c r="AZ22" s="61">
        <v>5</v>
      </c>
      <c r="BA22" s="61">
        <v>6</v>
      </c>
      <c r="BB22" s="61">
        <v>6</v>
      </c>
      <c r="BC22" s="61">
        <v>6</v>
      </c>
      <c r="BD22" s="62">
        <v>34</v>
      </c>
      <c r="BE22" s="63">
        <v>48</v>
      </c>
      <c r="BF22" s="76">
        <v>12</v>
      </c>
      <c r="BG22" s="61">
        <v>11</v>
      </c>
      <c r="BH22" s="62">
        <v>23</v>
      </c>
      <c r="BI22" s="231"/>
      <c r="BJ22" s="61">
        <v>32</v>
      </c>
      <c r="BK22" s="61">
        <v>10</v>
      </c>
      <c r="BL22" s="61">
        <v>9</v>
      </c>
      <c r="BM22" s="61">
        <v>9</v>
      </c>
      <c r="BN22" s="61">
        <v>12</v>
      </c>
      <c r="BO22" s="62">
        <v>72</v>
      </c>
      <c r="BP22" s="63">
        <v>95</v>
      </c>
      <c r="BQ22" s="60">
        <v>16</v>
      </c>
      <c r="BR22" s="61">
        <v>10</v>
      </c>
      <c r="BS22" s="62">
        <v>26</v>
      </c>
      <c r="BT22" s="231"/>
      <c r="BU22" s="61">
        <v>20</v>
      </c>
      <c r="BV22" s="61">
        <v>23</v>
      </c>
      <c r="BW22" s="61">
        <v>11</v>
      </c>
      <c r="BX22" s="61">
        <v>4</v>
      </c>
      <c r="BY22" s="61">
        <v>2</v>
      </c>
      <c r="BZ22" s="62">
        <v>60</v>
      </c>
      <c r="CA22" s="63">
        <v>86</v>
      </c>
      <c r="CB22" s="60">
        <v>0</v>
      </c>
      <c r="CC22" s="61">
        <v>0</v>
      </c>
      <c r="CD22" s="62">
        <v>0</v>
      </c>
      <c r="CE22" s="231"/>
      <c r="CF22" s="61">
        <v>0</v>
      </c>
      <c r="CG22" s="61">
        <v>0</v>
      </c>
      <c r="CH22" s="61">
        <v>0</v>
      </c>
      <c r="CI22" s="61">
        <v>0</v>
      </c>
      <c r="CJ22" s="61">
        <v>0</v>
      </c>
      <c r="CK22" s="62">
        <v>0</v>
      </c>
      <c r="CL22" s="63">
        <v>0</v>
      </c>
      <c r="CM22" s="60">
        <v>39</v>
      </c>
      <c r="CN22" s="61">
        <v>32</v>
      </c>
      <c r="CO22" s="62">
        <v>71</v>
      </c>
      <c r="CP22" s="231"/>
      <c r="CQ22" s="61">
        <v>75</v>
      </c>
      <c r="CR22" s="61">
        <v>43</v>
      </c>
      <c r="CS22" s="61">
        <v>29</v>
      </c>
      <c r="CT22" s="61">
        <v>20</v>
      </c>
      <c r="CU22" s="61">
        <v>22</v>
      </c>
      <c r="CV22" s="62">
        <v>189</v>
      </c>
      <c r="CW22" s="63">
        <v>260</v>
      </c>
      <c r="CX22" s="113">
        <v>3</v>
      </c>
      <c r="CY22" s="72">
        <v>7</v>
      </c>
      <c r="CZ22" s="73">
        <v>10</v>
      </c>
      <c r="DA22" s="228"/>
      <c r="DB22" s="72">
        <v>10</v>
      </c>
      <c r="DC22" s="72">
        <v>6</v>
      </c>
      <c r="DD22" s="72">
        <v>5</v>
      </c>
      <c r="DE22" s="72">
        <v>4</v>
      </c>
      <c r="DF22" s="72">
        <v>6</v>
      </c>
      <c r="DG22" s="74">
        <v>31</v>
      </c>
      <c r="DH22" s="75">
        <v>41</v>
      </c>
      <c r="DI22" s="76">
        <v>1</v>
      </c>
      <c r="DJ22" s="61">
        <v>0</v>
      </c>
      <c r="DK22" s="62">
        <v>1</v>
      </c>
      <c r="DL22" s="231"/>
      <c r="DM22" s="61">
        <v>0</v>
      </c>
      <c r="DN22" s="61">
        <v>1</v>
      </c>
      <c r="DO22" s="61">
        <v>0</v>
      </c>
      <c r="DP22" s="61">
        <v>0</v>
      </c>
      <c r="DQ22" s="61">
        <v>0</v>
      </c>
      <c r="DR22" s="62">
        <v>1</v>
      </c>
      <c r="DS22" s="63">
        <v>2</v>
      </c>
      <c r="DT22" s="60">
        <v>0</v>
      </c>
      <c r="DU22" s="61">
        <v>0</v>
      </c>
      <c r="DV22" s="62">
        <v>0</v>
      </c>
      <c r="DW22" s="231"/>
      <c r="DX22" s="61">
        <v>0</v>
      </c>
      <c r="DY22" s="61">
        <v>0</v>
      </c>
      <c r="DZ22" s="61">
        <v>0</v>
      </c>
      <c r="EA22" s="61">
        <v>0</v>
      </c>
      <c r="EB22" s="61">
        <v>0</v>
      </c>
      <c r="EC22" s="62">
        <v>0</v>
      </c>
      <c r="ED22" s="63">
        <v>0</v>
      </c>
      <c r="EE22" s="76">
        <v>0</v>
      </c>
      <c r="EF22" s="61">
        <v>1</v>
      </c>
      <c r="EG22" s="62">
        <v>1</v>
      </c>
      <c r="EH22" s="231"/>
      <c r="EI22" s="61">
        <v>1</v>
      </c>
      <c r="EJ22" s="61">
        <v>0</v>
      </c>
      <c r="EK22" s="61">
        <v>0</v>
      </c>
      <c r="EL22" s="61">
        <v>1</v>
      </c>
      <c r="EM22" s="61">
        <v>0</v>
      </c>
      <c r="EN22" s="62">
        <v>2</v>
      </c>
      <c r="EO22" s="63">
        <v>3</v>
      </c>
      <c r="EP22" s="60">
        <v>2</v>
      </c>
      <c r="EQ22" s="61">
        <v>4</v>
      </c>
      <c r="ER22" s="62">
        <v>6</v>
      </c>
      <c r="ES22" s="231"/>
      <c r="ET22" s="61">
        <v>2</v>
      </c>
      <c r="EU22" s="61">
        <v>1</v>
      </c>
      <c r="EV22" s="61">
        <v>1</v>
      </c>
      <c r="EW22" s="61">
        <v>0</v>
      </c>
      <c r="EX22" s="61">
        <v>0</v>
      </c>
      <c r="EY22" s="62">
        <v>4</v>
      </c>
      <c r="EZ22" s="63">
        <v>10</v>
      </c>
      <c r="FA22" s="76">
        <v>0</v>
      </c>
      <c r="FB22" s="61">
        <v>1</v>
      </c>
      <c r="FC22" s="62">
        <v>1</v>
      </c>
      <c r="FD22" s="231"/>
      <c r="FE22" s="61">
        <v>4</v>
      </c>
      <c r="FF22" s="61">
        <v>2</v>
      </c>
      <c r="FG22" s="61">
        <v>1</v>
      </c>
      <c r="FH22" s="61">
        <v>2</v>
      </c>
      <c r="FI22" s="61">
        <v>1</v>
      </c>
      <c r="FJ22" s="62">
        <v>10</v>
      </c>
      <c r="FK22" s="63">
        <v>11</v>
      </c>
      <c r="FL22" s="60">
        <v>0</v>
      </c>
      <c r="FM22" s="61">
        <v>1</v>
      </c>
      <c r="FN22" s="62">
        <v>1</v>
      </c>
      <c r="FO22" s="231"/>
      <c r="FP22" s="61">
        <v>3</v>
      </c>
      <c r="FQ22" s="61">
        <v>2</v>
      </c>
      <c r="FR22" s="61">
        <v>3</v>
      </c>
      <c r="FS22" s="61">
        <v>1</v>
      </c>
      <c r="FT22" s="61">
        <v>5</v>
      </c>
      <c r="FU22" s="62">
        <v>14</v>
      </c>
      <c r="FV22" s="63">
        <v>15</v>
      </c>
      <c r="FW22" s="60">
        <v>0</v>
      </c>
      <c r="FX22" s="61">
        <v>0</v>
      </c>
      <c r="FY22" s="62">
        <v>0</v>
      </c>
      <c r="FZ22" s="231"/>
      <c r="GA22" s="61">
        <v>0</v>
      </c>
      <c r="GB22" s="61">
        <v>0</v>
      </c>
      <c r="GC22" s="61">
        <v>0</v>
      </c>
      <c r="GD22" s="61">
        <v>0</v>
      </c>
      <c r="GE22" s="61">
        <v>0</v>
      </c>
      <c r="GF22" s="62">
        <v>0</v>
      </c>
      <c r="GG22" s="63">
        <v>0</v>
      </c>
      <c r="GH22" s="60">
        <v>3</v>
      </c>
      <c r="GI22" s="61">
        <v>7</v>
      </c>
      <c r="GJ22" s="62">
        <v>10</v>
      </c>
      <c r="GK22" s="231"/>
      <c r="GL22" s="61">
        <v>10</v>
      </c>
      <c r="GM22" s="61">
        <v>6</v>
      </c>
      <c r="GN22" s="61">
        <v>5</v>
      </c>
      <c r="GO22" s="61">
        <v>4</v>
      </c>
      <c r="GP22" s="61">
        <v>6</v>
      </c>
      <c r="GQ22" s="62">
        <v>31</v>
      </c>
      <c r="GR22" s="63">
        <v>41</v>
      </c>
      <c r="GS22" s="113">
        <v>42</v>
      </c>
      <c r="GT22" s="72">
        <v>39</v>
      </c>
      <c r="GU22" s="73">
        <v>81</v>
      </c>
      <c r="GV22" s="228"/>
      <c r="GW22" s="72">
        <v>85</v>
      </c>
      <c r="GX22" s="72">
        <v>49</v>
      </c>
      <c r="GY22" s="72">
        <v>34</v>
      </c>
      <c r="GZ22" s="72">
        <v>24</v>
      </c>
      <c r="HA22" s="72">
        <v>28</v>
      </c>
      <c r="HB22" s="74">
        <v>220</v>
      </c>
      <c r="HC22" s="75">
        <v>301</v>
      </c>
      <c r="HD22" s="76">
        <v>1</v>
      </c>
      <c r="HE22" s="61">
        <v>2</v>
      </c>
      <c r="HF22" s="62">
        <v>3</v>
      </c>
      <c r="HG22" s="231"/>
      <c r="HH22" s="61">
        <v>1</v>
      </c>
      <c r="HI22" s="61">
        <v>2</v>
      </c>
      <c r="HJ22" s="61">
        <v>1</v>
      </c>
      <c r="HK22" s="61">
        <v>0</v>
      </c>
      <c r="HL22" s="61">
        <v>0</v>
      </c>
      <c r="HM22" s="62">
        <v>4</v>
      </c>
      <c r="HN22" s="63">
        <v>7</v>
      </c>
      <c r="HO22" s="60">
        <v>0</v>
      </c>
      <c r="HP22" s="61">
        <v>0</v>
      </c>
      <c r="HQ22" s="62">
        <v>0</v>
      </c>
      <c r="HR22" s="231"/>
      <c r="HS22" s="61">
        <v>3</v>
      </c>
      <c r="HT22" s="61">
        <v>3</v>
      </c>
      <c r="HU22" s="61">
        <v>0</v>
      </c>
      <c r="HV22" s="61">
        <v>1</v>
      </c>
      <c r="HW22" s="61">
        <v>0</v>
      </c>
      <c r="HX22" s="62">
        <v>7</v>
      </c>
      <c r="HY22" s="63">
        <v>7</v>
      </c>
      <c r="HZ22" s="76">
        <v>3</v>
      </c>
      <c r="IA22" s="61">
        <v>4</v>
      </c>
      <c r="IB22" s="62">
        <v>7</v>
      </c>
      <c r="IC22" s="231"/>
      <c r="ID22" s="61">
        <v>9</v>
      </c>
      <c r="IE22" s="61">
        <v>1</v>
      </c>
      <c r="IF22" s="61">
        <v>2</v>
      </c>
      <c r="IG22" s="61">
        <v>1</v>
      </c>
      <c r="IH22" s="61">
        <v>2</v>
      </c>
      <c r="II22" s="62">
        <v>15</v>
      </c>
      <c r="IJ22" s="63">
        <v>22</v>
      </c>
      <c r="IK22" s="60">
        <v>10</v>
      </c>
      <c r="IL22" s="61">
        <v>10</v>
      </c>
      <c r="IM22" s="62">
        <v>20</v>
      </c>
      <c r="IN22" s="231"/>
      <c r="IO22" s="61">
        <v>13</v>
      </c>
      <c r="IP22" s="61">
        <v>6</v>
      </c>
      <c r="IQ22" s="61">
        <v>7</v>
      </c>
      <c r="IR22" s="61">
        <v>6</v>
      </c>
      <c r="IS22" s="61">
        <v>6</v>
      </c>
      <c r="IT22" s="62">
        <v>38</v>
      </c>
      <c r="IU22" s="63">
        <v>58</v>
      </c>
      <c r="IV22" s="76">
        <v>12</v>
      </c>
      <c r="IW22" s="61">
        <v>12</v>
      </c>
      <c r="IX22" s="62">
        <v>24</v>
      </c>
      <c r="IY22" s="231"/>
      <c r="IZ22" s="61">
        <v>36</v>
      </c>
      <c r="JA22" s="61">
        <v>12</v>
      </c>
      <c r="JB22" s="61">
        <v>10</v>
      </c>
      <c r="JC22" s="61">
        <v>11</v>
      </c>
      <c r="JD22" s="61">
        <v>13</v>
      </c>
      <c r="JE22" s="62">
        <v>82</v>
      </c>
      <c r="JF22" s="63">
        <v>106</v>
      </c>
      <c r="JG22" s="60">
        <v>16</v>
      </c>
      <c r="JH22" s="61">
        <v>11</v>
      </c>
      <c r="JI22" s="62">
        <v>27</v>
      </c>
      <c r="JJ22" s="231"/>
      <c r="JK22" s="61">
        <v>23</v>
      </c>
      <c r="JL22" s="61">
        <v>25</v>
      </c>
      <c r="JM22" s="61">
        <v>14</v>
      </c>
      <c r="JN22" s="61">
        <v>5</v>
      </c>
      <c r="JO22" s="61">
        <v>7</v>
      </c>
      <c r="JP22" s="62">
        <v>74</v>
      </c>
      <c r="JQ22" s="63">
        <v>101</v>
      </c>
      <c r="JR22" s="60">
        <v>0</v>
      </c>
      <c r="JS22" s="61">
        <v>0</v>
      </c>
      <c r="JT22" s="62">
        <v>0</v>
      </c>
      <c r="JU22" s="231"/>
      <c r="JV22" s="61">
        <v>0</v>
      </c>
      <c r="JW22" s="61">
        <v>0</v>
      </c>
      <c r="JX22" s="61">
        <v>0</v>
      </c>
      <c r="JY22" s="61">
        <v>0</v>
      </c>
      <c r="JZ22" s="61">
        <v>0</v>
      </c>
      <c r="KA22" s="62">
        <v>0</v>
      </c>
      <c r="KB22" s="63">
        <v>0</v>
      </c>
      <c r="KC22" s="60">
        <v>42</v>
      </c>
      <c r="KD22" s="61">
        <v>39</v>
      </c>
      <c r="KE22" s="62">
        <v>81</v>
      </c>
      <c r="KF22" s="231"/>
      <c r="KG22" s="61">
        <v>85</v>
      </c>
      <c r="KH22" s="61">
        <v>49</v>
      </c>
      <c r="KI22" s="61">
        <v>34</v>
      </c>
      <c r="KJ22" s="61">
        <v>24</v>
      </c>
      <c r="KK22" s="61">
        <v>28</v>
      </c>
      <c r="KL22" s="62">
        <v>220</v>
      </c>
      <c r="KM22" s="63">
        <v>301</v>
      </c>
    </row>
    <row r="23" spans="2:299" ht="21" customHeight="1" x14ac:dyDescent="0.2">
      <c r="B23" s="472" t="s">
        <v>20</v>
      </c>
      <c r="C23" s="293">
        <v>59</v>
      </c>
      <c r="D23" s="72">
        <v>66</v>
      </c>
      <c r="E23" s="73">
        <v>125</v>
      </c>
      <c r="F23" s="228"/>
      <c r="G23" s="72">
        <v>118</v>
      </c>
      <c r="H23" s="72">
        <v>72</v>
      </c>
      <c r="I23" s="72">
        <v>46</v>
      </c>
      <c r="J23" s="72">
        <v>38</v>
      </c>
      <c r="K23" s="72">
        <v>23</v>
      </c>
      <c r="L23" s="74">
        <v>297</v>
      </c>
      <c r="M23" s="75">
        <v>422</v>
      </c>
      <c r="N23" s="60">
        <v>0</v>
      </c>
      <c r="O23" s="61">
        <v>2</v>
      </c>
      <c r="P23" s="62">
        <v>2</v>
      </c>
      <c r="Q23" s="231"/>
      <c r="R23" s="61">
        <v>0</v>
      </c>
      <c r="S23" s="61">
        <v>1</v>
      </c>
      <c r="T23" s="61">
        <v>3</v>
      </c>
      <c r="U23" s="61">
        <v>0</v>
      </c>
      <c r="V23" s="61">
        <v>0</v>
      </c>
      <c r="W23" s="62">
        <v>4</v>
      </c>
      <c r="X23" s="63">
        <v>6</v>
      </c>
      <c r="Y23" s="60">
        <v>2</v>
      </c>
      <c r="Z23" s="61">
        <v>1</v>
      </c>
      <c r="AA23" s="62">
        <v>3</v>
      </c>
      <c r="AB23" s="231"/>
      <c r="AC23" s="61">
        <v>5</v>
      </c>
      <c r="AD23" s="61">
        <v>3</v>
      </c>
      <c r="AE23" s="61">
        <v>2</v>
      </c>
      <c r="AF23" s="61">
        <v>2</v>
      </c>
      <c r="AG23" s="61">
        <v>0</v>
      </c>
      <c r="AH23" s="62">
        <v>12</v>
      </c>
      <c r="AI23" s="63">
        <v>15</v>
      </c>
      <c r="AJ23" s="60">
        <v>9</v>
      </c>
      <c r="AK23" s="61">
        <v>6</v>
      </c>
      <c r="AL23" s="62">
        <v>15</v>
      </c>
      <c r="AM23" s="231"/>
      <c r="AN23" s="61">
        <v>10</v>
      </c>
      <c r="AO23" s="61">
        <v>4</v>
      </c>
      <c r="AP23" s="61">
        <v>7</v>
      </c>
      <c r="AQ23" s="61">
        <v>5</v>
      </c>
      <c r="AR23" s="61">
        <v>5</v>
      </c>
      <c r="AS23" s="62">
        <v>31</v>
      </c>
      <c r="AT23" s="63">
        <v>46</v>
      </c>
      <c r="AU23" s="60">
        <v>12</v>
      </c>
      <c r="AV23" s="61">
        <v>13</v>
      </c>
      <c r="AW23" s="62">
        <v>25</v>
      </c>
      <c r="AX23" s="231"/>
      <c r="AY23" s="61">
        <v>34</v>
      </c>
      <c r="AZ23" s="61">
        <v>15</v>
      </c>
      <c r="BA23" s="61">
        <v>11</v>
      </c>
      <c r="BB23" s="61">
        <v>11</v>
      </c>
      <c r="BC23" s="61">
        <v>6</v>
      </c>
      <c r="BD23" s="62">
        <v>77</v>
      </c>
      <c r="BE23" s="63">
        <v>102</v>
      </c>
      <c r="BF23" s="60">
        <v>19</v>
      </c>
      <c r="BG23" s="61">
        <v>27</v>
      </c>
      <c r="BH23" s="62">
        <v>46</v>
      </c>
      <c r="BI23" s="231"/>
      <c r="BJ23" s="61">
        <v>41</v>
      </c>
      <c r="BK23" s="61">
        <v>24</v>
      </c>
      <c r="BL23" s="61">
        <v>15</v>
      </c>
      <c r="BM23" s="61">
        <v>8</v>
      </c>
      <c r="BN23" s="61">
        <v>6</v>
      </c>
      <c r="BO23" s="62">
        <v>94</v>
      </c>
      <c r="BP23" s="63">
        <v>140</v>
      </c>
      <c r="BQ23" s="60">
        <v>17</v>
      </c>
      <c r="BR23" s="61">
        <v>17</v>
      </c>
      <c r="BS23" s="62">
        <v>34</v>
      </c>
      <c r="BT23" s="231"/>
      <c r="BU23" s="61">
        <v>28</v>
      </c>
      <c r="BV23" s="61">
        <v>25</v>
      </c>
      <c r="BW23" s="61">
        <v>8</v>
      </c>
      <c r="BX23" s="61">
        <v>12</v>
      </c>
      <c r="BY23" s="61">
        <v>6</v>
      </c>
      <c r="BZ23" s="62">
        <v>79</v>
      </c>
      <c r="CA23" s="63">
        <v>113</v>
      </c>
      <c r="CB23" s="60">
        <v>0</v>
      </c>
      <c r="CC23" s="61">
        <v>0</v>
      </c>
      <c r="CD23" s="62">
        <v>0</v>
      </c>
      <c r="CE23" s="231"/>
      <c r="CF23" s="61">
        <v>0</v>
      </c>
      <c r="CG23" s="61">
        <v>0</v>
      </c>
      <c r="CH23" s="61">
        <v>0</v>
      </c>
      <c r="CI23" s="61">
        <v>0</v>
      </c>
      <c r="CJ23" s="61">
        <v>0</v>
      </c>
      <c r="CK23" s="62">
        <v>0</v>
      </c>
      <c r="CL23" s="63">
        <v>0</v>
      </c>
      <c r="CM23" s="60">
        <v>59</v>
      </c>
      <c r="CN23" s="61">
        <v>66</v>
      </c>
      <c r="CO23" s="62">
        <v>125</v>
      </c>
      <c r="CP23" s="231"/>
      <c r="CQ23" s="61">
        <v>118</v>
      </c>
      <c r="CR23" s="61">
        <v>72</v>
      </c>
      <c r="CS23" s="61">
        <v>46</v>
      </c>
      <c r="CT23" s="61">
        <v>38</v>
      </c>
      <c r="CU23" s="61">
        <v>23</v>
      </c>
      <c r="CV23" s="62">
        <v>297</v>
      </c>
      <c r="CW23" s="63">
        <v>422</v>
      </c>
      <c r="CX23" s="113">
        <v>8</v>
      </c>
      <c r="CY23" s="72">
        <v>10</v>
      </c>
      <c r="CZ23" s="73">
        <v>18</v>
      </c>
      <c r="DA23" s="228"/>
      <c r="DB23" s="72">
        <v>15</v>
      </c>
      <c r="DC23" s="72">
        <v>4</v>
      </c>
      <c r="DD23" s="72">
        <v>3</v>
      </c>
      <c r="DE23" s="72">
        <v>6</v>
      </c>
      <c r="DF23" s="72">
        <v>2</v>
      </c>
      <c r="DG23" s="74">
        <v>30</v>
      </c>
      <c r="DH23" s="75">
        <v>48</v>
      </c>
      <c r="DI23" s="60">
        <v>0</v>
      </c>
      <c r="DJ23" s="61">
        <v>0</v>
      </c>
      <c r="DK23" s="62">
        <v>0</v>
      </c>
      <c r="DL23" s="231"/>
      <c r="DM23" s="61">
        <v>1</v>
      </c>
      <c r="DN23" s="61">
        <v>0</v>
      </c>
      <c r="DO23" s="61">
        <v>0</v>
      </c>
      <c r="DP23" s="61">
        <v>0</v>
      </c>
      <c r="DQ23" s="61">
        <v>0</v>
      </c>
      <c r="DR23" s="62">
        <v>1</v>
      </c>
      <c r="DS23" s="63">
        <v>1</v>
      </c>
      <c r="DT23" s="60">
        <v>1</v>
      </c>
      <c r="DU23" s="61">
        <v>1</v>
      </c>
      <c r="DV23" s="62">
        <v>2</v>
      </c>
      <c r="DW23" s="231"/>
      <c r="DX23" s="61">
        <v>0</v>
      </c>
      <c r="DY23" s="61">
        <v>1</v>
      </c>
      <c r="DZ23" s="61">
        <v>0</v>
      </c>
      <c r="EA23" s="61">
        <v>0</v>
      </c>
      <c r="EB23" s="61">
        <v>0</v>
      </c>
      <c r="EC23" s="62">
        <v>1</v>
      </c>
      <c r="ED23" s="63">
        <v>3</v>
      </c>
      <c r="EE23" s="60">
        <v>3</v>
      </c>
      <c r="EF23" s="61">
        <v>0</v>
      </c>
      <c r="EG23" s="62">
        <v>3</v>
      </c>
      <c r="EH23" s="231"/>
      <c r="EI23" s="61">
        <v>1</v>
      </c>
      <c r="EJ23" s="61">
        <v>1</v>
      </c>
      <c r="EK23" s="61">
        <v>0</v>
      </c>
      <c r="EL23" s="61">
        <v>0</v>
      </c>
      <c r="EM23" s="61">
        <v>1</v>
      </c>
      <c r="EN23" s="62">
        <v>3</v>
      </c>
      <c r="EO23" s="63">
        <v>6</v>
      </c>
      <c r="EP23" s="60">
        <v>4</v>
      </c>
      <c r="EQ23" s="61">
        <v>2</v>
      </c>
      <c r="ER23" s="62">
        <v>6</v>
      </c>
      <c r="ES23" s="231"/>
      <c r="ET23" s="61">
        <v>4</v>
      </c>
      <c r="EU23" s="61">
        <v>0</v>
      </c>
      <c r="EV23" s="61">
        <v>1</v>
      </c>
      <c r="EW23" s="61">
        <v>1</v>
      </c>
      <c r="EX23" s="61">
        <v>1</v>
      </c>
      <c r="EY23" s="62">
        <v>7</v>
      </c>
      <c r="EZ23" s="63">
        <v>13</v>
      </c>
      <c r="FA23" s="60">
        <v>0</v>
      </c>
      <c r="FB23" s="61">
        <v>5</v>
      </c>
      <c r="FC23" s="62">
        <v>5</v>
      </c>
      <c r="FD23" s="231"/>
      <c r="FE23" s="61">
        <v>2</v>
      </c>
      <c r="FF23" s="61">
        <v>0</v>
      </c>
      <c r="FG23" s="61">
        <v>0</v>
      </c>
      <c r="FH23" s="61">
        <v>2</v>
      </c>
      <c r="FI23" s="61">
        <v>0</v>
      </c>
      <c r="FJ23" s="62">
        <v>4</v>
      </c>
      <c r="FK23" s="63">
        <v>9</v>
      </c>
      <c r="FL23" s="60">
        <v>0</v>
      </c>
      <c r="FM23" s="61">
        <v>2</v>
      </c>
      <c r="FN23" s="62">
        <v>2</v>
      </c>
      <c r="FO23" s="231"/>
      <c r="FP23" s="61">
        <v>7</v>
      </c>
      <c r="FQ23" s="61">
        <v>2</v>
      </c>
      <c r="FR23" s="61">
        <v>2</v>
      </c>
      <c r="FS23" s="61">
        <v>3</v>
      </c>
      <c r="FT23" s="61">
        <v>0</v>
      </c>
      <c r="FU23" s="62">
        <v>14</v>
      </c>
      <c r="FV23" s="63">
        <v>16</v>
      </c>
      <c r="FW23" s="60">
        <v>0</v>
      </c>
      <c r="FX23" s="61">
        <v>0</v>
      </c>
      <c r="FY23" s="62">
        <v>0</v>
      </c>
      <c r="FZ23" s="231"/>
      <c r="GA23" s="61">
        <v>0</v>
      </c>
      <c r="GB23" s="61">
        <v>0</v>
      </c>
      <c r="GC23" s="61">
        <v>0</v>
      </c>
      <c r="GD23" s="61">
        <v>0</v>
      </c>
      <c r="GE23" s="61">
        <v>0</v>
      </c>
      <c r="GF23" s="62">
        <v>0</v>
      </c>
      <c r="GG23" s="63">
        <v>0</v>
      </c>
      <c r="GH23" s="60">
        <v>8</v>
      </c>
      <c r="GI23" s="61">
        <v>10</v>
      </c>
      <c r="GJ23" s="62">
        <v>18</v>
      </c>
      <c r="GK23" s="231"/>
      <c r="GL23" s="61">
        <v>15</v>
      </c>
      <c r="GM23" s="61">
        <v>4</v>
      </c>
      <c r="GN23" s="61">
        <v>3</v>
      </c>
      <c r="GO23" s="61">
        <v>6</v>
      </c>
      <c r="GP23" s="61">
        <v>2</v>
      </c>
      <c r="GQ23" s="62">
        <v>30</v>
      </c>
      <c r="GR23" s="63">
        <v>48</v>
      </c>
      <c r="GS23" s="113">
        <v>67</v>
      </c>
      <c r="GT23" s="72">
        <v>76</v>
      </c>
      <c r="GU23" s="73">
        <v>143</v>
      </c>
      <c r="GV23" s="228"/>
      <c r="GW23" s="72">
        <v>133</v>
      </c>
      <c r="GX23" s="72">
        <v>76</v>
      </c>
      <c r="GY23" s="72">
        <v>49</v>
      </c>
      <c r="GZ23" s="72">
        <v>44</v>
      </c>
      <c r="HA23" s="72">
        <v>25</v>
      </c>
      <c r="HB23" s="74">
        <v>327</v>
      </c>
      <c r="HC23" s="75">
        <v>470</v>
      </c>
      <c r="HD23" s="60">
        <v>0</v>
      </c>
      <c r="HE23" s="61">
        <v>2</v>
      </c>
      <c r="HF23" s="62">
        <v>2</v>
      </c>
      <c r="HG23" s="231"/>
      <c r="HH23" s="61">
        <v>1</v>
      </c>
      <c r="HI23" s="61">
        <v>1</v>
      </c>
      <c r="HJ23" s="61">
        <v>3</v>
      </c>
      <c r="HK23" s="61">
        <v>0</v>
      </c>
      <c r="HL23" s="61">
        <v>0</v>
      </c>
      <c r="HM23" s="62">
        <v>5</v>
      </c>
      <c r="HN23" s="63">
        <v>7</v>
      </c>
      <c r="HO23" s="60">
        <v>3</v>
      </c>
      <c r="HP23" s="61">
        <v>2</v>
      </c>
      <c r="HQ23" s="62">
        <v>5</v>
      </c>
      <c r="HR23" s="231"/>
      <c r="HS23" s="61">
        <v>5</v>
      </c>
      <c r="HT23" s="61">
        <v>4</v>
      </c>
      <c r="HU23" s="61">
        <v>2</v>
      </c>
      <c r="HV23" s="61">
        <v>2</v>
      </c>
      <c r="HW23" s="61">
        <v>0</v>
      </c>
      <c r="HX23" s="62">
        <v>13</v>
      </c>
      <c r="HY23" s="63">
        <v>18</v>
      </c>
      <c r="HZ23" s="60">
        <v>12</v>
      </c>
      <c r="IA23" s="61">
        <v>6</v>
      </c>
      <c r="IB23" s="62">
        <v>18</v>
      </c>
      <c r="IC23" s="231"/>
      <c r="ID23" s="61">
        <v>11</v>
      </c>
      <c r="IE23" s="61">
        <v>5</v>
      </c>
      <c r="IF23" s="61">
        <v>7</v>
      </c>
      <c r="IG23" s="61">
        <v>5</v>
      </c>
      <c r="IH23" s="61">
        <v>6</v>
      </c>
      <c r="II23" s="62">
        <v>34</v>
      </c>
      <c r="IJ23" s="63">
        <v>52</v>
      </c>
      <c r="IK23" s="60">
        <v>16</v>
      </c>
      <c r="IL23" s="61">
        <v>15</v>
      </c>
      <c r="IM23" s="62">
        <v>31</v>
      </c>
      <c r="IN23" s="231"/>
      <c r="IO23" s="61">
        <v>38</v>
      </c>
      <c r="IP23" s="61">
        <v>15</v>
      </c>
      <c r="IQ23" s="61">
        <v>12</v>
      </c>
      <c r="IR23" s="61">
        <v>12</v>
      </c>
      <c r="IS23" s="61">
        <v>7</v>
      </c>
      <c r="IT23" s="62">
        <v>84</v>
      </c>
      <c r="IU23" s="63">
        <v>115</v>
      </c>
      <c r="IV23" s="60">
        <v>19</v>
      </c>
      <c r="IW23" s="61">
        <v>32</v>
      </c>
      <c r="IX23" s="62">
        <v>51</v>
      </c>
      <c r="IY23" s="231"/>
      <c r="IZ23" s="61">
        <v>43</v>
      </c>
      <c r="JA23" s="61">
        <v>24</v>
      </c>
      <c r="JB23" s="61">
        <v>15</v>
      </c>
      <c r="JC23" s="61">
        <v>10</v>
      </c>
      <c r="JD23" s="61">
        <v>6</v>
      </c>
      <c r="JE23" s="62">
        <v>98</v>
      </c>
      <c r="JF23" s="63">
        <v>149</v>
      </c>
      <c r="JG23" s="60">
        <v>17</v>
      </c>
      <c r="JH23" s="61">
        <v>19</v>
      </c>
      <c r="JI23" s="62">
        <v>36</v>
      </c>
      <c r="JJ23" s="231"/>
      <c r="JK23" s="61">
        <v>35</v>
      </c>
      <c r="JL23" s="61">
        <v>27</v>
      </c>
      <c r="JM23" s="61">
        <v>10</v>
      </c>
      <c r="JN23" s="61">
        <v>15</v>
      </c>
      <c r="JO23" s="61">
        <v>6</v>
      </c>
      <c r="JP23" s="62">
        <v>93</v>
      </c>
      <c r="JQ23" s="63">
        <v>129</v>
      </c>
      <c r="JR23" s="60">
        <v>0</v>
      </c>
      <c r="JS23" s="61">
        <v>0</v>
      </c>
      <c r="JT23" s="62">
        <v>0</v>
      </c>
      <c r="JU23" s="231"/>
      <c r="JV23" s="61">
        <v>0</v>
      </c>
      <c r="JW23" s="61">
        <v>0</v>
      </c>
      <c r="JX23" s="61">
        <v>0</v>
      </c>
      <c r="JY23" s="61">
        <v>0</v>
      </c>
      <c r="JZ23" s="61">
        <v>0</v>
      </c>
      <c r="KA23" s="62">
        <v>0</v>
      </c>
      <c r="KB23" s="63">
        <v>0</v>
      </c>
      <c r="KC23" s="60">
        <v>67</v>
      </c>
      <c r="KD23" s="61">
        <v>76</v>
      </c>
      <c r="KE23" s="62">
        <v>143</v>
      </c>
      <c r="KF23" s="231"/>
      <c r="KG23" s="61">
        <v>133</v>
      </c>
      <c r="KH23" s="61">
        <v>76</v>
      </c>
      <c r="KI23" s="61">
        <v>49</v>
      </c>
      <c r="KJ23" s="61">
        <v>44</v>
      </c>
      <c r="KK23" s="61">
        <v>25</v>
      </c>
      <c r="KL23" s="62">
        <v>327</v>
      </c>
      <c r="KM23" s="63">
        <v>470</v>
      </c>
    </row>
    <row r="24" spans="2:299" ht="21" customHeight="1" x14ac:dyDescent="0.2">
      <c r="B24" s="472" t="s">
        <v>21</v>
      </c>
      <c r="C24" s="293">
        <v>53</v>
      </c>
      <c r="D24" s="72">
        <v>40</v>
      </c>
      <c r="E24" s="73">
        <v>93</v>
      </c>
      <c r="F24" s="228"/>
      <c r="G24" s="72">
        <v>69</v>
      </c>
      <c r="H24" s="72">
        <v>55</v>
      </c>
      <c r="I24" s="72">
        <v>33</v>
      </c>
      <c r="J24" s="72">
        <v>25</v>
      </c>
      <c r="K24" s="72">
        <v>29</v>
      </c>
      <c r="L24" s="74">
        <v>211</v>
      </c>
      <c r="M24" s="75">
        <v>304</v>
      </c>
      <c r="N24" s="60">
        <v>0</v>
      </c>
      <c r="O24" s="61">
        <v>0</v>
      </c>
      <c r="P24" s="62">
        <v>0</v>
      </c>
      <c r="Q24" s="231"/>
      <c r="R24" s="61">
        <v>0</v>
      </c>
      <c r="S24" s="61">
        <v>2</v>
      </c>
      <c r="T24" s="61">
        <v>1</v>
      </c>
      <c r="U24" s="61">
        <v>0</v>
      </c>
      <c r="V24" s="61">
        <v>1</v>
      </c>
      <c r="W24" s="62">
        <v>4</v>
      </c>
      <c r="X24" s="63">
        <v>4</v>
      </c>
      <c r="Y24" s="60">
        <v>1</v>
      </c>
      <c r="Z24" s="61">
        <v>1</v>
      </c>
      <c r="AA24" s="62">
        <v>2</v>
      </c>
      <c r="AB24" s="231"/>
      <c r="AC24" s="61">
        <v>4</v>
      </c>
      <c r="AD24" s="61">
        <v>2</v>
      </c>
      <c r="AE24" s="61">
        <v>3</v>
      </c>
      <c r="AF24" s="61">
        <v>1</v>
      </c>
      <c r="AG24" s="61">
        <v>0</v>
      </c>
      <c r="AH24" s="62">
        <v>10</v>
      </c>
      <c r="AI24" s="63">
        <v>12</v>
      </c>
      <c r="AJ24" s="60">
        <v>5</v>
      </c>
      <c r="AK24" s="61">
        <v>6</v>
      </c>
      <c r="AL24" s="62">
        <v>11</v>
      </c>
      <c r="AM24" s="231"/>
      <c r="AN24" s="61">
        <v>11</v>
      </c>
      <c r="AO24" s="61">
        <v>3</v>
      </c>
      <c r="AP24" s="61">
        <v>4</v>
      </c>
      <c r="AQ24" s="61">
        <v>4</v>
      </c>
      <c r="AR24" s="61">
        <v>3</v>
      </c>
      <c r="AS24" s="62">
        <v>25</v>
      </c>
      <c r="AT24" s="63">
        <v>36</v>
      </c>
      <c r="AU24" s="60">
        <v>12</v>
      </c>
      <c r="AV24" s="61">
        <v>5</v>
      </c>
      <c r="AW24" s="62">
        <v>17</v>
      </c>
      <c r="AX24" s="231"/>
      <c r="AY24" s="61">
        <v>17</v>
      </c>
      <c r="AZ24" s="61">
        <v>18</v>
      </c>
      <c r="BA24" s="61">
        <v>5</v>
      </c>
      <c r="BB24" s="61">
        <v>4</v>
      </c>
      <c r="BC24" s="61">
        <v>4</v>
      </c>
      <c r="BD24" s="62">
        <v>48</v>
      </c>
      <c r="BE24" s="63">
        <v>65</v>
      </c>
      <c r="BF24" s="60">
        <v>19</v>
      </c>
      <c r="BG24" s="61">
        <v>14</v>
      </c>
      <c r="BH24" s="62">
        <v>33</v>
      </c>
      <c r="BI24" s="231"/>
      <c r="BJ24" s="61">
        <v>23</v>
      </c>
      <c r="BK24" s="61">
        <v>11</v>
      </c>
      <c r="BL24" s="61">
        <v>10</v>
      </c>
      <c r="BM24" s="61">
        <v>4</v>
      </c>
      <c r="BN24" s="61">
        <v>12</v>
      </c>
      <c r="BO24" s="62">
        <v>60</v>
      </c>
      <c r="BP24" s="63">
        <v>93</v>
      </c>
      <c r="BQ24" s="60">
        <v>16</v>
      </c>
      <c r="BR24" s="61">
        <v>14</v>
      </c>
      <c r="BS24" s="62">
        <v>30</v>
      </c>
      <c r="BT24" s="231"/>
      <c r="BU24" s="61">
        <v>14</v>
      </c>
      <c r="BV24" s="61">
        <v>19</v>
      </c>
      <c r="BW24" s="61">
        <v>10</v>
      </c>
      <c r="BX24" s="61">
        <v>12</v>
      </c>
      <c r="BY24" s="61">
        <v>9</v>
      </c>
      <c r="BZ24" s="62">
        <v>64</v>
      </c>
      <c r="CA24" s="63">
        <v>94</v>
      </c>
      <c r="CB24" s="60">
        <v>0</v>
      </c>
      <c r="CC24" s="61">
        <v>0</v>
      </c>
      <c r="CD24" s="62">
        <v>0</v>
      </c>
      <c r="CE24" s="231"/>
      <c r="CF24" s="61">
        <v>0</v>
      </c>
      <c r="CG24" s="61">
        <v>0</v>
      </c>
      <c r="CH24" s="61">
        <v>0</v>
      </c>
      <c r="CI24" s="61">
        <v>0</v>
      </c>
      <c r="CJ24" s="61">
        <v>0</v>
      </c>
      <c r="CK24" s="62">
        <v>0</v>
      </c>
      <c r="CL24" s="63">
        <v>0</v>
      </c>
      <c r="CM24" s="60">
        <v>53</v>
      </c>
      <c r="CN24" s="61">
        <v>40</v>
      </c>
      <c r="CO24" s="62">
        <v>93</v>
      </c>
      <c r="CP24" s="231"/>
      <c r="CQ24" s="61">
        <v>69</v>
      </c>
      <c r="CR24" s="61">
        <v>55</v>
      </c>
      <c r="CS24" s="61">
        <v>33</v>
      </c>
      <c r="CT24" s="61">
        <v>25</v>
      </c>
      <c r="CU24" s="61">
        <v>29</v>
      </c>
      <c r="CV24" s="62">
        <v>211</v>
      </c>
      <c r="CW24" s="63">
        <v>304</v>
      </c>
      <c r="CX24" s="113">
        <v>7</v>
      </c>
      <c r="CY24" s="72">
        <v>7</v>
      </c>
      <c r="CZ24" s="73">
        <v>14</v>
      </c>
      <c r="DA24" s="228"/>
      <c r="DB24" s="72">
        <v>11</v>
      </c>
      <c r="DC24" s="72">
        <v>7</v>
      </c>
      <c r="DD24" s="72">
        <v>6</v>
      </c>
      <c r="DE24" s="72">
        <v>7</v>
      </c>
      <c r="DF24" s="72">
        <v>4</v>
      </c>
      <c r="DG24" s="74">
        <v>35</v>
      </c>
      <c r="DH24" s="75">
        <v>49</v>
      </c>
      <c r="DI24" s="60">
        <v>0</v>
      </c>
      <c r="DJ24" s="61">
        <v>0</v>
      </c>
      <c r="DK24" s="62">
        <v>0</v>
      </c>
      <c r="DL24" s="231"/>
      <c r="DM24" s="61">
        <v>2</v>
      </c>
      <c r="DN24" s="61">
        <v>0</v>
      </c>
      <c r="DO24" s="61">
        <v>0</v>
      </c>
      <c r="DP24" s="61">
        <v>0</v>
      </c>
      <c r="DQ24" s="61">
        <v>1</v>
      </c>
      <c r="DR24" s="62">
        <v>3</v>
      </c>
      <c r="DS24" s="63">
        <v>3</v>
      </c>
      <c r="DT24" s="60">
        <v>1</v>
      </c>
      <c r="DU24" s="61">
        <v>0</v>
      </c>
      <c r="DV24" s="62">
        <v>1</v>
      </c>
      <c r="DW24" s="231"/>
      <c r="DX24" s="61">
        <v>0</v>
      </c>
      <c r="DY24" s="61">
        <v>1</v>
      </c>
      <c r="DZ24" s="61">
        <v>0</v>
      </c>
      <c r="EA24" s="61">
        <v>0</v>
      </c>
      <c r="EB24" s="61">
        <v>0</v>
      </c>
      <c r="EC24" s="62">
        <v>1</v>
      </c>
      <c r="ED24" s="63">
        <v>2</v>
      </c>
      <c r="EE24" s="60">
        <v>1</v>
      </c>
      <c r="EF24" s="61">
        <v>2</v>
      </c>
      <c r="EG24" s="62">
        <v>3</v>
      </c>
      <c r="EH24" s="231"/>
      <c r="EI24" s="61">
        <v>0</v>
      </c>
      <c r="EJ24" s="61">
        <v>0</v>
      </c>
      <c r="EK24" s="61">
        <v>0</v>
      </c>
      <c r="EL24" s="61">
        <v>0</v>
      </c>
      <c r="EM24" s="61">
        <v>0</v>
      </c>
      <c r="EN24" s="62">
        <v>0</v>
      </c>
      <c r="EO24" s="63">
        <v>3</v>
      </c>
      <c r="EP24" s="60">
        <v>1</v>
      </c>
      <c r="EQ24" s="61">
        <v>1</v>
      </c>
      <c r="ER24" s="62">
        <v>2</v>
      </c>
      <c r="ES24" s="231"/>
      <c r="ET24" s="61">
        <v>1</v>
      </c>
      <c r="EU24" s="61">
        <v>0</v>
      </c>
      <c r="EV24" s="61">
        <v>2</v>
      </c>
      <c r="EW24" s="61">
        <v>0</v>
      </c>
      <c r="EX24" s="61">
        <v>1</v>
      </c>
      <c r="EY24" s="62">
        <v>4</v>
      </c>
      <c r="EZ24" s="63">
        <v>6</v>
      </c>
      <c r="FA24" s="60">
        <v>3</v>
      </c>
      <c r="FB24" s="61">
        <v>1</v>
      </c>
      <c r="FC24" s="62">
        <v>4</v>
      </c>
      <c r="FD24" s="231"/>
      <c r="FE24" s="61">
        <v>5</v>
      </c>
      <c r="FF24" s="61">
        <v>2</v>
      </c>
      <c r="FG24" s="61">
        <v>1</v>
      </c>
      <c r="FH24" s="61">
        <v>2</v>
      </c>
      <c r="FI24" s="61">
        <v>1</v>
      </c>
      <c r="FJ24" s="62">
        <v>11</v>
      </c>
      <c r="FK24" s="63">
        <v>15</v>
      </c>
      <c r="FL24" s="60">
        <v>1</v>
      </c>
      <c r="FM24" s="61">
        <v>3</v>
      </c>
      <c r="FN24" s="62">
        <v>4</v>
      </c>
      <c r="FO24" s="231"/>
      <c r="FP24" s="61">
        <v>3</v>
      </c>
      <c r="FQ24" s="61">
        <v>4</v>
      </c>
      <c r="FR24" s="61">
        <v>3</v>
      </c>
      <c r="FS24" s="61">
        <v>5</v>
      </c>
      <c r="FT24" s="61">
        <v>1</v>
      </c>
      <c r="FU24" s="62">
        <v>16</v>
      </c>
      <c r="FV24" s="63">
        <v>20</v>
      </c>
      <c r="FW24" s="60">
        <v>0</v>
      </c>
      <c r="FX24" s="61">
        <v>0</v>
      </c>
      <c r="FY24" s="62">
        <v>0</v>
      </c>
      <c r="FZ24" s="231"/>
      <c r="GA24" s="61">
        <v>0</v>
      </c>
      <c r="GB24" s="61">
        <v>0</v>
      </c>
      <c r="GC24" s="61">
        <v>0</v>
      </c>
      <c r="GD24" s="61">
        <v>0</v>
      </c>
      <c r="GE24" s="61">
        <v>0</v>
      </c>
      <c r="GF24" s="62">
        <v>0</v>
      </c>
      <c r="GG24" s="63">
        <v>0</v>
      </c>
      <c r="GH24" s="60">
        <v>7</v>
      </c>
      <c r="GI24" s="61">
        <v>7</v>
      </c>
      <c r="GJ24" s="62">
        <v>14</v>
      </c>
      <c r="GK24" s="231"/>
      <c r="GL24" s="61">
        <v>11</v>
      </c>
      <c r="GM24" s="61">
        <v>7</v>
      </c>
      <c r="GN24" s="61">
        <v>6</v>
      </c>
      <c r="GO24" s="61">
        <v>7</v>
      </c>
      <c r="GP24" s="61">
        <v>4</v>
      </c>
      <c r="GQ24" s="62">
        <v>35</v>
      </c>
      <c r="GR24" s="63">
        <v>49</v>
      </c>
      <c r="GS24" s="113">
        <v>60</v>
      </c>
      <c r="GT24" s="72">
        <v>47</v>
      </c>
      <c r="GU24" s="73">
        <v>107</v>
      </c>
      <c r="GV24" s="228"/>
      <c r="GW24" s="72">
        <v>80</v>
      </c>
      <c r="GX24" s="72">
        <v>62</v>
      </c>
      <c r="GY24" s="72">
        <v>39</v>
      </c>
      <c r="GZ24" s="72">
        <v>32</v>
      </c>
      <c r="HA24" s="72">
        <v>33</v>
      </c>
      <c r="HB24" s="74">
        <v>246</v>
      </c>
      <c r="HC24" s="75">
        <v>353</v>
      </c>
      <c r="HD24" s="60">
        <v>0</v>
      </c>
      <c r="HE24" s="61">
        <v>0</v>
      </c>
      <c r="HF24" s="62">
        <v>0</v>
      </c>
      <c r="HG24" s="231"/>
      <c r="HH24" s="61">
        <v>2</v>
      </c>
      <c r="HI24" s="61">
        <v>2</v>
      </c>
      <c r="HJ24" s="61">
        <v>1</v>
      </c>
      <c r="HK24" s="61">
        <v>0</v>
      </c>
      <c r="HL24" s="61">
        <v>2</v>
      </c>
      <c r="HM24" s="62">
        <v>7</v>
      </c>
      <c r="HN24" s="63">
        <v>7</v>
      </c>
      <c r="HO24" s="60">
        <v>2</v>
      </c>
      <c r="HP24" s="61">
        <v>1</v>
      </c>
      <c r="HQ24" s="62">
        <v>3</v>
      </c>
      <c r="HR24" s="231"/>
      <c r="HS24" s="61">
        <v>4</v>
      </c>
      <c r="HT24" s="61">
        <v>3</v>
      </c>
      <c r="HU24" s="61">
        <v>3</v>
      </c>
      <c r="HV24" s="61">
        <v>1</v>
      </c>
      <c r="HW24" s="61">
        <v>0</v>
      </c>
      <c r="HX24" s="62">
        <v>11</v>
      </c>
      <c r="HY24" s="63">
        <v>14</v>
      </c>
      <c r="HZ24" s="60">
        <v>6</v>
      </c>
      <c r="IA24" s="61">
        <v>8</v>
      </c>
      <c r="IB24" s="62">
        <v>14</v>
      </c>
      <c r="IC24" s="231"/>
      <c r="ID24" s="61">
        <v>11</v>
      </c>
      <c r="IE24" s="61">
        <v>3</v>
      </c>
      <c r="IF24" s="61">
        <v>4</v>
      </c>
      <c r="IG24" s="61">
        <v>4</v>
      </c>
      <c r="IH24" s="61">
        <v>3</v>
      </c>
      <c r="II24" s="62">
        <v>25</v>
      </c>
      <c r="IJ24" s="63">
        <v>39</v>
      </c>
      <c r="IK24" s="60">
        <v>13</v>
      </c>
      <c r="IL24" s="61">
        <v>6</v>
      </c>
      <c r="IM24" s="62">
        <v>19</v>
      </c>
      <c r="IN24" s="231"/>
      <c r="IO24" s="61">
        <v>18</v>
      </c>
      <c r="IP24" s="61">
        <v>18</v>
      </c>
      <c r="IQ24" s="61">
        <v>7</v>
      </c>
      <c r="IR24" s="61">
        <v>4</v>
      </c>
      <c r="IS24" s="61">
        <v>5</v>
      </c>
      <c r="IT24" s="62">
        <v>52</v>
      </c>
      <c r="IU24" s="63">
        <v>71</v>
      </c>
      <c r="IV24" s="60">
        <v>22</v>
      </c>
      <c r="IW24" s="61">
        <v>15</v>
      </c>
      <c r="IX24" s="62">
        <v>37</v>
      </c>
      <c r="IY24" s="231"/>
      <c r="IZ24" s="61">
        <v>28</v>
      </c>
      <c r="JA24" s="61">
        <v>13</v>
      </c>
      <c r="JB24" s="61">
        <v>11</v>
      </c>
      <c r="JC24" s="61">
        <v>6</v>
      </c>
      <c r="JD24" s="61">
        <v>13</v>
      </c>
      <c r="JE24" s="62">
        <v>71</v>
      </c>
      <c r="JF24" s="63">
        <v>108</v>
      </c>
      <c r="JG24" s="60">
        <v>17</v>
      </c>
      <c r="JH24" s="61">
        <v>17</v>
      </c>
      <c r="JI24" s="62">
        <v>34</v>
      </c>
      <c r="JJ24" s="231"/>
      <c r="JK24" s="61">
        <v>17</v>
      </c>
      <c r="JL24" s="61">
        <v>23</v>
      </c>
      <c r="JM24" s="61">
        <v>13</v>
      </c>
      <c r="JN24" s="61">
        <v>17</v>
      </c>
      <c r="JO24" s="61">
        <v>10</v>
      </c>
      <c r="JP24" s="62">
        <v>80</v>
      </c>
      <c r="JQ24" s="63">
        <v>114</v>
      </c>
      <c r="JR24" s="60">
        <v>0</v>
      </c>
      <c r="JS24" s="61">
        <v>0</v>
      </c>
      <c r="JT24" s="62">
        <v>0</v>
      </c>
      <c r="JU24" s="231"/>
      <c r="JV24" s="61">
        <v>0</v>
      </c>
      <c r="JW24" s="61">
        <v>0</v>
      </c>
      <c r="JX24" s="61">
        <v>0</v>
      </c>
      <c r="JY24" s="61">
        <v>0</v>
      </c>
      <c r="JZ24" s="61">
        <v>0</v>
      </c>
      <c r="KA24" s="62">
        <v>0</v>
      </c>
      <c r="KB24" s="63">
        <v>0</v>
      </c>
      <c r="KC24" s="60">
        <v>60</v>
      </c>
      <c r="KD24" s="61">
        <v>47</v>
      </c>
      <c r="KE24" s="62">
        <v>107</v>
      </c>
      <c r="KF24" s="231"/>
      <c r="KG24" s="61">
        <v>80</v>
      </c>
      <c r="KH24" s="61">
        <v>62</v>
      </c>
      <c r="KI24" s="61">
        <v>39</v>
      </c>
      <c r="KJ24" s="61">
        <v>32</v>
      </c>
      <c r="KK24" s="61">
        <v>33</v>
      </c>
      <c r="KL24" s="62">
        <v>246</v>
      </c>
      <c r="KM24" s="63">
        <v>353</v>
      </c>
    </row>
    <row r="25" spans="2:299" ht="21" customHeight="1" x14ac:dyDescent="0.2">
      <c r="B25" s="472" t="s">
        <v>22</v>
      </c>
      <c r="C25" s="293">
        <v>18</v>
      </c>
      <c r="D25" s="72">
        <v>12</v>
      </c>
      <c r="E25" s="73">
        <v>30</v>
      </c>
      <c r="F25" s="228"/>
      <c r="G25" s="72">
        <v>43</v>
      </c>
      <c r="H25" s="72">
        <v>29</v>
      </c>
      <c r="I25" s="72">
        <v>19</v>
      </c>
      <c r="J25" s="72">
        <v>15</v>
      </c>
      <c r="K25" s="72">
        <v>7</v>
      </c>
      <c r="L25" s="74">
        <v>113</v>
      </c>
      <c r="M25" s="75">
        <v>143</v>
      </c>
      <c r="N25" s="60">
        <v>0</v>
      </c>
      <c r="O25" s="61">
        <v>0</v>
      </c>
      <c r="P25" s="62">
        <v>0</v>
      </c>
      <c r="Q25" s="231"/>
      <c r="R25" s="61">
        <v>0</v>
      </c>
      <c r="S25" s="61">
        <v>0</v>
      </c>
      <c r="T25" s="61">
        <v>0</v>
      </c>
      <c r="U25" s="61">
        <v>0</v>
      </c>
      <c r="V25" s="61">
        <v>0</v>
      </c>
      <c r="W25" s="62">
        <v>0</v>
      </c>
      <c r="X25" s="63">
        <v>0</v>
      </c>
      <c r="Y25" s="60">
        <v>0</v>
      </c>
      <c r="Z25" s="61">
        <v>0</v>
      </c>
      <c r="AA25" s="62">
        <v>0</v>
      </c>
      <c r="AB25" s="231"/>
      <c r="AC25" s="61">
        <v>0</v>
      </c>
      <c r="AD25" s="61">
        <v>1</v>
      </c>
      <c r="AE25" s="61">
        <v>0</v>
      </c>
      <c r="AF25" s="61">
        <v>0</v>
      </c>
      <c r="AG25" s="61">
        <v>2</v>
      </c>
      <c r="AH25" s="62">
        <v>3</v>
      </c>
      <c r="AI25" s="63">
        <v>3</v>
      </c>
      <c r="AJ25" s="60">
        <v>0</v>
      </c>
      <c r="AK25" s="61">
        <v>1</v>
      </c>
      <c r="AL25" s="62">
        <v>1</v>
      </c>
      <c r="AM25" s="231"/>
      <c r="AN25" s="61">
        <v>5</v>
      </c>
      <c r="AO25" s="61">
        <v>5</v>
      </c>
      <c r="AP25" s="61">
        <v>3</v>
      </c>
      <c r="AQ25" s="61">
        <v>1</v>
      </c>
      <c r="AR25" s="61">
        <v>0</v>
      </c>
      <c r="AS25" s="62">
        <v>14</v>
      </c>
      <c r="AT25" s="63">
        <v>15</v>
      </c>
      <c r="AU25" s="60">
        <v>3</v>
      </c>
      <c r="AV25" s="61">
        <v>1</v>
      </c>
      <c r="AW25" s="62">
        <v>4</v>
      </c>
      <c r="AX25" s="231"/>
      <c r="AY25" s="61">
        <v>4</v>
      </c>
      <c r="AZ25" s="61">
        <v>4</v>
      </c>
      <c r="BA25" s="61">
        <v>4</v>
      </c>
      <c r="BB25" s="61">
        <v>3</v>
      </c>
      <c r="BC25" s="61">
        <v>3</v>
      </c>
      <c r="BD25" s="62">
        <v>18</v>
      </c>
      <c r="BE25" s="63">
        <v>22</v>
      </c>
      <c r="BF25" s="60">
        <v>8</v>
      </c>
      <c r="BG25" s="61">
        <v>8</v>
      </c>
      <c r="BH25" s="62">
        <v>16</v>
      </c>
      <c r="BI25" s="231"/>
      <c r="BJ25" s="61">
        <v>12</v>
      </c>
      <c r="BK25" s="61">
        <v>10</v>
      </c>
      <c r="BL25" s="61">
        <v>2</v>
      </c>
      <c r="BM25" s="61">
        <v>6</v>
      </c>
      <c r="BN25" s="61">
        <v>0</v>
      </c>
      <c r="BO25" s="62">
        <v>30</v>
      </c>
      <c r="BP25" s="63">
        <v>46</v>
      </c>
      <c r="BQ25" s="60">
        <v>7</v>
      </c>
      <c r="BR25" s="61">
        <v>2</v>
      </c>
      <c r="BS25" s="62">
        <v>9</v>
      </c>
      <c r="BT25" s="231"/>
      <c r="BU25" s="61">
        <v>22</v>
      </c>
      <c r="BV25" s="61">
        <v>9</v>
      </c>
      <c r="BW25" s="61">
        <v>10</v>
      </c>
      <c r="BX25" s="61">
        <v>5</v>
      </c>
      <c r="BY25" s="61">
        <v>2</v>
      </c>
      <c r="BZ25" s="62">
        <v>48</v>
      </c>
      <c r="CA25" s="63">
        <v>57</v>
      </c>
      <c r="CB25" s="60">
        <v>0</v>
      </c>
      <c r="CC25" s="61">
        <v>0</v>
      </c>
      <c r="CD25" s="62">
        <v>0</v>
      </c>
      <c r="CE25" s="231"/>
      <c r="CF25" s="61">
        <v>0</v>
      </c>
      <c r="CG25" s="61">
        <v>0</v>
      </c>
      <c r="CH25" s="61">
        <v>0</v>
      </c>
      <c r="CI25" s="61">
        <v>0</v>
      </c>
      <c r="CJ25" s="61">
        <v>0</v>
      </c>
      <c r="CK25" s="62">
        <v>0</v>
      </c>
      <c r="CL25" s="63">
        <v>0</v>
      </c>
      <c r="CM25" s="60">
        <v>18</v>
      </c>
      <c r="CN25" s="61">
        <v>12</v>
      </c>
      <c r="CO25" s="62">
        <v>30</v>
      </c>
      <c r="CP25" s="231"/>
      <c r="CQ25" s="61">
        <v>43</v>
      </c>
      <c r="CR25" s="61">
        <v>29</v>
      </c>
      <c r="CS25" s="61">
        <v>19</v>
      </c>
      <c r="CT25" s="61">
        <v>15</v>
      </c>
      <c r="CU25" s="61">
        <v>7</v>
      </c>
      <c r="CV25" s="62">
        <v>113</v>
      </c>
      <c r="CW25" s="63">
        <v>143</v>
      </c>
      <c r="CX25" s="113">
        <v>2</v>
      </c>
      <c r="CY25" s="72">
        <v>2</v>
      </c>
      <c r="CZ25" s="73">
        <v>4</v>
      </c>
      <c r="DA25" s="228"/>
      <c r="DB25" s="72">
        <v>7</v>
      </c>
      <c r="DC25" s="72">
        <v>5</v>
      </c>
      <c r="DD25" s="72">
        <v>4</v>
      </c>
      <c r="DE25" s="72">
        <v>3</v>
      </c>
      <c r="DF25" s="72">
        <v>0</v>
      </c>
      <c r="DG25" s="74">
        <v>19</v>
      </c>
      <c r="DH25" s="75">
        <v>23</v>
      </c>
      <c r="DI25" s="60">
        <v>0</v>
      </c>
      <c r="DJ25" s="61">
        <v>0</v>
      </c>
      <c r="DK25" s="62">
        <v>0</v>
      </c>
      <c r="DL25" s="231"/>
      <c r="DM25" s="61">
        <v>0</v>
      </c>
      <c r="DN25" s="61">
        <v>0</v>
      </c>
      <c r="DO25" s="61">
        <v>0</v>
      </c>
      <c r="DP25" s="61">
        <v>0</v>
      </c>
      <c r="DQ25" s="61">
        <v>0</v>
      </c>
      <c r="DR25" s="62">
        <v>0</v>
      </c>
      <c r="DS25" s="63">
        <v>0</v>
      </c>
      <c r="DT25" s="60">
        <v>0</v>
      </c>
      <c r="DU25" s="61">
        <v>0</v>
      </c>
      <c r="DV25" s="62">
        <v>0</v>
      </c>
      <c r="DW25" s="231"/>
      <c r="DX25" s="61">
        <v>0</v>
      </c>
      <c r="DY25" s="61">
        <v>0</v>
      </c>
      <c r="DZ25" s="61">
        <v>0</v>
      </c>
      <c r="EA25" s="61">
        <v>0</v>
      </c>
      <c r="EB25" s="61">
        <v>0</v>
      </c>
      <c r="EC25" s="62">
        <v>0</v>
      </c>
      <c r="ED25" s="63">
        <v>0</v>
      </c>
      <c r="EE25" s="60">
        <v>0</v>
      </c>
      <c r="EF25" s="61">
        <v>1</v>
      </c>
      <c r="EG25" s="62">
        <v>1</v>
      </c>
      <c r="EH25" s="231"/>
      <c r="EI25" s="61">
        <v>0</v>
      </c>
      <c r="EJ25" s="61">
        <v>2</v>
      </c>
      <c r="EK25" s="61">
        <v>2</v>
      </c>
      <c r="EL25" s="61">
        <v>0</v>
      </c>
      <c r="EM25" s="61">
        <v>0</v>
      </c>
      <c r="EN25" s="62">
        <v>4</v>
      </c>
      <c r="EO25" s="63">
        <v>5</v>
      </c>
      <c r="EP25" s="60">
        <v>2</v>
      </c>
      <c r="EQ25" s="61">
        <v>1</v>
      </c>
      <c r="ER25" s="62">
        <v>3</v>
      </c>
      <c r="ES25" s="231"/>
      <c r="ET25" s="61">
        <v>1</v>
      </c>
      <c r="EU25" s="61">
        <v>0</v>
      </c>
      <c r="EV25" s="61">
        <v>0</v>
      </c>
      <c r="EW25" s="61">
        <v>0</v>
      </c>
      <c r="EX25" s="61">
        <v>0</v>
      </c>
      <c r="EY25" s="62">
        <v>1</v>
      </c>
      <c r="EZ25" s="63">
        <v>4</v>
      </c>
      <c r="FA25" s="60">
        <v>0</v>
      </c>
      <c r="FB25" s="61">
        <v>0</v>
      </c>
      <c r="FC25" s="62">
        <v>0</v>
      </c>
      <c r="FD25" s="231"/>
      <c r="FE25" s="61">
        <v>3</v>
      </c>
      <c r="FF25" s="61">
        <v>1</v>
      </c>
      <c r="FG25" s="61">
        <v>0</v>
      </c>
      <c r="FH25" s="61">
        <v>0</v>
      </c>
      <c r="FI25" s="61">
        <v>0</v>
      </c>
      <c r="FJ25" s="62">
        <v>4</v>
      </c>
      <c r="FK25" s="63">
        <v>4</v>
      </c>
      <c r="FL25" s="60">
        <v>0</v>
      </c>
      <c r="FM25" s="61">
        <v>0</v>
      </c>
      <c r="FN25" s="62">
        <v>0</v>
      </c>
      <c r="FO25" s="231"/>
      <c r="FP25" s="61">
        <v>3</v>
      </c>
      <c r="FQ25" s="61">
        <v>2</v>
      </c>
      <c r="FR25" s="61">
        <v>2</v>
      </c>
      <c r="FS25" s="61">
        <v>3</v>
      </c>
      <c r="FT25" s="61">
        <v>0</v>
      </c>
      <c r="FU25" s="62">
        <v>10</v>
      </c>
      <c r="FV25" s="63">
        <v>10</v>
      </c>
      <c r="FW25" s="60">
        <v>0</v>
      </c>
      <c r="FX25" s="61">
        <v>0</v>
      </c>
      <c r="FY25" s="62">
        <v>0</v>
      </c>
      <c r="FZ25" s="231"/>
      <c r="GA25" s="61">
        <v>0</v>
      </c>
      <c r="GB25" s="61">
        <v>0</v>
      </c>
      <c r="GC25" s="61">
        <v>0</v>
      </c>
      <c r="GD25" s="61">
        <v>0</v>
      </c>
      <c r="GE25" s="61">
        <v>0</v>
      </c>
      <c r="GF25" s="62">
        <v>0</v>
      </c>
      <c r="GG25" s="63">
        <v>0</v>
      </c>
      <c r="GH25" s="60">
        <v>2</v>
      </c>
      <c r="GI25" s="61">
        <v>2</v>
      </c>
      <c r="GJ25" s="62">
        <v>4</v>
      </c>
      <c r="GK25" s="231"/>
      <c r="GL25" s="61">
        <v>7</v>
      </c>
      <c r="GM25" s="61">
        <v>5</v>
      </c>
      <c r="GN25" s="61">
        <v>4</v>
      </c>
      <c r="GO25" s="61">
        <v>3</v>
      </c>
      <c r="GP25" s="61">
        <v>0</v>
      </c>
      <c r="GQ25" s="62">
        <v>19</v>
      </c>
      <c r="GR25" s="63">
        <v>23</v>
      </c>
      <c r="GS25" s="113">
        <v>20</v>
      </c>
      <c r="GT25" s="72">
        <v>14</v>
      </c>
      <c r="GU25" s="73">
        <v>34</v>
      </c>
      <c r="GV25" s="228"/>
      <c r="GW25" s="72">
        <v>50</v>
      </c>
      <c r="GX25" s="72">
        <v>34</v>
      </c>
      <c r="GY25" s="72">
        <v>23</v>
      </c>
      <c r="GZ25" s="72">
        <v>18</v>
      </c>
      <c r="HA25" s="72">
        <v>7</v>
      </c>
      <c r="HB25" s="74">
        <v>132</v>
      </c>
      <c r="HC25" s="75">
        <v>166</v>
      </c>
      <c r="HD25" s="60">
        <v>0</v>
      </c>
      <c r="HE25" s="61">
        <v>0</v>
      </c>
      <c r="HF25" s="62">
        <v>0</v>
      </c>
      <c r="HG25" s="231"/>
      <c r="HH25" s="61">
        <v>0</v>
      </c>
      <c r="HI25" s="61">
        <v>0</v>
      </c>
      <c r="HJ25" s="61">
        <v>0</v>
      </c>
      <c r="HK25" s="61">
        <v>0</v>
      </c>
      <c r="HL25" s="61">
        <v>0</v>
      </c>
      <c r="HM25" s="62">
        <v>0</v>
      </c>
      <c r="HN25" s="63">
        <v>0</v>
      </c>
      <c r="HO25" s="60">
        <v>0</v>
      </c>
      <c r="HP25" s="61">
        <v>0</v>
      </c>
      <c r="HQ25" s="62">
        <v>0</v>
      </c>
      <c r="HR25" s="231"/>
      <c r="HS25" s="61">
        <v>0</v>
      </c>
      <c r="HT25" s="61">
        <v>1</v>
      </c>
      <c r="HU25" s="61">
        <v>0</v>
      </c>
      <c r="HV25" s="61">
        <v>0</v>
      </c>
      <c r="HW25" s="61">
        <v>2</v>
      </c>
      <c r="HX25" s="62">
        <v>3</v>
      </c>
      <c r="HY25" s="63">
        <v>3</v>
      </c>
      <c r="HZ25" s="60">
        <v>0</v>
      </c>
      <c r="IA25" s="61">
        <v>2</v>
      </c>
      <c r="IB25" s="62">
        <v>2</v>
      </c>
      <c r="IC25" s="231"/>
      <c r="ID25" s="61">
        <v>5</v>
      </c>
      <c r="IE25" s="61">
        <v>7</v>
      </c>
      <c r="IF25" s="61">
        <v>5</v>
      </c>
      <c r="IG25" s="61">
        <v>1</v>
      </c>
      <c r="IH25" s="61">
        <v>0</v>
      </c>
      <c r="II25" s="62">
        <v>18</v>
      </c>
      <c r="IJ25" s="63">
        <v>20</v>
      </c>
      <c r="IK25" s="60">
        <v>5</v>
      </c>
      <c r="IL25" s="61">
        <v>2</v>
      </c>
      <c r="IM25" s="62">
        <v>7</v>
      </c>
      <c r="IN25" s="231"/>
      <c r="IO25" s="61">
        <v>5</v>
      </c>
      <c r="IP25" s="61">
        <v>4</v>
      </c>
      <c r="IQ25" s="61">
        <v>4</v>
      </c>
      <c r="IR25" s="61">
        <v>3</v>
      </c>
      <c r="IS25" s="61">
        <v>3</v>
      </c>
      <c r="IT25" s="62">
        <v>19</v>
      </c>
      <c r="IU25" s="63">
        <v>26</v>
      </c>
      <c r="IV25" s="60">
        <v>8</v>
      </c>
      <c r="IW25" s="61">
        <v>8</v>
      </c>
      <c r="IX25" s="62">
        <v>16</v>
      </c>
      <c r="IY25" s="231"/>
      <c r="IZ25" s="61">
        <v>15</v>
      </c>
      <c r="JA25" s="61">
        <v>11</v>
      </c>
      <c r="JB25" s="61">
        <v>2</v>
      </c>
      <c r="JC25" s="61">
        <v>6</v>
      </c>
      <c r="JD25" s="61">
        <v>0</v>
      </c>
      <c r="JE25" s="62">
        <v>34</v>
      </c>
      <c r="JF25" s="63">
        <v>50</v>
      </c>
      <c r="JG25" s="60">
        <v>7</v>
      </c>
      <c r="JH25" s="61">
        <v>2</v>
      </c>
      <c r="JI25" s="62">
        <v>9</v>
      </c>
      <c r="JJ25" s="231"/>
      <c r="JK25" s="61">
        <v>25</v>
      </c>
      <c r="JL25" s="61">
        <v>11</v>
      </c>
      <c r="JM25" s="61">
        <v>12</v>
      </c>
      <c r="JN25" s="61">
        <v>8</v>
      </c>
      <c r="JO25" s="61">
        <v>2</v>
      </c>
      <c r="JP25" s="62">
        <v>58</v>
      </c>
      <c r="JQ25" s="63">
        <v>67</v>
      </c>
      <c r="JR25" s="60">
        <v>0</v>
      </c>
      <c r="JS25" s="61">
        <v>0</v>
      </c>
      <c r="JT25" s="62">
        <v>0</v>
      </c>
      <c r="JU25" s="231"/>
      <c r="JV25" s="61">
        <v>0</v>
      </c>
      <c r="JW25" s="61">
        <v>0</v>
      </c>
      <c r="JX25" s="61">
        <v>0</v>
      </c>
      <c r="JY25" s="61">
        <v>0</v>
      </c>
      <c r="JZ25" s="61">
        <v>0</v>
      </c>
      <c r="KA25" s="62">
        <v>0</v>
      </c>
      <c r="KB25" s="63">
        <v>0</v>
      </c>
      <c r="KC25" s="60">
        <v>20</v>
      </c>
      <c r="KD25" s="61">
        <v>14</v>
      </c>
      <c r="KE25" s="62">
        <v>34</v>
      </c>
      <c r="KF25" s="231"/>
      <c r="KG25" s="61">
        <v>50</v>
      </c>
      <c r="KH25" s="61">
        <v>34</v>
      </c>
      <c r="KI25" s="61">
        <v>23</v>
      </c>
      <c r="KJ25" s="61">
        <v>18</v>
      </c>
      <c r="KK25" s="61">
        <v>7</v>
      </c>
      <c r="KL25" s="62">
        <v>132</v>
      </c>
      <c r="KM25" s="63">
        <v>166</v>
      </c>
    </row>
    <row r="26" spans="2:299" ht="21" customHeight="1" x14ac:dyDescent="0.2">
      <c r="B26" s="472" t="s">
        <v>23</v>
      </c>
      <c r="C26" s="293">
        <v>38</v>
      </c>
      <c r="D26" s="72">
        <v>30</v>
      </c>
      <c r="E26" s="73">
        <v>68</v>
      </c>
      <c r="F26" s="228"/>
      <c r="G26" s="72">
        <v>40</v>
      </c>
      <c r="H26" s="72">
        <v>35</v>
      </c>
      <c r="I26" s="72">
        <v>28</v>
      </c>
      <c r="J26" s="72">
        <v>14</v>
      </c>
      <c r="K26" s="72">
        <v>10</v>
      </c>
      <c r="L26" s="74">
        <v>127</v>
      </c>
      <c r="M26" s="75">
        <v>195</v>
      </c>
      <c r="N26" s="60">
        <v>0</v>
      </c>
      <c r="O26" s="61">
        <v>1</v>
      </c>
      <c r="P26" s="62">
        <v>1</v>
      </c>
      <c r="Q26" s="231"/>
      <c r="R26" s="61">
        <v>0</v>
      </c>
      <c r="S26" s="61">
        <v>2</v>
      </c>
      <c r="T26" s="61">
        <v>1</v>
      </c>
      <c r="U26" s="61">
        <v>0</v>
      </c>
      <c r="V26" s="61">
        <v>0</v>
      </c>
      <c r="W26" s="62">
        <v>3</v>
      </c>
      <c r="X26" s="63">
        <v>4</v>
      </c>
      <c r="Y26" s="60">
        <v>1</v>
      </c>
      <c r="Z26" s="61">
        <v>0</v>
      </c>
      <c r="AA26" s="62">
        <v>1</v>
      </c>
      <c r="AB26" s="231"/>
      <c r="AC26" s="61">
        <v>1</v>
      </c>
      <c r="AD26" s="61">
        <v>2</v>
      </c>
      <c r="AE26" s="61">
        <v>1</v>
      </c>
      <c r="AF26" s="61">
        <v>0</v>
      </c>
      <c r="AG26" s="61">
        <v>1</v>
      </c>
      <c r="AH26" s="62">
        <v>5</v>
      </c>
      <c r="AI26" s="63">
        <v>6</v>
      </c>
      <c r="AJ26" s="60">
        <v>6</v>
      </c>
      <c r="AK26" s="61">
        <v>5</v>
      </c>
      <c r="AL26" s="62">
        <v>11</v>
      </c>
      <c r="AM26" s="231"/>
      <c r="AN26" s="61">
        <v>7</v>
      </c>
      <c r="AO26" s="61">
        <v>1</v>
      </c>
      <c r="AP26" s="61">
        <v>2</v>
      </c>
      <c r="AQ26" s="61">
        <v>3</v>
      </c>
      <c r="AR26" s="61">
        <v>1</v>
      </c>
      <c r="AS26" s="62">
        <v>14</v>
      </c>
      <c r="AT26" s="63">
        <v>25</v>
      </c>
      <c r="AU26" s="60">
        <v>10</v>
      </c>
      <c r="AV26" s="61">
        <v>14</v>
      </c>
      <c r="AW26" s="62">
        <v>24</v>
      </c>
      <c r="AX26" s="231"/>
      <c r="AY26" s="61">
        <v>9</v>
      </c>
      <c r="AZ26" s="61">
        <v>10</v>
      </c>
      <c r="BA26" s="61">
        <v>7</v>
      </c>
      <c r="BB26" s="61">
        <v>3</v>
      </c>
      <c r="BC26" s="61">
        <v>2</v>
      </c>
      <c r="BD26" s="62">
        <v>31</v>
      </c>
      <c r="BE26" s="63">
        <v>55</v>
      </c>
      <c r="BF26" s="60">
        <v>13</v>
      </c>
      <c r="BG26" s="61">
        <v>7</v>
      </c>
      <c r="BH26" s="62">
        <v>20</v>
      </c>
      <c r="BI26" s="231"/>
      <c r="BJ26" s="61">
        <v>16</v>
      </c>
      <c r="BK26" s="61">
        <v>6</v>
      </c>
      <c r="BL26" s="61">
        <v>8</v>
      </c>
      <c r="BM26" s="61">
        <v>3</v>
      </c>
      <c r="BN26" s="61">
        <v>2</v>
      </c>
      <c r="BO26" s="62">
        <v>35</v>
      </c>
      <c r="BP26" s="63">
        <v>55</v>
      </c>
      <c r="BQ26" s="60">
        <v>8</v>
      </c>
      <c r="BR26" s="61">
        <v>3</v>
      </c>
      <c r="BS26" s="62">
        <v>11</v>
      </c>
      <c r="BT26" s="231"/>
      <c r="BU26" s="61">
        <v>7</v>
      </c>
      <c r="BV26" s="61">
        <v>14</v>
      </c>
      <c r="BW26" s="61">
        <v>9</v>
      </c>
      <c r="BX26" s="61">
        <v>5</v>
      </c>
      <c r="BY26" s="61">
        <v>4</v>
      </c>
      <c r="BZ26" s="62">
        <v>39</v>
      </c>
      <c r="CA26" s="63">
        <v>50</v>
      </c>
      <c r="CB26" s="60">
        <v>0</v>
      </c>
      <c r="CC26" s="61">
        <v>0</v>
      </c>
      <c r="CD26" s="62">
        <v>0</v>
      </c>
      <c r="CE26" s="231"/>
      <c r="CF26" s="61">
        <v>0</v>
      </c>
      <c r="CG26" s="61">
        <v>0</v>
      </c>
      <c r="CH26" s="61">
        <v>0</v>
      </c>
      <c r="CI26" s="61">
        <v>0</v>
      </c>
      <c r="CJ26" s="61">
        <v>0</v>
      </c>
      <c r="CK26" s="62">
        <v>0</v>
      </c>
      <c r="CL26" s="63">
        <v>0</v>
      </c>
      <c r="CM26" s="60">
        <v>38</v>
      </c>
      <c r="CN26" s="61">
        <v>30</v>
      </c>
      <c r="CO26" s="62">
        <v>68</v>
      </c>
      <c r="CP26" s="231"/>
      <c r="CQ26" s="61">
        <v>40</v>
      </c>
      <c r="CR26" s="61">
        <v>35</v>
      </c>
      <c r="CS26" s="61">
        <v>28</v>
      </c>
      <c r="CT26" s="61">
        <v>14</v>
      </c>
      <c r="CU26" s="61">
        <v>10</v>
      </c>
      <c r="CV26" s="62">
        <v>127</v>
      </c>
      <c r="CW26" s="63">
        <v>195</v>
      </c>
      <c r="CX26" s="113">
        <v>2</v>
      </c>
      <c r="CY26" s="72">
        <v>3</v>
      </c>
      <c r="CZ26" s="73">
        <v>5</v>
      </c>
      <c r="DA26" s="228"/>
      <c r="DB26" s="72">
        <v>6</v>
      </c>
      <c r="DC26" s="72">
        <v>4</v>
      </c>
      <c r="DD26" s="72">
        <v>1</v>
      </c>
      <c r="DE26" s="72">
        <v>5</v>
      </c>
      <c r="DF26" s="72">
        <v>1</v>
      </c>
      <c r="DG26" s="74">
        <v>17</v>
      </c>
      <c r="DH26" s="75">
        <v>22</v>
      </c>
      <c r="DI26" s="60">
        <v>0</v>
      </c>
      <c r="DJ26" s="61">
        <v>0</v>
      </c>
      <c r="DK26" s="62">
        <v>0</v>
      </c>
      <c r="DL26" s="231"/>
      <c r="DM26" s="61">
        <v>0</v>
      </c>
      <c r="DN26" s="61">
        <v>0</v>
      </c>
      <c r="DO26" s="61">
        <v>0</v>
      </c>
      <c r="DP26" s="61">
        <v>1</v>
      </c>
      <c r="DQ26" s="61">
        <v>0</v>
      </c>
      <c r="DR26" s="62">
        <v>1</v>
      </c>
      <c r="DS26" s="63">
        <v>1</v>
      </c>
      <c r="DT26" s="60">
        <v>0</v>
      </c>
      <c r="DU26" s="61">
        <v>2</v>
      </c>
      <c r="DV26" s="62">
        <v>2</v>
      </c>
      <c r="DW26" s="231"/>
      <c r="DX26" s="61">
        <v>0</v>
      </c>
      <c r="DY26" s="61">
        <v>0</v>
      </c>
      <c r="DZ26" s="61">
        <v>0</v>
      </c>
      <c r="EA26" s="61">
        <v>0</v>
      </c>
      <c r="EB26" s="61">
        <v>0</v>
      </c>
      <c r="EC26" s="62">
        <v>0</v>
      </c>
      <c r="ED26" s="63">
        <v>2</v>
      </c>
      <c r="EE26" s="60">
        <v>1</v>
      </c>
      <c r="EF26" s="61">
        <v>0</v>
      </c>
      <c r="EG26" s="62">
        <v>1</v>
      </c>
      <c r="EH26" s="231"/>
      <c r="EI26" s="61">
        <v>1</v>
      </c>
      <c r="EJ26" s="61">
        <v>2</v>
      </c>
      <c r="EK26" s="61">
        <v>0</v>
      </c>
      <c r="EL26" s="61">
        <v>1</v>
      </c>
      <c r="EM26" s="61">
        <v>0</v>
      </c>
      <c r="EN26" s="62">
        <v>4</v>
      </c>
      <c r="EO26" s="63">
        <v>5</v>
      </c>
      <c r="EP26" s="60">
        <v>1</v>
      </c>
      <c r="EQ26" s="61">
        <v>0</v>
      </c>
      <c r="ER26" s="62">
        <v>1</v>
      </c>
      <c r="ES26" s="231"/>
      <c r="ET26" s="61">
        <v>2</v>
      </c>
      <c r="EU26" s="61">
        <v>0</v>
      </c>
      <c r="EV26" s="61">
        <v>0</v>
      </c>
      <c r="EW26" s="61">
        <v>0</v>
      </c>
      <c r="EX26" s="61">
        <v>0</v>
      </c>
      <c r="EY26" s="62">
        <v>2</v>
      </c>
      <c r="EZ26" s="63">
        <v>3</v>
      </c>
      <c r="FA26" s="60">
        <v>0</v>
      </c>
      <c r="FB26" s="61">
        <v>1</v>
      </c>
      <c r="FC26" s="62">
        <v>1</v>
      </c>
      <c r="FD26" s="231"/>
      <c r="FE26" s="61">
        <v>3</v>
      </c>
      <c r="FF26" s="61">
        <v>2</v>
      </c>
      <c r="FG26" s="61">
        <v>0</v>
      </c>
      <c r="FH26" s="61">
        <v>1</v>
      </c>
      <c r="FI26" s="61">
        <v>1</v>
      </c>
      <c r="FJ26" s="62">
        <v>7</v>
      </c>
      <c r="FK26" s="63">
        <v>8</v>
      </c>
      <c r="FL26" s="60">
        <v>0</v>
      </c>
      <c r="FM26" s="61">
        <v>0</v>
      </c>
      <c r="FN26" s="62">
        <v>0</v>
      </c>
      <c r="FO26" s="231"/>
      <c r="FP26" s="61">
        <v>0</v>
      </c>
      <c r="FQ26" s="61">
        <v>0</v>
      </c>
      <c r="FR26" s="61">
        <v>1</v>
      </c>
      <c r="FS26" s="61">
        <v>2</v>
      </c>
      <c r="FT26" s="61">
        <v>0</v>
      </c>
      <c r="FU26" s="62">
        <v>3</v>
      </c>
      <c r="FV26" s="63">
        <v>3</v>
      </c>
      <c r="FW26" s="60">
        <v>0</v>
      </c>
      <c r="FX26" s="61">
        <v>0</v>
      </c>
      <c r="FY26" s="62">
        <v>0</v>
      </c>
      <c r="FZ26" s="231"/>
      <c r="GA26" s="61">
        <v>0</v>
      </c>
      <c r="GB26" s="61">
        <v>0</v>
      </c>
      <c r="GC26" s="61">
        <v>0</v>
      </c>
      <c r="GD26" s="61">
        <v>0</v>
      </c>
      <c r="GE26" s="61">
        <v>0</v>
      </c>
      <c r="GF26" s="62">
        <v>0</v>
      </c>
      <c r="GG26" s="63">
        <v>0</v>
      </c>
      <c r="GH26" s="60">
        <v>2</v>
      </c>
      <c r="GI26" s="61">
        <v>3</v>
      </c>
      <c r="GJ26" s="62">
        <v>5</v>
      </c>
      <c r="GK26" s="231"/>
      <c r="GL26" s="61">
        <v>6</v>
      </c>
      <c r="GM26" s="61">
        <v>4</v>
      </c>
      <c r="GN26" s="61">
        <v>1</v>
      </c>
      <c r="GO26" s="61">
        <v>5</v>
      </c>
      <c r="GP26" s="61">
        <v>1</v>
      </c>
      <c r="GQ26" s="62">
        <v>17</v>
      </c>
      <c r="GR26" s="63">
        <v>22</v>
      </c>
      <c r="GS26" s="113">
        <v>40</v>
      </c>
      <c r="GT26" s="72">
        <v>33</v>
      </c>
      <c r="GU26" s="73">
        <v>73</v>
      </c>
      <c r="GV26" s="228"/>
      <c r="GW26" s="72">
        <v>46</v>
      </c>
      <c r="GX26" s="72">
        <v>39</v>
      </c>
      <c r="GY26" s="72">
        <v>29</v>
      </c>
      <c r="GZ26" s="72">
        <v>19</v>
      </c>
      <c r="HA26" s="72">
        <v>11</v>
      </c>
      <c r="HB26" s="74">
        <v>144</v>
      </c>
      <c r="HC26" s="75">
        <v>217</v>
      </c>
      <c r="HD26" s="60">
        <v>0</v>
      </c>
      <c r="HE26" s="61">
        <v>1</v>
      </c>
      <c r="HF26" s="62">
        <v>1</v>
      </c>
      <c r="HG26" s="231"/>
      <c r="HH26" s="61">
        <v>0</v>
      </c>
      <c r="HI26" s="61">
        <v>2</v>
      </c>
      <c r="HJ26" s="61">
        <v>1</v>
      </c>
      <c r="HK26" s="61">
        <v>1</v>
      </c>
      <c r="HL26" s="61">
        <v>0</v>
      </c>
      <c r="HM26" s="62">
        <v>4</v>
      </c>
      <c r="HN26" s="63">
        <v>5</v>
      </c>
      <c r="HO26" s="60">
        <v>1</v>
      </c>
      <c r="HP26" s="61">
        <v>2</v>
      </c>
      <c r="HQ26" s="62">
        <v>3</v>
      </c>
      <c r="HR26" s="231"/>
      <c r="HS26" s="61">
        <v>1</v>
      </c>
      <c r="HT26" s="61">
        <v>2</v>
      </c>
      <c r="HU26" s="61">
        <v>1</v>
      </c>
      <c r="HV26" s="61">
        <v>0</v>
      </c>
      <c r="HW26" s="61">
        <v>1</v>
      </c>
      <c r="HX26" s="62">
        <v>5</v>
      </c>
      <c r="HY26" s="63">
        <v>8</v>
      </c>
      <c r="HZ26" s="60">
        <v>7</v>
      </c>
      <c r="IA26" s="61">
        <v>5</v>
      </c>
      <c r="IB26" s="62">
        <v>12</v>
      </c>
      <c r="IC26" s="231"/>
      <c r="ID26" s="61">
        <v>8</v>
      </c>
      <c r="IE26" s="61">
        <v>3</v>
      </c>
      <c r="IF26" s="61">
        <v>2</v>
      </c>
      <c r="IG26" s="61">
        <v>4</v>
      </c>
      <c r="IH26" s="61">
        <v>1</v>
      </c>
      <c r="II26" s="62">
        <v>18</v>
      </c>
      <c r="IJ26" s="63">
        <v>30</v>
      </c>
      <c r="IK26" s="60">
        <v>11</v>
      </c>
      <c r="IL26" s="61">
        <v>14</v>
      </c>
      <c r="IM26" s="62">
        <v>25</v>
      </c>
      <c r="IN26" s="231"/>
      <c r="IO26" s="61">
        <v>11</v>
      </c>
      <c r="IP26" s="61">
        <v>10</v>
      </c>
      <c r="IQ26" s="61">
        <v>7</v>
      </c>
      <c r="IR26" s="61">
        <v>3</v>
      </c>
      <c r="IS26" s="61">
        <v>2</v>
      </c>
      <c r="IT26" s="62">
        <v>33</v>
      </c>
      <c r="IU26" s="63">
        <v>58</v>
      </c>
      <c r="IV26" s="60">
        <v>13</v>
      </c>
      <c r="IW26" s="61">
        <v>8</v>
      </c>
      <c r="IX26" s="62">
        <v>21</v>
      </c>
      <c r="IY26" s="231"/>
      <c r="IZ26" s="61">
        <v>19</v>
      </c>
      <c r="JA26" s="61">
        <v>8</v>
      </c>
      <c r="JB26" s="61">
        <v>8</v>
      </c>
      <c r="JC26" s="61">
        <v>4</v>
      </c>
      <c r="JD26" s="61">
        <v>3</v>
      </c>
      <c r="JE26" s="62">
        <v>42</v>
      </c>
      <c r="JF26" s="63">
        <v>63</v>
      </c>
      <c r="JG26" s="60">
        <v>8</v>
      </c>
      <c r="JH26" s="61">
        <v>3</v>
      </c>
      <c r="JI26" s="62">
        <v>11</v>
      </c>
      <c r="JJ26" s="231"/>
      <c r="JK26" s="61">
        <v>7</v>
      </c>
      <c r="JL26" s="61">
        <v>14</v>
      </c>
      <c r="JM26" s="61">
        <v>10</v>
      </c>
      <c r="JN26" s="61">
        <v>7</v>
      </c>
      <c r="JO26" s="61">
        <v>4</v>
      </c>
      <c r="JP26" s="62">
        <v>42</v>
      </c>
      <c r="JQ26" s="63">
        <v>53</v>
      </c>
      <c r="JR26" s="60">
        <v>0</v>
      </c>
      <c r="JS26" s="61">
        <v>0</v>
      </c>
      <c r="JT26" s="62">
        <v>0</v>
      </c>
      <c r="JU26" s="231"/>
      <c r="JV26" s="61">
        <v>0</v>
      </c>
      <c r="JW26" s="61">
        <v>0</v>
      </c>
      <c r="JX26" s="61">
        <v>0</v>
      </c>
      <c r="JY26" s="61">
        <v>0</v>
      </c>
      <c r="JZ26" s="61">
        <v>0</v>
      </c>
      <c r="KA26" s="62">
        <v>0</v>
      </c>
      <c r="KB26" s="63">
        <v>0</v>
      </c>
      <c r="KC26" s="60">
        <v>40</v>
      </c>
      <c r="KD26" s="61">
        <v>33</v>
      </c>
      <c r="KE26" s="62">
        <v>73</v>
      </c>
      <c r="KF26" s="231"/>
      <c r="KG26" s="61">
        <v>46</v>
      </c>
      <c r="KH26" s="61">
        <v>39</v>
      </c>
      <c r="KI26" s="61">
        <v>29</v>
      </c>
      <c r="KJ26" s="61">
        <v>19</v>
      </c>
      <c r="KK26" s="61">
        <v>11</v>
      </c>
      <c r="KL26" s="62">
        <v>144</v>
      </c>
      <c r="KM26" s="63">
        <v>217</v>
      </c>
    </row>
    <row r="27" spans="2:299" ht="21" customHeight="1" x14ac:dyDescent="0.2">
      <c r="B27" s="472" t="s">
        <v>24</v>
      </c>
      <c r="C27" s="293">
        <v>33</v>
      </c>
      <c r="D27" s="72">
        <v>21</v>
      </c>
      <c r="E27" s="73">
        <v>54</v>
      </c>
      <c r="F27" s="228"/>
      <c r="G27" s="72">
        <v>37</v>
      </c>
      <c r="H27" s="72">
        <v>32</v>
      </c>
      <c r="I27" s="72">
        <v>16</v>
      </c>
      <c r="J27" s="72">
        <v>16</v>
      </c>
      <c r="K27" s="72">
        <v>7</v>
      </c>
      <c r="L27" s="74">
        <v>108</v>
      </c>
      <c r="M27" s="75">
        <v>162</v>
      </c>
      <c r="N27" s="60">
        <v>0</v>
      </c>
      <c r="O27" s="61">
        <v>0</v>
      </c>
      <c r="P27" s="62">
        <v>0</v>
      </c>
      <c r="Q27" s="231"/>
      <c r="R27" s="61">
        <v>1</v>
      </c>
      <c r="S27" s="61">
        <v>0</v>
      </c>
      <c r="T27" s="61">
        <v>0</v>
      </c>
      <c r="U27" s="61">
        <v>0</v>
      </c>
      <c r="V27" s="61">
        <v>0</v>
      </c>
      <c r="W27" s="62">
        <v>1</v>
      </c>
      <c r="X27" s="63">
        <v>1</v>
      </c>
      <c r="Y27" s="60">
        <v>0</v>
      </c>
      <c r="Z27" s="61">
        <v>2</v>
      </c>
      <c r="AA27" s="62">
        <v>2</v>
      </c>
      <c r="AB27" s="231"/>
      <c r="AC27" s="61">
        <v>1</v>
      </c>
      <c r="AD27" s="61">
        <v>0</v>
      </c>
      <c r="AE27" s="61">
        <v>1</v>
      </c>
      <c r="AF27" s="61">
        <v>0</v>
      </c>
      <c r="AG27" s="61">
        <v>1</v>
      </c>
      <c r="AH27" s="62">
        <v>3</v>
      </c>
      <c r="AI27" s="63">
        <v>5</v>
      </c>
      <c r="AJ27" s="60">
        <v>1</v>
      </c>
      <c r="AK27" s="61">
        <v>0</v>
      </c>
      <c r="AL27" s="62">
        <v>1</v>
      </c>
      <c r="AM27" s="231"/>
      <c r="AN27" s="61">
        <v>2</v>
      </c>
      <c r="AO27" s="61">
        <v>4</v>
      </c>
      <c r="AP27" s="61">
        <v>2</v>
      </c>
      <c r="AQ27" s="61">
        <v>3</v>
      </c>
      <c r="AR27" s="61">
        <v>0</v>
      </c>
      <c r="AS27" s="62">
        <v>11</v>
      </c>
      <c r="AT27" s="63">
        <v>12</v>
      </c>
      <c r="AU27" s="60">
        <v>5</v>
      </c>
      <c r="AV27" s="61">
        <v>4</v>
      </c>
      <c r="AW27" s="62">
        <v>9</v>
      </c>
      <c r="AX27" s="231"/>
      <c r="AY27" s="61">
        <v>8</v>
      </c>
      <c r="AZ27" s="61">
        <v>4</v>
      </c>
      <c r="BA27" s="61">
        <v>1</v>
      </c>
      <c r="BB27" s="61">
        <v>2</v>
      </c>
      <c r="BC27" s="61">
        <v>2</v>
      </c>
      <c r="BD27" s="62">
        <v>17</v>
      </c>
      <c r="BE27" s="63">
        <v>26</v>
      </c>
      <c r="BF27" s="60">
        <v>15</v>
      </c>
      <c r="BG27" s="61">
        <v>7</v>
      </c>
      <c r="BH27" s="62">
        <v>22</v>
      </c>
      <c r="BI27" s="231"/>
      <c r="BJ27" s="61">
        <v>11</v>
      </c>
      <c r="BK27" s="61">
        <v>13</v>
      </c>
      <c r="BL27" s="61">
        <v>4</v>
      </c>
      <c r="BM27" s="61">
        <v>5</v>
      </c>
      <c r="BN27" s="61">
        <v>2</v>
      </c>
      <c r="BO27" s="62">
        <v>35</v>
      </c>
      <c r="BP27" s="63">
        <v>57</v>
      </c>
      <c r="BQ27" s="60">
        <v>12</v>
      </c>
      <c r="BR27" s="61">
        <v>8</v>
      </c>
      <c r="BS27" s="62">
        <v>20</v>
      </c>
      <c r="BT27" s="231"/>
      <c r="BU27" s="61">
        <v>14</v>
      </c>
      <c r="BV27" s="61">
        <v>11</v>
      </c>
      <c r="BW27" s="61">
        <v>8</v>
      </c>
      <c r="BX27" s="61">
        <v>6</v>
      </c>
      <c r="BY27" s="61">
        <v>2</v>
      </c>
      <c r="BZ27" s="62">
        <v>41</v>
      </c>
      <c r="CA27" s="63">
        <v>61</v>
      </c>
      <c r="CB27" s="60">
        <v>0</v>
      </c>
      <c r="CC27" s="61">
        <v>0</v>
      </c>
      <c r="CD27" s="62">
        <v>0</v>
      </c>
      <c r="CE27" s="231"/>
      <c r="CF27" s="61">
        <v>0</v>
      </c>
      <c r="CG27" s="61">
        <v>0</v>
      </c>
      <c r="CH27" s="61">
        <v>0</v>
      </c>
      <c r="CI27" s="61">
        <v>0</v>
      </c>
      <c r="CJ27" s="61">
        <v>0</v>
      </c>
      <c r="CK27" s="62">
        <v>0</v>
      </c>
      <c r="CL27" s="63">
        <v>0</v>
      </c>
      <c r="CM27" s="60">
        <v>33</v>
      </c>
      <c r="CN27" s="61">
        <v>21</v>
      </c>
      <c r="CO27" s="62">
        <v>54</v>
      </c>
      <c r="CP27" s="231"/>
      <c r="CQ27" s="61">
        <v>37</v>
      </c>
      <c r="CR27" s="61">
        <v>32</v>
      </c>
      <c r="CS27" s="61">
        <v>16</v>
      </c>
      <c r="CT27" s="61">
        <v>16</v>
      </c>
      <c r="CU27" s="61">
        <v>7</v>
      </c>
      <c r="CV27" s="62">
        <v>108</v>
      </c>
      <c r="CW27" s="63">
        <v>162</v>
      </c>
      <c r="CX27" s="113">
        <v>3</v>
      </c>
      <c r="CY27" s="72">
        <v>2</v>
      </c>
      <c r="CZ27" s="73">
        <v>5</v>
      </c>
      <c r="DA27" s="228"/>
      <c r="DB27" s="72">
        <v>6</v>
      </c>
      <c r="DC27" s="72">
        <v>3</v>
      </c>
      <c r="DD27" s="72">
        <v>4</v>
      </c>
      <c r="DE27" s="72">
        <v>4</v>
      </c>
      <c r="DF27" s="72">
        <v>4</v>
      </c>
      <c r="DG27" s="74">
        <v>21</v>
      </c>
      <c r="DH27" s="75">
        <v>26</v>
      </c>
      <c r="DI27" s="60">
        <v>0</v>
      </c>
      <c r="DJ27" s="61">
        <v>0</v>
      </c>
      <c r="DK27" s="62">
        <v>0</v>
      </c>
      <c r="DL27" s="231"/>
      <c r="DM27" s="61">
        <v>0</v>
      </c>
      <c r="DN27" s="61">
        <v>0</v>
      </c>
      <c r="DO27" s="61">
        <v>0</v>
      </c>
      <c r="DP27" s="61">
        <v>0</v>
      </c>
      <c r="DQ27" s="61">
        <v>0</v>
      </c>
      <c r="DR27" s="62">
        <v>0</v>
      </c>
      <c r="DS27" s="63">
        <v>0</v>
      </c>
      <c r="DT27" s="60">
        <v>0</v>
      </c>
      <c r="DU27" s="61">
        <v>0</v>
      </c>
      <c r="DV27" s="62">
        <v>0</v>
      </c>
      <c r="DW27" s="231"/>
      <c r="DX27" s="61">
        <v>0</v>
      </c>
      <c r="DY27" s="61">
        <v>0</v>
      </c>
      <c r="DZ27" s="61">
        <v>0</v>
      </c>
      <c r="EA27" s="61">
        <v>0</v>
      </c>
      <c r="EB27" s="61">
        <v>0</v>
      </c>
      <c r="EC27" s="62">
        <v>0</v>
      </c>
      <c r="ED27" s="63">
        <v>0</v>
      </c>
      <c r="EE27" s="60">
        <v>0</v>
      </c>
      <c r="EF27" s="61">
        <v>0</v>
      </c>
      <c r="EG27" s="62">
        <v>0</v>
      </c>
      <c r="EH27" s="231"/>
      <c r="EI27" s="61">
        <v>0</v>
      </c>
      <c r="EJ27" s="61">
        <v>0</v>
      </c>
      <c r="EK27" s="61">
        <v>0</v>
      </c>
      <c r="EL27" s="61">
        <v>0</v>
      </c>
      <c r="EM27" s="61">
        <v>1</v>
      </c>
      <c r="EN27" s="62">
        <v>1</v>
      </c>
      <c r="EO27" s="63">
        <v>1</v>
      </c>
      <c r="EP27" s="60">
        <v>0</v>
      </c>
      <c r="EQ27" s="61">
        <v>0</v>
      </c>
      <c r="ER27" s="62">
        <v>0</v>
      </c>
      <c r="ES27" s="231"/>
      <c r="ET27" s="61">
        <v>3</v>
      </c>
      <c r="EU27" s="61">
        <v>0</v>
      </c>
      <c r="EV27" s="61">
        <v>1</v>
      </c>
      <c r="EW27" s="61">
        <v>1</v>
      </c>
      <c r="EX27" s="61">
        <v>1</v>
      </c>
      <c r="EY27" s="62">
        <v>6</v>
      </c>
      <c r="EZ27" s="63">
        <v>6</v>
      </c>
      <c r="FA27" s="60">
        <v>2</v>
      </c>
      <c r="FB27" s="61">
        <v>2</v>
      </c>
      <c r="FC27" s="62">
        <v>4</v>
      </c>
      <c r="FD27" s="231"/>
      <c r="FE27" s="61">
        <v>1</v>
      </c>
      <c r="FF27" s="61">
        <v>2</v>
      </c>
      <c r="FG27" s="61">
        <v>1</v>
      </c>
      <c r="FH27" s="61">
        <v>1</v>
      </c>
      <c r="FI27" s="61">
        <v>1</v>
      </c>
      <c r="FJ27" s="62">
        <v>6</v>
      </c>
      <c r="FK27" s="63">
        <v>10</v>
      </c>
      <c r="FL27" s="60">
        <v>1</v>
      </c>
      <c r="FM27" s="61">
        <v>0</v>
      </c>
      <c r="FN27" s="62">
        <v>1</v>
      </c>
      <c r="FO27" s="231"/>
      <c r="FP27" s="61">
        <v>2</v>
      </c>
      <c r="FQ27" s="61">
        <v>1</v>
      </c>
      <c r="FR27" s="61">
        <v>2</v>
      </c>
      <c r="FS27" s="61">
        <v>2</v>
      </c>
      <c r="FT27" s="61">
        <v>1</v>
      </c>
      <c r="FU27" s="62">
        <v>8</v>
      </c>
      <c r="FV27" s="63">
        <v>9</v>
      </c>
      <c r="FW27" s="60">
        <v>0</v>
      </c>
      <c r="FX27" s="61">
        <v>0</v>
      </c>
      <c r="FY27" s="62">
        <v>0</v>
      </c>
      <c r="FZ27" s="231"/>
      <c r="GA27" s="61">
        <v>0</v>
      </c>
      <c r="GB27" s="61">
        <v>0</v>
      </c>
      <c r="GC27" s="61">
        <v>0</v>
      </c>
      <c r="GD27" s="61">
        <v>0</v>
      </c>
      <c r="GE27" s="61">
        <v>0</v>
      </c>
      <c r="GF27" s="62">
        <v>0</v>
      </c>
      <c r="GG27" s="63">
        <v>0</v>
      </c>
      <c r="GH27" s="60">
        <v>3</v>
      </c>
      <c r="GI27" s="61">
        <v>2</v>
      </c>
      <c r="GJ27" s="62">
        <v>5</v>
      </c>
      <c r="GK27" s="231"/>
      <c r="GL27" s="61">
        <v>6</v>
      </c>
      <c r="GM27" s="61">
        <v>3</v>
      </c>
      <c r="GN27" s="61">
        <v>4</v>
      </c>
      <c r="GO27" s="61">
        <v>4</v>
      </c>
      <c r="GP27" s="61">
        <v>4</v>
      </c>
      <c r="GQ27" s="62">
        <v>21</v>
      </c>
      <c r="GR27" s="63">
        <v>26</v>
      </c>
      <c r="GS27" s="113">
        <v>36</v>
      </c>
      <c r="GT27" s="72">
        <v>23</v>
      </c>
      <c r="GU27" s="73">
        <v>59</v>
      </c>
      <c r="GV27" s="228"/>
      <c r="GW27" s="72">
        <v>43</v>
      </c>
      <c r="GX27" s="72">
        <v>35</v>
      </c>
      <c r="GY27" s="72">
        <v>20</v>
      </c>
      <c r="GZ27" s="72">
        <v>20</v>
      </c>
      <c r="HA27" s="72">
        <v>11</v>
      </c>
      <c r="HB27" s="74">
        <v>129</v>
      </c>
      <c r="HC27" s="75">
        <v>188</v>
      </c>
      <c r="HD27" s="60">
        <v>0</v>
      </c>
      <c r="HE27" s="61">
        <v>0</v>
      </c>
      <c r="HF27" s="62">
        <v>0</v>
      </c>
      <c r="HG27" s="231"/>
      <c r="HH27" s="61">
        <v>1</v>
      </c>
      <c r="HI27" s="61">
        <v>0</v>
      </c>
      <c r="HJ27" s="61">
        <v>0</v>
      </c>
      <c r="HK27" s="61">
        <v>0</v>
      </c>
      <c r="HL27" s="61">
        <v>0</v>
      </c>
      <c r="HM27" s="62">
        <v>1</v>
      </c>
      <c r="HN27" s="63">
        <v>1</v>
      </c>
      <c r="HO27" s="60">
        <v>0</v>
      </c>
      <c r="HP27" s="61">
        <v>2</v>
      </c>
      <c r="HQ27" s="62">
        <v>2</v>
      </c>
      <c r="HR27" s="231"/>
      <c r="HS27" s="61">
        <v>1</v>
      </c>
      <c r="HT27" s="61">
        <v>0</v>
      </c>
      <c r="HU27" s="61">
        <v>1</v>
      </c>
      <c r="HV27" s="61">
        <v>0</v>
      </c>
      <c r="HW27" s="61">
        <v>1</v>
      </c>
      <c r="HX27" s="62">
        <v>3</v>
      </c>
      <c r="HY27" s="63">
        <v>5</v>
      </c>
      <c r="HZ27" s="60">
        <v>1</v>
      </c>
      <c r="IA27" s="61">
        <v>0</v>
      </c>
      <c r="IB27" s="62">
        <v>1</v>
      </c>
      <c r="IC27" s="231"/>
      <c r="ID27" s="61">
        <v>2</v>
      </c>
      <c r="IE27" s="61">
        <v>4</v>
      </c>
      <c r="IF27" s="61">
        <v>2</v>
      </c>
      <c r="IG27" s="61">
        <v>3</v>
      </c>
      <c r="IH27" s="61">
        <v>1</v>
      </c>
      <c r="II27" s="62">
        <v>12</v>
      </c>
      <c r="IJ27" s="63">
        <v>13</v>
      </c>
      <c r="IK27" s="60">
        <v>5</v>
      </c>
      <c r="IL27" s="61">
        <v>4</v>
      </c>
      <c r="IM27" s="62">
        <v>9</v>
      </c>
      <c r="IN27" s="231"/>
      <c r="IO27" s="61">
        <v>11</v>
      </c>
      <c r="IP27" s="61">
        <v>4</v>
      </c>
      <c r="IQ27" s="61">
        <v>2</v>
      </c>
      <c r="IR27" s="61">
        <v>3</v>
      </c>
      <c r="IS27" s="61">
        <v>3</v>
      </c>
      <c r="IT27" s="62">
        <v>23</v>
      </c>
      <c r="IU27" s="63">
        <v>32</v>
      </c>
      <c r="IV27" s="60">
        <v>17</v>
      </c>
      <c r="IW27" s="61">
        <v>9</v>
      </c>
      <c r="IX27" s="62">
        <v>26</v>
      </c>
      <c r="IY27" s="231"/>
      <c r="IZ27" s="61">
        <v>12</v>
      </c>
      <c r="JA27" s="61">
        <v>15</v>
      </c>
      <c r="JB27" s="61">
        <v>5</v>
      </c>
      <c r="JC27" s="61">
        <v>6</v>
      </c>
      <c r="JD27" s="61">
        <v>3</v>
      </c>
      <c r="JE27" s="62">
        <v>41</v>
      </c>
      <c r="JF27" s="63">
        <v>67</v>
      </c>
      <c r="JG27" s="60">
        <v>13</v>
      </c>
      <c r="JH27" s="61">
        <v>8</v>
      </c>
      <c r="JI27" s="62">
        <v>21</v>
      </c>
      <c r="JJ27" s="231"/>
      <c r="JK27" s="61">
        <v>16</v>
      </c>
      <c r="JL27" s="61">
        <v>12</v>
      </c>
      <c r="JM27" s="61">
        <v>10</v>
      </c>
      <c r="JN27" s="61">
        <v>8</v>
      </c>
      <c r="JO27" s="61">
        <v>3</v>
      </c>
      <c r="JP27" s="62">
        <v>49</v>
      </c>
      <c r="JQ27" s="63">
        <v>70</v>
      </c>
      <c r="JR27" s="60">
        <v>0</v>
      </c>
      <c r="JS27" s="61">
        <v>0</v>
      </c>
      <c r="JT27" s="62">
        <v>0</v>
      </c>
      <c r="JU27" s="231"/>
      <c r="JV27" s="61">
        <v>0</v>
      </c>
      <c r="JW27" s="61">
        <v>0</v>
      </c>
      <c r="JX27" s="61">
        <v>0</v>
      </c>
      <c r="JY27" s="61">
        <v>0</v>
      </c>
      <c r="JZ27" s="61">
        <v>0</v>
      </c>
      <c r="KA27" s="62">
        <v>0</v>
      </c>
      <c r="KB27" s="63">
        <v>0</v>
      </c>
      <c r="KC27" s="60">
        <v>36</v>
      </c>
      <c r="KD27" s="61">
        <v>23</v>
      </c>
      <c r="KE27" s="62">
        <v>59</v>
      </c>
      <c r="KF27" s="231"/>
      <c r="KG27" s="61">
        <v>43</v>
      </c>
      <c r="KH27" s="61">
        <v>35</v>
      </c>
      <c r="KI27" s="61">
        <v>20</v>
      </c>
      <c r="KJ27" s="61">
        <v>20</v>
      </c>
      <c r="KK27" s="61">
        <v>11</v>
      </c>
      <c r="KL27" s="62">
        <v>129</v>
      </c>
      <c r="KM27" s="63">
        <v>188</v>
      </c>
    </row>
    <row r="28" spans="2:299" ht="21" customHeight="1" x14ac:dyDescent="0.2">
      <c r="B28" s="472" t="s">
        <v>25</v>
      </c>
      <c r="C28" s="293">
        <v>16</v>
      </c>
      <c r="D28" s="72">
        <v>22</v>
      </c>
      <c r="E28" s="73">
        <v>38</v>
      </c>
      <c r="F28" s="228"/>
      <c r="G28" s="72">
        <v>30</v>
      </c>
      <c r="H28" s="72">
        <v>15</v>
      </c>
      <c r="I28" s="72">
        <v>12</v>
      </c>
      <c r="J28" s="72">
        <v>11</v>
      </c>
      <c r="K28" s="72">
        <v>8</v>
      </c>
      <c r="L28" s="74">
        <v>76</v>
      </c>
      <c r="M28" s="75">
        <v>114</v>
      </c>
      <c r="N28" s="60">
        <v>0</v>
      </c>
      <c r="O28" s="61">
        <v>0</v>
      </c>
      <c r="P28" s="62">
        <v>0</v>
      </c>
      <c r="Q28" s="231"/>
      <c r="R28" s="61">
        <v>1</v>
      </c>
      <c r="S28" s="61">
        <v>1</v>
      </c>
      <c r="T28" s="61">
        <v>0</v>
      </c>
      <c r="U28" s="61">
        <v>1</v>
      </c>
      <c r="V28" s="61">
        <v>0</v>
      </c>
      <c r="W28" s="62">
        <v>3</v>
      </c>
      <c r="X28" s="63">
        <v>3</v>
      </c>
      <c r="Y28" s="60">
        <v>2</v>
      </c>
      <c r="Z28" s="61">
        <v>3</v>
      </c>
      <c r="AA28" s="62">
        <v>5</v>
      </c>
      <c r="AB28" s="231"/>
      <c r="AC28" s="61">
        <v>2</v>
      </c>
      <c r="AD28" s="61">
        <v>1</v>
      </c>
      <c r="AE28" s="61">
        <v>0</v>
      </c>
      <c r="AF28" s="61">
        <v>3</v>
      </c>
      <c r="AG28" s="61">
        <v>0</v>
      </c>
      <c r="AH28" s="62">
        <v>6</v>
      </c>
      <c r="AI28" s="63">
        <v>11</v>
      </c>
      <c r="AJ28" s="60">
        <v>1</v>
      </c>
      <c r="AK28" s="61">
        <v>4</v>
      </c>
      <c r="AL28" s="62">
        <v>5</v>
      </c>
      <c r="AM28" s="231"/>
      <c r="AN28" s="61">
        <v>6</v>
      </c>
      <c r="AO28" s="61">
        <v>1</v>
      </c>
      <c r="AP28" s="61">
        <v>0</v>
      </c>
      <c r="AQ28" s="61">
        <v>1</v>
      </c>
      <c r="AR28" s="61">
        <v>2</v>
      </c>
      <c r="AS28" s="62">
        <v>10</v>
      </c>
      <c r="AT28" s="63">
        <v>15</v>
      </c>
      <c r="AU28" s="60">
        <v>2</v>
      </c>
      <c r="AV28" s="61">
        <v>8</v>
      </c>
      <c r="AW28" s="62">
        <v>10</v>
      </c>
      <c r="AX28" s="231"/>
      <c r="AY28" s="61">
        <v>4</v>
      </c>
      <c r="AZ28" s="61">
        <v>2</v>
      </c>
      <c r="BA28" s="61">
        <v>4</v>
      </c>
      <c r="BB28" s="61">
        <v>2</v>
      </c>
      <c r="BC28" s="61">
        <v>2</v>
      </c>
      <c r="BD28" s="62">
        <v>14</v>
      </c>
      <c r="BE28" s="63">
        <v>24</v>
      </c>
      <c r="BF28" s="60">
        <v>4</v>
      </c>
      <c r="BG28" s="61">
        <v>4</v>
      </c>
      <c r="BH28" s="62">
        <v>8</v>
      </c>
      <c r="BI28" s="231"/>
      <c r="BJ28" s="61">
        <v>8</v>
      </c>
      <c r="BK28" s="61">
        <v>4</v>
      </c>
      <c r="BL28" s="61">
        <v>5</v>
      </c>
      <c r="BM28" s="61">
        <v>1</v>
      </c>
      <c r="BN28" s="61">
        <v>2</v>
      </c>
      <c r="BO28" s="62">
        <v>20</v>
      </c>
      <c r="BP28" s="63">
        <v>28</v>
      </c>
      <c r="BQ28" s="60">
        <v>7</v>
      </c>
      <c r="BR28" s="61">
        <v>3</v>
      </c>
      <c r="BS28" s="62">
        <v>10</v>
      </c>
      <c r="BT28" s="231"/>
      <c r="BU28" s="61">
        <v>9</v>
      </c>
      <c r="BV28" s="61">
        <v>6</v>
      </c>
      <c r="BW28" s="61">
        <v>3</v>
      </c>
      <c r="BX28" s="61">
        <v>3</v>
      </c>
      <c r="BY28" s="61">
        <v>2</v>
      </c>
      <c r="BZ28" s="62">
        <v>23</v>
      </c>
      <c r="CA28" s="63">
        <v>33</v>
      </c>
      <c r="CB28" s="60">
        <v>0</v>
      </c>
      <c r="CC28" s="61">
        <v>0</v>
      </c>
      <c r="CD28" s="62">
        <v>0</v>
      </c>
      <c r="CE28" s="231"/>
      <c r="CF28" s="61">
        <v>0</v>
      </c>
      <c r="CG28" s="61">
        <v>0</v>
      </c>
      <c r="CH28" s="61">
        <v>0</v>
      </c>
      <c r="CI28" s="61">
        <v>0</v>
      </c>
      <c r="CJ28" s="61">
        <v>0</v>
      </c>
      <c r="CK28" s="62">
        <v>0</v>
      </c>
      <c r="CL28" s="63">
        <v>0</v>
      </c>
      <c r="CM28" s="60">
        <v>16</v>
      </c>
      <c r="CN28" s="61">
        <v>22</v>
      </c>
      <c r="CO28" s="62">
        <v>38</v>
      </c>
      <c r="CP28" s="231"/>
      <c r="CQ28" s="61">
        <v>30</v>
      </c>
      <c r="CR28" s="61">
        <v>15</v>
      </c>
      <c r="CS28" s="61">
        <v>12</v>
      </c>
      <c r="CT28" s="61">
        <v>11</v>
      </c>
      <c r="CU28" s="61">
        <v>8</v>
      </c>
      <c r="CV28" s="62">
        <v>76</v>
      </c>
      <c r="CW28" s="63">
        <v>114</v>
      </c>
      <c r="CX28" s="113">
        <v>2</v>
      </c>
      <c r="CY28" s="72">
        <v>3</v>
      </c>
      <c r="CZ28" s="73">
        <v>5</v>
      </c>
      <c r="DA28" s="228"/>
      <c r="DB28" s="72">
        <v>4</v>
      </c>
      <c r="DC28" s="72">
        <v>1</v>
      </c>
      <c r="DD28" s="72">
        <v>0</v>
      </c>
      <c r="DE28" s="72">
        <v>0</v>
      </c>
      <c r="DF28" s="72">
        <v>1</v>
      </c>
      <c r="DG28" s="74">
        <v>6</v>
      </c>
      <c r="DH28" s="75">
        <v>11</v>
      </c>
      <c r="DI28" s="60">
        <v>0</v>
      </c>
      <c r="DJ28" s="61">
        <v>0</v>
      </c>
      <c r="DK28" s="62">
        <v>0</v>
      </c>
      <c r="DL28" s="231"/>
      <c r="DM28" s="61">
        <v>0</v>
      </c>
      <c r="DN28" s="61">
        <v>0</v>
      </c>
      <c r="DO28" s="61">
        <v>0</v>
      </c>
      <c r="DP28" s="61">
        <v>0</v>
      </c>
      <c r="DQ28" s="61">
        <v>0</v>
      </c>
      <c r="DR28" s="62">
        <v>0</v>
      </c>
      <c r="DS28" s="63">
        <v>0</v>
      </c>
      <c r="DT28" s="60">
        <v>0</v>
      </c>
      <c r="DU28" s="61">
        <v>0</v>
      </c>
      <c r="DV28" s="62">
        <v>0</v>
      </c>
      <c r="DW28" s="231"/>
      <c r="DX28" s="61">
        <v>0</v>
      </c>
      <c r="DY28" s="61">
        <v>0</v>
      </c>
      <c r="DZ28" s="61">
        <v>0</v>
      </c>
      <c r="EA28" s="61">
        <v>0</v>
      </c>
      <c r="EB28" s="61">
        <v>0</v>
      </c>
      <c r="EC28" s="62">
        <v>0</v>
      </c>
      <c r="ED28" s="63">
        <v>0</v>
      </c>
      <c r="EE28" s="60">
        <v>0</v>
      </c>
      <c r="EF28" s="61">
        <v>0</v>
      </c>
      <c r="EG28" s="62">
        <v>0</v>
      </c>
      <c r="EH28" s="231"/>
      <c r="EI28" s="61">
        <v>0</v>
      </c>
      <c r="EJ28" s="61">
        <v>0</v>
      </c>
      <c r="EK28" s="61">
        <v>0</v>
      </c>
      <c r="EL28" s="61">
        <v>0</v>
      </c>
      <c r="EM28" s="61">
        <v>1</v>
      </c>
      <c r="EN28" s="62">
        <v>1</v>
      </c>
      <c r="EO28" s="63">
        <v>1</v>
      </c>
      <c r="EP28" s="60">
        <v>0</v>
      </c>
      <c r="EQ28" s="61">
        <v>1</v>
      </c>
      <c r="ER28" s="62">
        <v>1</v>
      </c>
      <c r="ES28" s="231"/>
      <c r="ET28" s="61">
        <v>0</v>
      </c>
      <c r="EU28" s="61">
        <v>1</v>
      </c>
      <c r="EV28" s="61">
        <v>0</v>
      </c>
      <c r="EW28" s="61">
        <v>0</v>
      </c>
      <c r="EX28" s="61">
        <v>0</v>
      </c>
      <c r="EY28" s="62">
        <v>1</v>
      </c>
      <c r="EZ28" s="63">
        <v>2</v>
      </c>
      <c r="FA28" s="60">
        <v>0</v>
      </c>
      <c r="FB28" s="61">
        <v>1</v>
      </c>
      <c r="FC28" s="62">
        <v>1</v>
      </c>
      <c r="FD28" s="231"/>
      <c r="FE28" s="61">
        <v>2</v>
      </c>
      <c r="FF28" s="61">
        <v>0</v>
      </c>
      <c r="FG28" s="61">
        <v>0</v>
      </c>
      <c r="FH28" s="61">
        <v>0</v>
      </c>
      <c r="FI28" s="61">
        <v>0</v>
      </c>
      <c r="FJ28" s="62">
        <v>2</v>
      </c>
      <c r="FK28" s="63">
        <v>3</v>
      </c>
      <c r="FL28" s="60">
        <v>2</v>
      </c>
      <c r="FM28" s="61">
        <v>1</v>
      </c>
      <c r="FN28" s="62">
        <v>3</v>
      </c>
      <c r="FO28" s="231"/>
      <c r="FP28" s="61">
        <v>2</v>
      </c>
      <c r="FQ28" s="61">
        <v>0</v>
      </c>
      <c r="FR28" s="61">
        <v>0</v>
      </c>
      <c r="FS28" s="61">
        <v>0</v>
      </c>
      <c r="FT28" s="61">
        <v>0</v>
      </c>
      <c r="FU28" s="62">
        <v>2</v>
      </c>
      <c r="FV28" s="63">
        <v>5</v>
      </c>
      <c r="FW28" s="60">
        <v>0</v>
      </c>
      <c r="FX28" s="61">
        <v>0</v>
      </c>
      <c r="FY28" s="62">
        <v>0</v>
      </c>
      <c r="FZ28" s="231"/>
      <c r="GA28" s="61">
        <v>0</v>
      </c>
      <c r="GB28" s="61">
        <v>0</v>
      </c>
      <c r="GC28" s="61">
        <v>0</v>
      </c>
      <c r="GD28" s="61">
        <v>0</v>
      </c>
      <c r="GE28" s="61">
        <v>0</v>
      </c>
      <c r="GF28" s="62">
        <v>0</v>
      </c>
      <c r="GG28" s="63">
        <v>0</v>
      </c>
      <c r="GH28" s="60">
        <v>2</v>
      </c>
      <c r="GI28" s="61">
        <v>3</v>
      </c>
      <c r="GJ28" s="62">
        <v>5</v>
      </c>
      <c r="GK28" s="231"/>
      <c r="GL28" s="61">
        <v>4</v>
      </c>
      <c r="GM28" s="61">
        <v>1</v>
      </c>
      <c r="GN28" s="61">
        <v>0</v>
      </c>
      <c r="GO28" s="61">
        <v>0</v>
      </c>
      <c r="GP28" s="61">
        <v>1</v>
      </c>
      <c r="GQ28" s="62">
        <v>6</v>
      </c>
      <c r="GR28" s="63">
        <v>11</v>
      </c>
      <c r="GS28" s="113">
        <v>18</v>
      </c>
      <c r="GT28" s="72">
        <v>25</v>
      </c>
      <c r="GU28" s="73">
        <v>43</v>
      </c>
      <c r="GV28" s="228"/>
      <c r="GW28" s="72">
        <v>34</v>
      </c>
      <c r="GX28" s="72">
        <v>16</v>
      </c>
      <c r="GY28" s="72">
        <v>12</v>
      </c>
      <c r="GZ28" s="72">
        <v>11</v>
      </c>
      <c r="HA28" s="72">
        <v>9</v>
      </c>
      <c r="HB28" s="74">
        <v>82</v>
      </c>
      <c r="HC28" s="75">
        <v>125</v>
      </c>
      <c r="HD28" s="60">
        <v>0</v>
      </c>
      <c r="HE28" s="61">
        <v>0</v>
      </c>
      <c r="HF28" s="62">
        <v>0</v>
      </c>
      <c r="HG28" s="231"/>
      <c r="HH28" s="61">
        <v>1</v>
      </c>
      <c r="HI28" s="61">
        <v>1</v>
      </c>
      <c r="HJ28" s="61">
        <v>0</v>
      </c>
      <c r="HK28" s="61">
        <v>1</v>
      </c>
      <c r="HL28" s="61">
        <v>0</v>
      </c>
      <c r="HM28" s="62">
        <v>3</v>
      </c>
      <c r="HN28" s="63">
        <v>3</v>
      </c>
      <c r="HO28" s="60">
        <v>2</v>
      </c>
      <c r="HP28" s="61">
        <v>3</v>
      </c>
      <c r="HQ28" s="62">
        <v>5</v>
      </c>
      <c r="HR28" s="231"/>
      <c r="HS28" s="61">
        <v>2</v>
      </c>
      <c r="HT28" s="61">
        <v>1</v>
      </c>
      <c r="HU28" s="61">
        <v>0</v>
      </c>
      <c r="HV28" s="61">
        <v>3</v>
      </c>
      <c r="HW28" s="61">
        <v>0</v>
      </c>
      <c r="HX28" s="62">
        <v>6</v>
      </c>
      <c r="HY28" s="63">
        <v>11</v>
      </c>
      <c r="HZ28" s="60">
        <v>1</v>
      </c>
      <c r="IA28" s="61">
        <v>4</v>
      </c>
      <c r="IB28" s="62">
        <v>5</v>
      </c>
      <c r="IC28" s="231"/>
      <c r="ID28" s="61">
        <v>6</v>
      </c>
      <c r="IE28" s="61">
        <v>1</v>
      </c>
      <c r="IF28" s="61">
        <v>0</v>
      </c>
      <c r="IG28" s="61">
        <v>1</v>
      </c>
      <c r="IH28" s="61">
        <v>3</v>
      </c>
      <c r="II28" s="62">
        <v>11</v>
      </c>
      <c r="IJ28" s="63">
        <v>16</v>
      </c>
      <c r="IK28" s="60">
        <v>2</v>
      </c>
      <c r="IL28" s="61">
        <v>9</v>
      </c>
      <c r="IM28" s="62">
        <v>11</v>
      </c>
      <c r="IN28" s="231"/>
      <c r="IO28" s="61">
        <v>4</v>
      </c>
      <c r="IP28" s="61">
        <v>3</v>
      </c>
      <c r="IQ28" s="61">
        <v>4</v>
      </c>
      <c r="IR28" s="61">
        <v>2</v>
      </c>
      <c r="IS28" s="61">
        <v>2</v>
      </c>
      <c r="IT28" s="62">
        <v>15</v>
      </c>
      <c r="IU28" s="63">
        <v>26</v>
      </c>
      <c r="IV28" s="60">
        <v>4</v>
      </c>
      <c r="IW28" s="61">
        <v>5</v>
      </c>
      <c r="IX28" s="62">
        <v>9</v>
      </c>
      <c r="IY28" s="231"/>
      <c r="IZ28" s="61">
        <v>10</v>
      </c>
      <c r="JA28" s="61">
        <v>4</v>
      </c>
      <c r="JB28" s="61">
        <v>5</v>
      </c>
      <c r="JC28" s="61">
        <v>1</v>
      </c>
      <c r="JD28" s="61">
        <v>2</v>
      </c>
      <c r="JE28" s="62">
        <v>22</v>
      </c>
      <c r="JF28" s="63">
        <v>31</v>
      </c>
      <c r="JG28" s="60">
        <v>9</v>
      </c>
      <c r="JH28" s="61">
        <v>4</v>
      </c>
      <c r="JI28" s="62">
        <v>13</v>
      </c>
      <c r="JJ28" s="231"/>
      <c r="JK28" s="61">
        <v>11</v>
      </c>
      <c r="JL28" s="61">
        <v>6</v>
      </c>
      <c r="JM28" s="61">
        <v>3</v>
      </c>
      <c r="JN28" s="61">
        <v>3</v>
      </c>
      <c r="JO28" s="61">
        <v>2</v>
      </c>
      <c r="JP28" s="62">
        <v>25</v>
      </c>
      <c r="JQ28" s="63">
        <v>38</v>
      </c>
      <c r="JR28" s="60">
        <v>0</v>
      </c>
      <c r="JS28" s="61">
        <v>0</v>
      </c>
      <c r="JT28" s="62">
        <v>0</v>
      </c>
      <c r="JU28" s="231"/>
      <c r="JV28" s="61">
        <v>0</v>
      </c>
      <c r="JW28" s="61">
        <v>0</v>
      </c>
      <c r="JX28" s="61">
        <v>0</v>
      </c>
      <c r="JY28" s="61">
        <v>0</v>
      </c>
      <c r="JZ28" s="61">
        <v>0</v>
      </c>
      <c r="KA28" s="62">
        <v>0</v>
      </c>
      <c r="KB28" s="63">
        <v>0</v>
      </c>
      <c r="KC28" s="60">
        <v>18</v>
      </c>
      <c r="KD28" s="61">
        <v>25</v>
      </c>
      <c r="KE28" s="62">
        <v>43</v>
      </c>
      <c r="KF28" s="231"/>
      <c r="KG28" s="61">
        <v>34</v>
      </c>
      <c r="KH28" s="61">
        <v>16</v>
      </c>
      <c r="KI28" s="61">
        <v>12</v>
      </c>
      <c r="KJ28" s="61">
        <v>11</v>
      </c>
      <c r="KK28" s="61">
        <v>9</v>
      </c>
      <c r="KL28" s="62">
        <v>82</v>
      </c>
      <c r="KM28" s="63">
        <v>125</v>
      </c>
    </row>
    <row r="29" spans="2:299" ht="21" customHeight="1" x14ac:dyDescent="0.2">
      <c r="B29" s="472" t="s">
        <v>26</v>
      </c>
      <c r="C29" s="293">
        <v>19</v>
      </c>
      <c r="D29" s="72">
        <v>14</v>
      </c>
      <c r="E29" s="73">
        <v>33</v>
      </c>
      <c r="F29" s="228"/>
      <c r="G29" s="72">
        <v>23</v>
      </c>
      <c r="H29" s="72">
        <v>21</v>
      </c>
      <c r="I29" s="72">
        <v>18</v>
      </c>
      <c r="J29" s="72">
        <v>11</v>
      </c>
      <c r="K29" s="72">
        <v>6</v>
      </c>
      <c r="L29" s="74">
        <v>79</v>
      </c>
      <c r="M29" s="75">
        <v>112</v>
      </c>
      <c r="N29" s="60">
        <v>0</v>
      </c>
      <c r="O29" s="61">
        <v>0</v>
      </c>
      <c r="P29" s="62">
        <v>0</v>
      </c>
      <c r="Q29" s="231"/>
      <c r="R29" s="61">
        <v>0</v>
      </c>
      <c r="S29" s="61">
        <v>0</v>
      </c>
      <c r="T29" s="61">
        <v>0</v>
      </c>
      <c r="U29" s="61">
        <v>0</v>
      </c>
      <c r="V29" s="61">
        <v>0</v>
      </c>
      <c r="W29" s="62">
        <v>0</v>
      </c>
      <c r="X29" s="63">
        <v>0</v>
      </c>
      <c r="Y29" s="60">
        <v>0</v>
      </c>
      <c r="Z29" s="61">
        <v>0</v>
      </c>
      <c r="AA29" s="62">
        <v>0</v>
      </c>
      <c r="AB29" s="231"/>
      <c r="AC29" s="61">
        <v>1</v>
      </c>
      <c r="AD29" s="61">
        <v>1</v>
      </c>
      <c r="AE29" s="61">
        <v>0</v>
      </c>
      <c r="AF29" s="61">
        <v>0</v>
      </c>
      <c r="AG29" s="61">
        <v>0</v>
      </c>
      <c r="AH29" s="62">
        <v>2</v>
      </c>
      <c r="AI29" s="63">
        <v>2</v>
      </c>
      <c r="AJ29" s="60">
        <v>0</v>
      </c>
      <c r="AK29" s="61">
        <v>2</v>
      </c>
      <c r="AL29" s="62">
        <v>2</v>
      </c>
      <c r="AM29" s="231"/>
      <c r="AN29" s="61">
        <v>1</v>
      </c>
      <c r="AO29" s="61">
        <v>0</v>
      </c>
      <c r="AP29" s="61">
        <v>2</v>
      </c>
      <c r="AQ29" s="61">
        <v>0</v>
      </c>
      <c r="AR29" s="61">
        <v>0</v>
      </c>
      <c r="AS29" s="62">
        <v>3</v>
      </c>
      <c r="AT29" s="63">
        <v>5</v>
      </c>
      <c r="AU29" s="60">
        <v>3</v>
      </c>
      <c r="AV29" s="61">
        <v>6</v>
      </c>
      <c r="AW29" s="62">
        <v>9</v>
      </c>
      <c r="AX29" s="231"/>
      <c r="AY29" s="61">
        <v>6</v>
      </c>
      <c r="AZ29" s="61">
        <v>7</v>
      </c>
      <c r="BA29" s="61">
        <v>4</v>
      </c>
      <c r="BB29" s="61">
        <v>3</v>
      </c>
      <c r="BC29" s="61">
        <v>0</v>
      </c>
      <c r="BD29" s="62">
        <v>20</v>
      </c>
      <c r="BE29" s="63">
        <v>29</v>
      </c>
      <c r="BF29" s="60">
        <v>5</v>
      </c>
      <c r="BG29" s="61">
        <v>3</v>
      </c>
      <c r="BH29" s="62">
        <v>8</v>
      </c>
      <c r="BI29" s="231"/>
      <c r="BJ29" s="61">
        <v>9</v>
      </c>
      <c r="BK29" s="61">
        <v>8</v>
      </c>
      <c r="BL29" s="61">
        <v>9</v>
      </c>
      <c r="BM29" s="61">
        <v>4</v>
      </c>
      <c r="BN29" s="61">
        <v>4</v>
      </c>
      <c r="BO29" s="62">
        <v>34</v>
      </c>
      <c r="BP29" s="63">
        <v>42</v>
      </c>
      <c r="BQ29" s="60">
        <v>11</v>
      </c>
      <c r="BR29" s="61">
        <v>3</v>
      </c>
      <c r="BS29" s="62">
        <v>14</v>
      </c>
      <c r="BT29" s="231"/>
      <c r="BU29" s="61">
        <v>6</v>
      </c>
      <c r="BV29" s="61">
        <v>5</v>
      </c>
      <c r="BW29" s="61">
        <v>3</v>
      </c>
      <c r="BX29" s="61">
        <v>4</v>
      </c>
      <c r="BY29" s="61">
        <v>2</v>
      </c>
      <c r="BZ29" s="62">
        <v>20</v>
      </c>
      <c r="CA29" s="63">
        <v>34</v>
      </c>
      <c r="CB29" s="60">
        <v>0</v>
      </c>
      <c r="CC29" s="61">
        <v>0</v>
      </c>
      <c r="CD29" s="62">
        <v>0</v>
      </c>
      <c r="CE29" s="231"/>
      <c r="CF29" s="61">
        <v>0</v>
      </c>
      <c r="CG29" s="61">
        <v>0</v>
      </c>
      <c r="CH29" s="61">
        <v>0</v>
      </c>
      <c r="CI29" s="61">
        <v>0</v>
      </c>
      <c r="CJ29" s="61">
        <v>0</v>
      </c>
      <c r="CK29" s="62">
        <v>0</v>
      </c>
      <c r="CL29" s="63">
        <v>0</v>
      </c>
      <c r="CM29" s="60">
        <v>19</v>
      </c>
      <c r="CN29" s="61">
        <v>14</v>
      </c>
      <c r="CO29" s="62">
        <v>33</v>
      </c>
      <c r="CP29" s="231"/>
      <c r="CQ29" s="61">
        <v>23</v>
      </c>
      <c r="CR29" s="61">
        <v>21</v>
      </c>
      <c r="CS29" s="61">
        <v>18</v>
      </c>
      <c r="CT29" s="61">
        <v>11</v>
      </c>
      <c r="CU29" s="61">
        <v>6</v>
      </c>
      <c r="CV29" s="62">
        <v>79</v>
      </c>
      <c r="CW29" s="63">
        <v>112</v>
      </c>
      <c r="CX29" s="113">
        <v>4</v>
      </c>
      <c r="CY29" s="72">
        <v>2</v>
      </c>
      <c r="CZ29" s="73">
        <v>6</v>
      </c>
      <c r="DA29" s="228"/>
      <c r="DB29" s="72">
        <v>4</v>
      </c>
      <c r="DC29" s="72">
        <v>2</v>
      </c>
      <c r="DD29" s="72">
        <v>3</v>
      </c>
      <c r="DE29" s="72">
        <v>1</v>
      </c>
      <c r="DF29" s="72">
        <v>0</v>
      </c>
      <c r="DG29" s="74">
        <v>10</v>
      </c>
      <c r="DH29" s="75">
        <v>16</v>
      </c>
      <c r="DI29" s="60">
        <v>0</v>
      </c>
      <c r="DJ29" s="61">
        <v>0</v>
      </c>
      <c r="DK29" s="62">
        <v>0</v>
      </c>
      <c r="DL29" s="231"/>
      <c r="DM29" s="61">
        <v>1</v>
      </c>
      <c r="DN29" s="61">
        <v>0</v>
      </c>
      <c r="DO29" s="61">
        <v>0</v>
      </c>
      <c r="DP29" s="61">
        <v>1</v>
      </c>
      <c r="DQ29" s="61">
        <v>0</v>
      </c>
      <c r="DR29" s="62">
        <v>2</v>
      </c>
      <c r="DS29" s="63">
        <v>2</v>
      </c>
      <c r="DT29" s="60">
        <v>2</v>
      </c>
      <c r="DU29" s="61">
        <v>0</v>
      </c>
      <c r="DV29" s="62">
        <v>2</v>
      </c>
      <c r="DW29" s="231"/>
      <c r="DX29" s="61">
        <v>0</v>
      </c>
      <c r="DY29" s="61">
        <v>0</v>
      </c>
      <c r="DZ29" s="61">
        <v>0</v>
      </c>
      <c r="EA29" s="61">
        <v>0</v>
      </c>
      <c r="EB29" s="61">
        <v>0</v>
      </c>
      <c r="EC29" s="62">
        <v>0</v>
      </c>
      <c r="ED29" s="63">
        <v>2</v>
      </c>
      <c r="EE29" s="60">
        <v>1</v>
      </c>
      <c r="EF29" s="61">
        <v>0</v>
      </c>
      <c r="EG29" s="62">
        <v>1</v>
      </c>
      <c r="EH29" s="231"/>
      <c r="EI29" s="61">
        <v>0</v>
      </c>
      <c r="EJ29" s="61">
        <v>0</v>
      </c>
      <c r="EK29" s="61">
        <v>0</v>
      </c>
      <c r="EL29" s="61">
        <v>0</v>
      </c>
      <c r="EM29" s="61">
        <v>0</v>
      </c>
      <c r="EN29" s="62">
        <v>0</v>
      </c>
      <c r="EO29" s="63">
        <v>1</v>
      </c>
      <c r="EP29" s="60">
        <v>0</v>
      </c>
      <c r="EQ29" s="61">
        <v>0</v>
      </c>
      <c r="ER29" s="62">
        <v>0</v>
      </c>
      <c r="ES29" s="231"/>
      <c r="ET29" s="61">
        <v>1</v>
      </c>
      <c r="EU29" s="61">
        <v>0</v>
      </c>
      <c r="EV29" s="61">
        <v>0</v>
      </c>
      <c r="EW29" s="61">
        <v>0</v>
      </c>
      <c r="EX29" s="61">
        <v>0</v>
      </c>
      <c r="EY29" s="62">
        <v>1</v>
      </c>
      <c r="EZ29" s="63">
        <v>1</v>
      </c>
      <c r="FA29" s="60">
        <v>0</v>
      </c>
      <c r="FB29" s="61">
        <v>0</v>
      </c>
      <c r="FC29" s="62">
        <v>0</v>
      </c>
      <c r="FD29" s="231"/>
      <c r="FE29" s="61">
        <v>1</v>
      </c>
      <c r="FF29" s="61">
        <v>1</v>
      </c>
      <c r="FG29" s="61">
        <v>0</v>
      </c>
      <c r="FH29" s="61">
        <v>0</v>
      </c>
      <c r="FI29" s="61">
        <v>0</v>
      </c>
      <c r="FJ29" s="62">
        <v>2</v>
      </c>
      <c r="FK29" s="63">
        <v>2</v>
      </c>
      <c r="FL29" s="60">
        <v>1</v>
      </c>
      <c r="FM29" s="61">
        <v>2</v>
      </c>
      <c r="FN29" s="62">
        <v>3</v>
      </c>
      <c r="FO29" s="231"/>
      <c r="FP29" s="61">
        <v>1</v>
      </c>
      <c r="FQ29" s="61">
        <v>1</v>
      </c>
      <c r="FR29" s="61">
        <v>3</v>
      </c>
      <c r="FS29" s="61">
        <v>0</v>
      </c>
      <c r="FT29" s="61">
        <v>0</v>
      </c>
      <c r="FU29" s="62">
        <v>5</v>
      </c>
      <c r="FV29" s="63">
        <v>8</v>
      </c>
      <c r="FW29" s="60">
        <v>0</v>
      </c>
      <c r="FX29" s="61">
        <v>0</v>
      </c>
      <c r="FY29" s="62">
        <v>0</v>
      </c>
      <c r="FZ29" s="231"/>
      <c r="GA29" s="61">
        <v>0</v>
      </c>
      <c r="GB29" s="61">
        <v>0</v>
      </c>
      <c r="GC29" s="61">
        <v>0</v>
      </c>
      <c r="GD29" s="61">
        <v>0</v>
      </c>
      <c r="GE29" s="61">
        <v>0</v>
      </c>
      <c r="GF29" s="62">
        <v>0</v>
      </c>
      <c r="GG29" s="63">
        <v>0</v>
      </c>
      <c r="GH29" s="60">
        <v>4</v>
      </c>
      <c r="GI29" s="61">
        <v>2</v>
      </c>
      <c r="GJ29" s="62">
        <v>6</v>
      </c>
      <c r="GK29" s="231"/>
      <c r="GL29" s="61">
        <v>4</v>
      </c>
      <c r="GM29" s="61">
        <v>2</v>
      </c>
      <c r="GN29" s="61">
        <v>3</v>
      </c>
      <c r="GO29" s="61">
        <v>1</v>
      </c>
      <c r="GP29" s="61">
        <v>0</v>
      </c>
      <c r="GQ29" s="62">
        <v>10</v>
      </c>
      <c r="GR29" s="63">
        <v>16</v>
      </c>
      <c r="GS29" s="113">
        <v>23</v>
      </c>
      <c r="GT29" s="72">
        <v>16</v>
      </c>
      <c r="GU29" s="73">
        <v>39</v>
      </c>
      <c r="GV29" s="228"/>
      <c r="GW29" s="72">
        <v>27</v>
      </c>
      <c r="GX29" s="72">
        <v>23</v>
      </c>
      <c r="GY29" s="72">
        <v>21</v>
      </c>
      <c r="GZ29" s="72">
        <v>12</v>
      </c>
      <c r="HA29" s="72">
        <v>6</v>
      </c>
      <c r="HB29" s="74">
        <v>89</v>
      </c>
      <c r="HC29" s="75">
        <v>128</v>
      </c>
      <c r="HD29" s="60">
        <v>0</v>
      </c>
      <c r="HE29" s="61">
        <v>0</v>
      </c>
      <c r="HF29" s="62">
        <v>0</v>
      </c>
      <c r="HG29" s="231"/>
      <c r="HH29" s="61">
        <v>1</v>
      </c>
      <c r="HI29" s="61">
        <v>0</v>
      </c>
      <c r="HJ29" s="61">
        <v>0</v>
      </c>
      <c r="HK29" s="61">
        <v>1</v>
      </c>
      <c r="HL29" s="61">
        <v>0</v>
      </c>
      <c r="HM29" s="62">
        <v>2</v>
      </c>
      <c r="HN29" s="63">
        <v>2</v>
      </c>
      <c r="HO29" s="60">
        <v>2</v>
      </c>
      <c r="HP29" s="61">
        <v>0</v>
      </c>
      <c r="HQ29" s="62">
        <v>2</v>
      </c>
      <c r="HR29" s="231"/>
      <c r="HS29" s="61">
        <v>1</v>
      </c>
      <c r="HT29" s="61">
        <v>1</v>
      </c>
      <c r="HU29" s="61">
        <v>0</v>
      </c>
      <c r="HV29" s="61">
        <v>0</v>
      </c>
      <c r="HW29" s="61">
        <v>0</v>
      </c>
      <c r="HX29" s="62">
        <v>2</v>
      </c>
      <c r="HY29" s="63">
        <v>4</v>
      </c>
      <c r="HZ29" s="60">
        <v>1</v>
      </c>
      <c r="IA29" s="61">
        <v>2</v>
      </c>
      <c r="IB29" s="62">
        <v>3</v>
      </c>
      <c r="IC29" s="231"/>
      <c r="ID29" s="61">
        <v>1</v>
      </c>
      <c r="IE29" s="61">
        <v>0</v>
      </c>
      <c r="IF29" s="61">
        <v>2</v>
      </c>
      <c r="IG29" s="61">
        <v>0</v>
      </c>
      <c r="IH29" s="61">
        <v>0</v>
      </c>
      <c r="II29" s="62">
        <v>3</v>
      </c>
      <c r="IJ29" s="63">
        <v>6</v>
      </c>
      <c r="IK29" s="60">
        <v>3</v>
      </c>
      <c r="IL29" s="61">
        <v>6</v>
      </c>
      <c r="IM29" s="62">
        <v>9</v>
      </c>
      <c r="IN29" s="231"/>
      <c r="IO29" s="61">
        <v>7</v>
      </c>
      <c r="IP29" s="61">
        <v>7</v>
      </c>
      <c r="IQ29" s="61">
        <v>4</v>
      </c>
      <c r="IR29" s="61">
        <v>3</v>
      </c>
      <c r="IS29" s="61">
        <v>0</v>
      </c>
      <c r="IT29" s="62">
        <v>21</v>
      </c>
      <c r="IU29" s="63">
        <v>30</v>
      </c>
      <c r="IV29" s="60">
        <v>5</v>
      </c>
      <c r="IW29" s="61">
        <v>3</v>
      </c>
      <c r="IX29" s="62">
        <v>8</v>
      </c>
      <c r="IY29" s="231"/>
      <c r="IZ29" s="61">
        <v>10</v>
      </c>
      <c r="JA29" s="61">
        <v>9</v>
      </c>
      <c r="JB29" s="61">
        <v>9</v>
      </c>
      <c r="JC29" s="61">
        <v>4</v>
      </c>
      <c r="JD29" s="61">
        <v>4</v>
      </c>
      <c r="JE29" s="62">
        <v>36</v>
      </c>
      <c r="JF29" s="63">
        <v>44</v>
      </c>
      <c r="JG29" s="60">
        <v>12</v>
      </c>
      <c r="JH29" s="61">
        <v>5</v>
      </c>
      <c r="JI29" s="62">
        <v>17</v>
      </c>
      <c r="JJ29" s="231"/>
      <c r="JK29" s="61">
        <v>7</v>
      </c>
      <c r="JL29" s="61">
        <v>6</v>
      </c>
      <c r="JM29" s="61">
        <v>6</v>
      </c>
      <c r="JN29" s="61">
        <v>4</v>
      </c>
      <c r="JO29" s="61">
        <v>2</v>
      </c>
      <c r="JP29" s="62">
        <v>25</v>
      </c>
      <c r="JQ29" s="63">
        <v>42</v>
      </c>
      <c r="JR29" s="60">
        <v>0</v>
      </c>
      <c r="JS29" s="61">
        <v>0</v>
      </c>
      <c r="JT29" s="62">
        <v>0</v>
      </c>
      <c r="JU29" s="231"/>
      <c r="JV29" s="61">
        <v>0</v>
      </c>
      <c r="JW29" s="61">
        <v>0</v>
      </c>
      <c r="JX29" s="61">
        <v>0</v>
      </c>
      <c r="JY29" s="61">
        <v>0</v>
      </c>
      <c r="JZ29" s="61">
        <v>0</v>
      </c>
      <c r="KA29" s="62">
        <v>0</v>
      </c>
      <c r="KB29" s="63">
        <v>0</v>
      </c>
      <c r="KC29" s="60">
        <v>23</v>
      </c>
      <c r="KD29" s="61">
        <v>16</v>
      </c>
      <c r="KE29" s="62">
        <v>39</v>
      </c>
      <c r="KF29" s="231"/>
      <c r="KG29" s="61">
        <v>27</v>
      </c>
      <c r="KH29" s="61">
        <v>23</v>
      </c>
      <c r="KI29" s="61">
        <v>21</v>
      </c>
      <c r="KJ29" s="61">
        <v>12</v>
      </c>
      <c r="KK29" s="61">
        <v>6</v>
      </c>
      <c r="KL29" s="62">
        <v>89</v>
      </c>
      <c r="KM29" s="63">
        <v>128</v>
      </c>
    </row>
    <row r="30" spans="2:299" ht="21" customHeight="1" x14ac:dyDescent="0.2">
      <c r="B30" s="472" t="s">
        <v>27</v>
      </c>
      <c r="C30" s="293">
        <v>23</v>
      </c>
      <c r="D30" s="72">
        <v>23</v>
      </c>
      <c r="E30" s="73">
        <v>46</v>
      </c>
      <c r="F30" s="228"/>
      <c r="G30" s="72">
        <v>19</v>
      </c>
      <c r="H30" s="72">
        <v>19</v>
      </c>
      <c r="I30" s="72">
        <v>11</v>
      </c>
      <c r="J30" s="72">
        <v>13</v>
      </c>
      <c r="K30" s="72">
        <v>6</v>
      </c>
      <c r="L30" s="74">
        <v>68</v>
      </c>
      <c r="M30" s="75">
        <v>114</v>
      </c>
      <c r="N30" s="60">
        <v>0</v>
      </c>
      <c r="O30" s="61">
        <v>0</v>
      </c>
      <c r="P30" s="62">
        <v>0</v>
      </c>
      <c r="Q30" s="231"/>
      <c r="R30" s="61">
        <v>0</v>
      </c>
      <c r="S30" s="61">
        <v>1</v>
      </c>
      <c r="T30" s="61">
        <v>0</v>
      </c>
      <c r="U30" s="61">
        <v>0</v>
      </c>
      <c r="V30" s="61">
        <v>0</v>
      </c>
      <c r="W30" s="62">
        <v>1</v>
      </c>
      <c r="X30" s="63">
        <v>1</v>
      </c>
      <c r="Y30" s="60">
        <v>0</v>
      </c>
      <c r="Z30" s="61">
        <v>2</v>
      </c>
      <c r="AA30" s="62">
        <v>2</v>
      </c>
      <c r="AB30" s="231"/>
      <c r="AC30" s="61">
        <v>2</v>
      </c>
      <c r="AD30" s="61">
        <v>0</v>
      </c>
      <c r="AE30" s="61">
        <v>0</v>
      </c>
      <c r="AF30" s="61">
        <v>0</v>
      </c>
      <c r="AG30" s="61">
        <v>0</v>
      </c>
      <c r="AH30" s="62">
        <v>2</v>
      </c>
      <c r="AI30" s="63">
        <v>4</v>
      </c>
      <c r="AJ30" s="60">
        <v>1</v>
      </c>
      <c r="AK30" s="61">
        <v>4</v>
      </c>
      <c r="AL30" s="62">
        <v>5</v>
      </c>
      <c r="AM30" s="231"/>
      <c r="AN30" s="61">
        <v>0</v>
      </c>
      <c r="AO30" s="61">
        <v>1</v>
      </c>
      <c r="AP30" s="61">
        <v>0</v>
      </c>
      <c r="AQ30" s="61">
        <v>0</v>
      </c>
      <c r="AR30" s="61">
        <v>1</v>
      </c>
      <c r="AS30" s="62">
        <v>2</v>
      </c>
      <c r="AT30" s="63">
        <v>7</v>
      </c>
      <c r="AU30" s="60">
        <v>8</v>
      </c>
      <c r="AV30" s="61">
        <v>4</v>
      </c>
      <c r="AW30" s="62">
        <v>12</v>
      </c>
      <c r="AX30" s="231"/>
      <c r="AY30" s="61">
        <v>4</v>
      </c>
      <c r="AZ30" s="61">
        <v>5</v>
      </c>
      <c r="BA30" s="61">
        <v>4</v>
      </c>
      <c r="BB30" s="61">
        <v>0</v>
      </c>
      <c r="BC30" s="61">
        <v>1</v>
      </c>
      <c r="BD30" s="62">
        <v>14</v>
      </c>
      <c r="BE30" s="63">
        <v>26</v>
      </c>
      <c r="BF30" s="60">
        <v>6</v>
      </c>
      <c r="BG30" s="61">
        <v>4</v>
      </c>
      <c r="BH30" s="62">
        <v>10</v>
      </c>
      <c r="BI30" s="231"/>
      <c r="BJ30" s="61">
        <v>4</v>
      </c>
      <c r="BK30" s="61">
        <v>4</v>
      </c>
      <c r="BL30" s="61">
        <v>4</v>
      </c>
      <c r="BM30" s="61">
        <v>5</v>
      </c>
      <c r="BN30" s="61">
        <v>2</v>
      </c>
      <c r="BO30" s="62">
        <v>19</v>
      </c>
      <c r="BP30" s="63">
        <v>29</v>
      </c>
      <c r="BQ30" s="60">
        <v>8</v>
      </c>
      <c r="BR30" s="61">
        <v>9</v>
      </c>
      <c r="BS30" s="62">
        <v>17</v>
      </c>
      <c r="BT30" s="231"/>
      <c r="BU30" s="61">
        <v>9</v>
      </c>
      <c r="BV30" s="61">
        <v>8</v>
      </c>
      <c r="BW30" s="61">
        <v>3</v>
      </c>
      <c r="BX30" s="61">
        <v>8</v>
      </c>
      <c r="BY30" s="61">
        <v>2</v>
      </c>
      <c r="BZ30" s="62">
        <v>30</v>
      </c>
      <c r="CA30" s="63">
        <v>47</v>
      </c>
      <c r="CB30" s="60">
        <v>0</v>
      </c>
      <c r="CC30" s="61">
        <v>0</v>
      </c>
      <c r="CD30" s="62">
        <v>0</v>
      </c>
      <c r="CE30" s="231"/>
      <c r="CF30" s="61">
        <v>0</v>
      </c>
      <c r="CG30" s="61">
        <v>0</v>
      </c>
      <c r="CH30" s="61">
        <v>0</v>
      </c>
      <c r="CI30" s="61">
        <v>0</v>
      </c>
      <c r="CJ30" s="61">
        <v>0</v>
      </c>
      <c r="CK30" s="62">
        <v>0</v>
      </c>
      <c r="CL30" s="63">
        <v>0</v>
      </c>
      <c r="CM30" s="60">
        <v>23</v>
      </c>
      <c r="CN30" s="61">
        <v>23</v>
      </c>
      <c r="CO30" s="62">
        <v>46</v>
      </c>
      <c r="CP30" s="231"/>
      <c r="CQ30" s="61">
        <v>19</v>
      </c>
      <c r="CR30" s="61">
        <v>19</v>
      </c>
      <c r="CS30" s="61">
        <v>11</v>
      </c>
      <c r="CT30" s="61">
        <v>13</v>
      </c>
      <c r="CU30" s="61">
        <v>6</v>
      </c>
      <c r="CV30" s="62">
        <v>68</v>
      </c>
      <c r="CW30" s="63">
        <v>114</v>
      </c>
      <c r="CX30" s="113">
        <v>1</v>
      </c>
      <c r="CY30" s="72">
        <v>5</v>
      </c>
      <c r="CZ30" s="73">
        <v>6</v>
      </c>
      <c r="DA30" s="228"/>
      <c r="DB30" s="72">
        <v>3</v>
      </c>
      <c r="DC30" s="72">
        <v>2</v>
      </c>
      <c r="DD30" s="72">
        <v>2</v>
      </c>
      <c r="DE30" s="72">
        <v>2</v>
      </c>
      <c r="DF30" s="72">
        <v>1</v>
      </c>
      <c r="DG30" s="74">
        <v>10</v>
      </c>
      <c r="DH30" s="75">
        <v>16</v>
      </c>
      <c r="DI30" s="60">
        <v>0</v>
      </c>
      <c r="DJ30" s="61">
        <v>0</v>
      </c>
      <c r="DK30" s="62">
        <v>0</v>
      </c>
      <c r="DL30" s="231"/>
      <c r="DM30" s="61">
        <v>0</v>
      </c>
      <c r="DN30" s="61">
        <v>0</v>
      </c>
      <c r="DO30" s="61">
        <v>0</v>
      </c>
      <c r="DP30" s="61">
        <v>0</v>
      </c>
      <c r="DQ30" s="61">
        <v>0</v>
      </c>
      <c r="DR30" s="62">
        <v>0</v>
      </c>
      <c r="DS30" s="63">
        <v>0</v>
      </c>
      <c r="DT30" s="60">
        <v>0</v>
      </c>
      <c r="DU30" s="61">
        <v>0</v>
      </c>
      <c r="DV30" s="62">
        <v>0</v>
      </c>
      <c r="DW30" s="231"/>
      <c r="DX30" s="61">
        <v>0</v>
      </c>
      <c r="DY30" s="61">
        <v>0</v>
      </c>
      <c r="DZ30" s="61">
        <v>1</v>
      </c>
      <c r="EA30" s="61">
        <v>0</v>
      </c>
      <c r="EB30" s="61">
        <v>0</v>
      </c>
      <c r="EC30" s="62">
        <v>1</v>
      </c>
      <c r="ED30" s="63">
        <v>1</v>
      </c>
      <c r="EE30" s="60">
        <v>0</v>
      </c>
      <c r="EF30" s="61">
        <v>0</v>
      </c>
      <c r="EG30" s="62">
        <v>0</v>
      </c>
      <c r="EH30" s="231"/>
      <c r="EI30" s="61">
        <v>0</v>
      </c>
      <c r="EJ30" s="61">
        <v>0</v>
      </c>
      <c r="EK30" s="61">
        <v>0</v>
      </c>
      <c r="EL30" s="61">
        <v>0</v>
      </c>
      <c r="EM30" s="61">
        <v>0</v>
      </c>
      <c r="EN30" s="62">
        <v>0</v>
      </c>
      <c r="EO30" s="63">
        <v>0</v>
      </c>
      <c r="EP30" s="60">
        <v>0</v>
      </c>
      <c r="EQ30" s="61">
        <v>0</v>
      </c>
      <c r="ER30" s="62">
        <v>0</v>
      </c>
      <c r="ES30" s="231"/>
      <c r="ET30" s="61">
        <v>1</v>
      </c>
      <c r="EU30" s="61">
        <v>0</v>
      </c>
      <c r="EV30" s="61">
        <v>0</v>
      </c>
      <c r="EW30" s="61">
        <v>0</v>
      </c>
      <c r="EX30" s="61">
        <v>0</v>
      </c>
      <c r="EY30" s="62">
        <v>1</v>
      </c>
      <c r="EZ30" s="63">
        <v>1</v>
      </c>
      <c r="FA30" s="60">
        <v>0</v>
      </c>
      <c r="FB30" s="61">
        <v>1</v>
      </c>
      <c r="FC30" s="62">
        <v>1</v>
      </c>
      <c r="FD30" s="231"/>
      <c r="FE30" s="61">
        <v>2</v>
      </c>
      <c r="FF30" s="61">
        <v>1</v>
      </c>
      <c r="FG30" s="61">
        <v>0</v>
      </c>
      <c r="FH30" s="61">
        <v>0</v>
      </c>
      <c r="FI30" s="61">
        <v>0</v>
      </c>
      <c r="FJ30" s="62">
        <v>3</v>
      </c>
      <c r="FK30" s="63">
        <v>4</v>
      </c>
      <c r="FL30" s="60">
        <v>1</v>
      </c>
      <c r="FM30" s="61">
        <v>4</v>
      </c>
      <c r="FN30" s="62">
        <v>5</v>
      </c>
      <c r="FO30" s="231"/>
      <c r="FP30" s="61">
        <v>0</v>
      </c>
      <c r="FQ30" s="61">
        <v>1</v>
      </c>
      <c r="FR30" s="61">
        <v>1</v>
      </c>
      <c r="FS30" s="61">
        <v>2</v>
      </c>
      <c r="FT30" s="61">
        <v>1</v>
      </c>
      <c r="FU30" s="62">
        <v>5</v>
      </c>
      <c r="FV30" s="63">
        <v>10</v>
      </c>
      <c r="FW30" s="60">
        <v>0</v>
      </c>
      <c r="FX30" s="61">
        <v>0</v>
      </c>
      <c r="FY30" s="62">
        <v>0</v>
      </c>
      <c r="FZ30" s="231"/>
      <c r="GA30" s="61">
        <v>0</v>
      </c>
      <c r="GB30" s="61">
        <v>0</v>
      </c>
      <c r="GC30" s="61">
        <v>0</v>
      </c>
      <c r="GD30" s="61">
        <v>0</v>
      </c>
      <c r="GE30" s="61">
        <v>0</v>
      </c>
      <c r="GF30" s="62">
        <v>0</v>
      </c>
      <c r="GG30" s="63">
        <v>0</v>
      </c>
      <c r="GH30" s="60">
        <v>1</v>
      </c>
      <c r="GI30" s="61">
        <v>5</v>
      </c>
      <c r="GJ30" s="62">
        <v>6</v>
      </c>
      <c r="GK30" s="231"/>
      <c r="GL30" s="61">
        <v>3</v>
      </c>
      <c r="GM30" s="61">
        <v>2</v>
      </c>
      <c r="GN30" s="61">
        <v>2</v>
      </c>
      <c r="GO30" s="61">
        <v>2</v>
      </c>
      <c r="GP30" s="61">
        <v>1</v>
      </c>
      <c r="GQ30" s="62">
        <v>10</v>
      </c>
      <c r="GR30" s="63">
        <v>16</v>
      </c>
      <c r="GS30" s="113">
        <v>24</v>
      </c>
      <c r="GT30" s="72">
        <v>28</v>
      </c>
      <c r="GU30" s="73">
        <v>52</v>
      </c>
      <c r="GV30" s="228"/>
      <c r="GW30" s="72">
        <v>22</v>
      </c>
      <c r="GX30" s="72">
        <v>21</v>
      </c>
      <c r="GY30" s="72">
        <v>13</v>
      </c>
      <c r="GZ30" s="72">
        <v>15</v>
      </c>
      <c r="HA30" s="72">
        <v>7</v>
      </c>
      <c r="HB30" s="74">
        <v>78</v>
      </c>
      <c r="HC30" s="75">
        <v>130</v>
      </c>
      <c r="HD30" s="60">
        <v>0</v>
      </c>
      <c r="HE30" s="61">
        <v>0</v>
      </c>
      <c r="HF30" s="62">
        <v>0</v>
      </c>
      <c r="HG30" s="231"/>
      <c r="HH30" s="61">
        <v>0</v>
      </c>
      <c r="HI30" s="61">
        <v>1</v>
      </c>
      <c r="HJ30" s="61">
        <v>0</v>
      </c>
      <c r="HK30" s="61">
        <v>0</v>
      </c>
      <c r="HL30" s="61">
        <v>0</v>
      </c>
      <c r="HM30" s="62">
        <v>1</v>
      </c>
      <c r="HN30" s="63">
        <v>1</v>
      </c>
      <c r="HO30" s="60">
        <v>0</v>
      </c>
      <c r="HP30" s="61">
        <v>2</v>
      </c>
      <c r="HQ30" s="62">
        <v>2</v>
      </c>
      <c r="HR30" s="231"/>
      <c r="HS30" s="61">
        <v>2</v>
      </c>
      <c r="HT30" s="61">
        <v>0</v>
      </c>
      <c r="HU30" s="61">
        <v>1</v>
      </c>
      <c r="HV30" s="61">
        <v>0</v>
      </c>
      <c r="HW30" s="61">
        <v>0</v>
      </c>
      <c r="HX30" s="62">
        <v>3</v>
      </c>
      <c r="HY30" s="63">
        <v>5</v>
      </c>
      <c r="HZ30" s="60">
        <v>1</v>
      </c>
      <c r="IA30" s="61">
        <v>4</v>
      </c>
      <c r="IB30" s="62">
        <v>5</v>
      </c>
      <c r="IC30" s="231"/>
      <c r="ID30" s="61">
        <v>0</v>
      </c>
      <c r="IE30" s="61">
        <v>1</v>
      </c>
      <c r="IF30" s="61">
        <v>0</v>
      </c>
      <c r="IG30" s="61">
        <v>0</v>
      </c>
      <c r="IH30" s="61">
        <v>1</v>
      </c>
      <c r="II30" s="62">
        <v>2</v>
      </c>
      <c r="IJ30" s="63">
        <v>7</v>
      </c>
      <c r="IK30" s="60">
        <v>8</v>
      </c>
      <c r="IL30" s="61">
        <v>4</v>
      </c>
      <c r="IM30" s="62">
        <v>12</v>
      </c>
      <c r="IN30" s="231"/>
      <c r="IO30" s="61">
        <v>5</v>
      </c>
      <c r="IP30" s="61">
        <v>5</v>
      </c>
      <c r="IQ30" s="61">
        <v>4</v>
      </c>
      <c r="IR30" s="61">
        <v>0</v>
      </c>
      <c r="IS30" s="61">
        <v>1</v>
      </c>
      <c r="IT30" s="62">
        <v>15</v>
      </c>
      <c r="IU30" s="63">
        <v>27</v>
      </c>
      <c r="IV30" s="60">
        <v>6</v>
      </c>
      <c r="IW30" s="61">
        <v>5</v>
      </c>
      <c r="IX30" s="62">
        <v>11</v>
      </c>
      <c r="IY30" s="231"/>
      <c r="IZ30" s="61">
        <v>6</v>
      </c>
      <c r="JA30" s="61">
        <v>5</v>
      </c>
      <c r="JB30" s="61">
        <v>4</v>
      </c>
      <c r="JC30" s="61">
        <v>5</v>
      </c>
      <c r="JD30" s="61">
        <v>2</v>
      </c>
      <c r="JE30" s="62">
        <v>22</v>
      </c>
      <c r="JF30" s="63">
        <v>33</v>
      </c>
      <c r="JG30" s="60">
        <v>9</v>
      </c>
      <c r="JH30" s="61">
        <v>13</v>
      </c>
      <c r="JI30" s="62">
        <v>22</v>
      </c>
      <c r="JJ30" s="231"/>
      <c r="JK30" s="61">
        <v>9</v>
      </c>
      <c r="JL30" s="61">
        <v>9</v>
      </c>
      <c r="JM30" s="61">
        <v>4</v>
      </c>
      <c r="JN30" s="61">
        <v>10</v>
      </c>
      <c r="JO30" s="61">
        <v>3</v>
      </c>
      <c r="JP30" s="62">
        <v>35</v>
      </c>
      <c r="JQ30" s="63">
        <v>57</v>
      </c>
      <c r="JR30" s="60">
        <v>0</v>
      </c>
      <c r="JS30" s="61">
        <v>0</v>
      </c>
      <c r="JT30" s="62">
        <v>0</v>
      </c>
      <c r="JU30" s="231"/>
      <c r="JV30" s="61">
        <v>0</v>
      </c>
      <c r="JW30" s="61">
        <v>0</v>
      </c>
      <c r="JX30" s="61">
        <v>0</v>
      </c>
      <c r="JY30" s="61">
        <v>0</v>
      </c>
      <c r="JZ30" s="61">
        <v>0</v>
      </c>
      <c r="KA30" s="62">
        <v>0</v>
      </c>
      <c r="KB30" s="63">
        <v>0</v>
      </c>
      <c r="KC30" s="60">
        <v>24</v>
      </c>
      <c r="KD30" s="61">
        <v>28</v>
      </c>
      <c r="KE30" s="62">
        <v>52</v>
      </c>
      <c r="KF30" s="231"/>
      <c r="KG30" s="61">
        <v>22</v>
      </c>
      <c r="KH30" s="61">
        <v>21</v>
      </c>
      <c r="KI30" s="61">
        <v>13</v>
      </c>
      <c r="KJ30" s="61">
        <v>15</v>
      </c>
      <c r="KK30" s="61">
        <v>7</v>
      </c>
      <c r="KL30" s="62">
        <v>78</v>
      </c>
      <c r="KM30" s="63">
        <v>130</v>
      </c>
    </row>
    <row r="31" spans="2:299" ht="21" customHeight="1" x14ac:dyDescent="0.2">
      <c r="B31" s="472" t="s">
        <v>28</v>
      </c>
      <c r="C31" s="293">
        <v>1</v>
      </c>
      <c r="D31" s="72">
        <v>5</v>
      </c>
      <c r="E31" s="73">
        <v>6</v>
      </c>
      <c r="F31" s="228"/>
      <c r="G31" s="72">
        <v>11</v>
      </c>
      <c r="H31" s="72">
        <v>9</v>
      </c>
      <c r="I31" s="72">
        <v>3</v>
      </c>
      <c r="J31" s="72">
        <v>0</v>
      </c>
      <c r="K31" s="72">
        <v>2</v>
      </c>
      <c r="L31" s="74">
        <v>25</v>
      </c>
      <c r="M31" s="75">
        <v>31</v>
      </c>
      <c r="N31" s="60">
        <v>0</v>
      </c>
      <c r="O31" s="61">
        <v>0</v>
      </c>
      <c r="P31" s="62">
        <v>0</v>
      </c>
      <c r="Q31" s="231"/>
      <c r="R31" s="61">
        <v>0</v>
      </c>
      <c r="S31" s="61">
        <v>0</v>
      </c>
      <c r="T31" s="61">
        <v>0</v>
      </c>
      <c r="U31" s="61">
        <v>0</v>
      </c>
      <c r="V31" s="61">
        <v>0</v>
      </c>
      <c r="W31" s="62">
        <v>0</v>
      </c>
      <c r="X31" s="63">
        <v>0</v>
      </c>
      <c r="Y31" s="60">
        <v>0</v>
      </c>
      <c r="Z31" s="61">
        <v>0</v>
      </c>
      <c r="AA31" s="62">
        <v>0</v>
      </c>
      <c r="AB31" s="231"/>
      <c r="AC31" s="61">
        <v>1</v>
      </c>
      <c r="AD31" s="61">
        <v>0</v>
      </c>
      <c r="AE31" s="61">
        <v>0</v>
      </c>
      <c r="AF31" s="61">
        <v>0</v>
      </c>
      <c r="AG31" s="61">
        <v>0</v>
      </c>
      <c r="AH31" s="62">
        <v>1</v>
      </c>
      <c r="AI31" s="63">
        <v>1</v>
      </c>
      <c r="AJ31" s="60">
        <v>0</v>
      </c>
      <c r="AK31" s="61">
        <v>1</v>
      </c>
      <c r="AL31" s="62">
        <v>1</v>
      </c>
      <c r="AM31" s="231"/>
      <c r="AN31" s="61">
        <v>2</v>
      </c>
      <c r="AO31" s="61">
        <v>1</v>
      </c>
      <c r="AP31" s="61">
        <v>0</v>
      </c>
      <c r="AQ31" s="61">
        <v>0</v>
      </c>
      <c r="AR31" s="61">
        <v>0</v>
      </c>
      <c r="AS31" s="62">
        <v>3</v>
      </c>
      <c r="AT31" s="63">
        <v>4</v>
      </c>
      <c r="AU31" s="60">
        <v>1</v>
      </c>
      <c r="AV31" s="61">
        <v>2</v>
      </c>
      <c r="AW31" s="62">
        <v>3</v>
      </c>
      <c r="AX31" s="231"/>
      <c r="AY31" s="61">
        <v>3</v>
      </c>
      <c r="AZ31" s="61">
        <v>3</v>
      </c>
      <c r="BA31" s="61">
        <v>0</v>
      </c>
      <c r="BB31" s="61">
        <v>0</v>
      </c>
      <c r="BC31" s="61">
        <v>1</v>
      </c>
      <c r="BD31" s="62">
        <v>7</v>
      </c>
      <c r="BE31" s="63">
        <v>10</v>
      </c>
      <c r="BF31" s="60">
        <v>0</v>
      </c>
      <c r="BG31" s="61">
        <v>2</v>
      </c>
      <c r="BH31" s="62">
        <v>2</v>
      </c>
      <c r="BI31" s="231"/>
      <c r="BJ31" s="61">
        <v>3</v>
      </c>
      <c r="BK31" s="61">
        <v>3</v>
      </c>
      <c r="BL31" s="61">
        <v>1</v>
      </c>
      <c r="BM31" s="61">
        <v>0</v>
      </c>
      <c r="BN31" s="61">
        <v>0</v>
      </c>
      <c r="BO31" s="62">
        <v>7</v>
      </c>
      <c r="BP31" s="63">
        <v>9</v>
      </c>
      <c r="BQ31" s="60">
        <v>0</v>
      </c>
      <c r="BR31" s="61">
        <v>0</v>
      </c>
      <c r="BS31" s="62">
        <v>0</v>
      </c>
      <c r="BT31" s="231"/>
      <c r="BU31" s="61">
        <v>2</v>
      </c>
      <c r="BV31" s="61">
        <v>2</v>
      </c>
      <c r="BW31" s="61">
        <v>2</v>
      </c>
      <c r="BX31" s="61">
        <v>0</v>
      </c>
      <c r="BY31" s="61">
        <v>1</v>
      </c>
      <c r="BZ31" s="62">
        <v>7</v>
      </c>
      <c r="CA31" s="63">
        <v>7</v>
      </c>
      <c r="CB31" s="60">
        <v>0</v>
      </c>
      <c r="CC31" s="61">
        <v>0</v>
      </c>
      <c r="CD31" s="62">
        <v>0</v>
      </c>
      <c r="CE31" s="231"/>
      <c r="CF31" s="61">
        <v>0</v>
      </c>
      <c r="CG31" s="61">
        <v>0</v>
      </c>
      <c r="CH31" s="61">
        <v>0</v>
      </c>
      <c r="CI31" s="61">
        <v>0</v>
      </c>
      <c r="CJ31" s="61">
        <v>0</v>
      </c>
      <c r="CK31" s="62">
        <v>0</v>
      </c>
      <c r="CL31" s="63">
        <v>0</v>
      </c>
      <c r="CM31" s="60">
        <v>1</v>
      </c>
      <c r="CN31" s="61">
        <v>5</v>
      </c>
      <c r="CO31" s="62">
        <v>6</v>
      </c>
      <c r="CP31" s="231"/>
      <c r="CQ31" s="61">
        <v>11</v>
      </c>
      <c r="CR31" s="61">
        <v>9</v>
      </c>
      <c r="CS31" s="61">
        <v>3</v>
      </c>
      <c r="CT31" s="61">
        <v>0</v>
      </c>
      <c r="CU31" s="61">
        <v>2</v>
      </c>
      <c r="CV31" s="62">
        <v>25</v>
      </c>
      <c r="CW31" s="63">
        <v>31</v>
      </c>
      <c r="CX31" s="113">
        <v>0</v>
      </c>
      <c r="CY31" s="72">
        <v>0</v>
      </c>
      <c r="CZ31" s="73">
        <v>0</v>
      </c>
      <c r="DA31" s="228"/>
      <c r="DB31" s="72">
        <v>2</v>
      </c>
      <c r="DC31" s="72">
        <v>1</v>
      </c>
      <c r="DD31" s="72">
        <v>0</v>
      </c>
      <c r="DE31" s="72">
        <v>1</v>
      </c>
      <c r="DF31" s="72">
        <v>1</v>
      </c>
      <c r="DG31" s="74">
        <v>5</v>
      </c>
      <c r="DH31" s="75">
        <v>5</v>
      </c>
      <c r="DI31" s="60">
        <v>0</v>
      </c>
      <c r="DJ31" s="61">
        <v>0</v>
      </c>
      <c r="DK31" s="62">
        <v>0</v>
      </c>
      <c r="DL31" s="231"/>
      <c r="DM31" s="61">
        <v>0</v>
      </c>
      <c r="DN31" s="61">
        <v>0</v>
      </c>
      <c r="DO31" s="61">
        <v>0</v>
      </c>
      <c r="DP31" s="61">
        <v>0</v>
      </c>
      <c r="DQ31" s="61">
        <v>0</v>
      </c>
      <c r="DR31" s="62">
        <v>0</v>
      </c>
      <c r="DS31" s="63">
        <v>0</v>
      </c>
      <c r="DT31" s="60">
        <v>0</v>
      </c>
      <c r="DU31" s="61">
        <v>0</v>
      </c>
      <c r="DV31" s="62">
        <v>0</v>
      </c>
      <c r="DW31" s="231"/>
      <c r="DX31" s="61">
        <v>0</v>
      </c>
      <c r="DY31" s="61">
        <v>0</v>
      </c>
      <c r="DZ31" s="61">
        <v>0</v>
      </c>
      <c r="EA31" s="61">
        <v>0</v>
      </c>
      <c r="EB31" s="61">
        <v>0</v>
      </c>
      <c r="EC31" s="62">
        <v>0</v>
      </c>
      <c r="ED31" s="63">
        <v>0</v>
      </c>
      <c r="EE31" s="60">
        <v>0</v>
      </c>
      <c r="EF31" s="61">
        <v>0</v>
      </c>
      <c r="EG31" s="62">
        <v>0</v>
      </c>
      <c r="EH31" s="231"/>
      <c r="EI31" s="61">
        <v>0</v>
      </c>
      <c r="EJ31" s="61">
        <v>0</v>
      </c>
      <c r="EK31" s="61">
        <v>0</v>
      </c>
      <c r="EL31" s="61">
        <v>0</v>
      </c>
      <c r="EM31" s="61">
        <v>0</v>
      </c>
      <c r="EN31" s="62">
        <v>0</v>
      </c>
      <c r="EO31" s="63">
        <v>0</v>
      </c>
      <c r="EP31" s="60">
        <v>0</v>
      </c>
      <c r="EQ31" s="61">
        <v>0</v>
      </c>
      <c r="ER31" s="62">
        <v>0</v>
      </c>
      <c r="ES31" s="231"/>
      <c r="ET31" s="61">
        <v>0</v>
      </c>
      <c r="EU31" s="61">
        <v>0</v>
      </c>
      <c r="EV31" s="61">
        <v>0</v>
      </c>
      <c r="EW31" s="61">
        <v>0</v>
      </c>
      <c r="EX31" s="61">
        <v>0</v>
      </c>
      <c r="EY31" s="62">
        <v>0</v>
      </c>
      <c r="EZ31" s="63">
        <v>0</v>
      </c>
      <c r="FA31" s="60">
        <v>0</v>
      </c>
      <c r="FB31" s="61">
        <v>0</v>
      </c>
      <c r="FC31" s="62">
        <v>0</v>
      </c>
      <c r="FD31" s="231"/>
      <c r="FE31" s="61">
        <v>1</v>
      </c>
      <c r="FF31" s="61">
        <v>1</v>
      </c>
      <c r="FG31" s="61">
        <v>0</v>
      </c>
      <c r="FH31" s="61">
        <v>0</v>
      </c>
      <c r="FI31" s="61">
        <v>1</v>
      </c>
      <c r="FJ31" s="62">
        <v>3</v>
      </c>
      <c r="FK31" s="63">
        <v>3</v>
      </c>
      <c r="FL31" s="60">
        <v>0</v>
      </c>
      <c r="FM31" s="61">
        <v>0</v>
      </c>
      <c r="FN31" s="62">
        <v>0</v>
      </c>
      <c r="FO31" s="231"/>
      <c r="FP31" s="61">
        <v>1</v>
      </c>
      <c r="FQ31" s="61">
        <v>0</v>
      </c>
      <c r="FR31" s="61">
        <v>0</v>
      </c>
      <c r="FS31" s="61">
        <v>1</v>
      </c>
      <c r="FT31" s="61">
        <v>0</v>
      </c>
      <c r="FU31" s="62">
        <v>2</v>
      </c>
      <c r="FV31" s="63">
        <v>2</v>
      </c>
      <c r="FW31" s="60">
        <v>0</v>
      </c>
      <c r="FX31" s="61">
        <v>0</v>
      </c>
      <c r="FY31" s="62">
        <v>0</v>
      </c>
      <c r="FZ31" s="231"/>
      <c r="GA31" s="61">
        <v>0</v>
      </c>
      <c r="GB31" s="61">
        <v>0</v>
      </c>
      <c r="GC31" s="61">
        <v>0</v>
      </c>
      <c r="GD31" s="61">
        <v>0</v>
      </c>
      <c r="GE31" s="61">
        <v>0</v>
      </c>
      <c r="GF31" s="62">
        <v>0</v>
      </c>
      <c r="GG31" s="63">
        <v>0</v>
      </c>
      <c r="GH31" s="60">
        <v>0</v>
      </c>
      <c r="GI31" s="61">
        <v>0</v>
      </c>
      <c r="GJ31" s="62">
        <v>0</v>
      </c>
      <c r="GK31" s="231"/>
      <c r="GL31" s="61">
        <v>2</v>
      </c>
      <c r="GM31" s="61">
        <v>1</v>
      </c>
      <c r="GN31" s="61">
        <v>0</v>
      </c>
      <c r="GO31" s="61">
        <v>1</v>
      </c>
      <c r="GP31" s="61">
        <v>1</v>
      </c>
      <c r="GQ31" s="62">
        <v>5</v>
      </c>
      <c r="GR31" s="63">
        <v>5</v>
      </c>
      <c r="GS31" s="113">
        <v>1</v>
      </c>
      <c r="GT31" s="72">
        <v>5</v>
      </c>
      <c r="GU31" s="73">
        <v>6</v>
      </c>
      <c r="GV31" s="228"/>
      <c r="GW31" s="72">
        <v>13</v>
      </c>
      <c r="GX31" s="72">
        <v>10</v>
      </c>
      <c r="GY31" s="72">
        <v>3</v>
      </c>
      <c r="GZ31" s="72">
        <v>1</v>
      </c>
      <c r="HA31" s="72">
        <v>3</v>
      </c>
      <c r="HB31" s="74">
        <v>30</v>
      </c>
      <c r="HC31" s="75">
        <v>36</v>
      </c>
      <c r="HD31" s="60">
        <v>0</v>
      </c>
      <c r="HE31" s="61">
        <v>0</v>
      </c>
      <c r="HF31" s="62">
        <v>0</v>
      </c>
      <c r="HG31" s="231"/>
      <c r="HH31" s="61">
        <v>0</v>
      </c>
      <c r="HI31" s="61">
        <v>0</v>
      </c>
      <c r="HJ31" s="61">
        <v>0</v>
      </c>
      <c r="HK31" s="61">
        <v>0</v>
      </c>
      <c r="HL31" s="61">
        <v>0</v>
      </c>
      <c r="HM31" s="62">
        <v>0</v>
      </c>
      <c r="HN31" s="63">
        <v>0</v>
      </c>
      <c r="HO31" s="60">
        <v>0</v>
      </c>
      <c r="HP31" s="61">
        <v>0</v>
      </c>
      <c r="HQ31" s="62">
        <v>0</v>
      </c>
      <c r="HR31" s="231"/>
      <c r="HS31" s="61">
        <v>1</v>
      </c>
      <c r="HT31" s="61">
        <v>0</v>
      </c>
      <c r="HU31" s="61">
        <v>0</v>
      </c>
      <c r="HV31" s="61">
        <v>0</v>
      </c>
      <c r="HW31" s="61">
        <v>0</v>
      </c>
      <c r="HX31" s="62">
        <v>1</v>
      </c>
      <c r="HY31" s="63">
        <v>1</v>
      </c>
      <c r="HZ31" s="60">
        <v>0</v>
      </c>
      <c r="IA31" s="61">
        <v>1</v>
      </c>
      <c r="IB31" s="62">
        <v>1</v>
      </c>
      <c r="IC31" s="231"/>
      <c r="ID31" s="61">
        <v>2</v>
      </c>
      <c r="IE31" s="61">
        <v>1</v>
      </c>
      <c r="IF31" s="61">
        <v>0</v>
      </c>
      <c r="IG31" s="61">
        <v>0</v>
      </c>
      <c r="IH31" s="61">
        <v>0</v>
      </c>
      <c r="II31" s="62">
        <v>3</v>
      </c>
      <c r="IJ31" s="63">
        <v>4</v>
      </c>
      <c r="IK31" s="60">
        <v>1</v>
      </c>
      <c r="IL31" s="61">
        <v>2</v>
      </c>
      <c r="IM31" s="62">
        <v>3</v>
      </c>
      <c r="IN31" s="231"/>
      <c r="IO31" s="61">
        <v>3</v>
      </c>
      <c r="IP31" s="61">
        <v>3</v>
      </c>
      <c r="IQ31" s="61">
        <v>0</v>
      </c>
      <c r="IR31" s="61">
        <v>0</v>
      </c>
      <c r="IS31" s="61">
        <v>1</v>
      </c>
      <c r="IT31" s="62">
        <v>7</v>
      </c>
      <c r="IU31" s="63">
        <v>10</v>
      </c>
      <c r="IV31" s="60">
        <v>0</v>
      </c>
      <c r="IW31" s="61">
        <v>2</v>
      </c>
      <c r="IX31" s="62">
        <v>2</v>
      </c>
      <c r="IY31" s="231"/>
      <c r="IZ31" s="61">
        <v>4</v>
      </c>
      <c r="JA31" s="61">
        <v>4</v>
      </c>
      <c r="JB31" s="61">
        <v>1</v>
      </c>
      <c r="JC31" s="61">
        <v>0</v>
      </c>
      <c r="JD31" s="61">
        <v>1</v>
      </c>
      <c r="JE31" s="62">
        <v>10</v>
      </c>
      <c r="JF31" s="63">
        <v>12</v>
      </c>
      <c r="JG31" s="60">
        <v>0</v>
      </c>
      <c r="JH31" s="61">
        <v>0</v>
      </c>
      <c r="JI31" s="62">
        <v>0</v>
      </c>
      <c r="JJ31" s="231"/>
      <c r="JK31" s="61">
        <v>3</v>
      </c>
      <c r="JL31" s="61">
        <v>2</v>
      </c>
      <c r="JM31" s="61">
        <v>2</v>
      </c>
      <c r="JN31" s="61">
        <v>1</v>
      </c>
      <c r="JO31" s="61">
        <v>1</v>
      </c>
      <c r="JP31" s="62">
        <v>9</v>
      </c>
      <c r="JQ31" s="63">
        <v>9</v>
      </c>
      <c r="JR31" s="60">
        <v>0</v>
      </c>
      <c r="JS31" s="61">
        <v>0</v>
      </c>
      <c r="JT31" s="62">
        <v>0</v>
      </c>
      <c r="JU31" s="231"/>
      <c r="JV31" s="61">
        <v>0</v>
      </c>
      <c r="JW31" s="61">
        <v>0</v>
      </c>
      <c r="JX31" s="61">
        <v>0</v>
      </c>
      <c r="JY31" s="61">
        <v>0</v>
      </c>
      <c r="JZ31" s="61">
        <v>0</v>
      </c>
      <c r="KA31" s="62">
        <v>0</v>
      </c>
      <c r="KB31" s="63">
        <v>0</v>
      </c>
      <c r="KC31" s="60">
        <v>1</v>
      </c>
      <c r="KD31" s="61">
        <v>5</v>
      </c>
      <c r="KE31" s="62">
        <v>6</v>
      </c>
      <c r="KF31" s="231"/>
      <c r="KG31" s="61">
        <v>13</v>
      </c>
      <c r="KH31" s="61">
        <v>10</v>
      </c>
      <c r="KI31" s="61">
        <v>3</v>
      </c>
      <c r="KJ31" s="61">
        <v>1</v>
      </c>
      <c r="KK31" s="61">
        <v>3</v>
      </c>
      <c r="KL31" s="62">
        <v>30</v>
      </c>
      <c r="KM31" s="63">
        <v>36</v>
      </c>
    </row>
    <row r="32" spans="2:299" ht="21" customHeight="1" x14ac:dyDescent="0.2">
      <c r="B32" s="472" t="s">
        <v>29</v>
      </c>
      <c r="C32" s="293">
        <v>6</v>
      </c>
      <c r="D32" s="72">
        <v>2</v>
      </c>
      <c r="E32" s="73">
        <v>8</v>
      </c>
      <c r="F32" s="228"/>
      <c r="G32" s="72">
        <v>2</v>
      </c>
      <c r="H32" s="72">
        <v>4</v>
      </c>
      <c r="I32" s="72">
        <v>6</v>
      </c>
      <c r="J32" s="72">
        <v>4</v>
      </c>
      <c r="K32" s="72">
        <v>4</v>
      </c>
      <c r="L32" s="74">
        <v>20</v>
      </c>
      <c r="M32" s="75">
        <v>28</v>
      </c>
      <c r="N32" s="60">
        <v>0</v>
      </c>
      <c r="O32" s="61">
        <v>0</v>
      </c>
      <c r="P32" s="62">
        <v>0</v>
      </c>
      <c r="Q32" s="231"/>
      <c r="R32" s="61">
        <v>0</v>
      </c>
      <c r="S32" s="61">
        <v>0</v>
      </c>
      <c r="T32" s="61">
        <v>1</v>
      </c>
      <c r="U32" s="61">
        <v>0</v>
      </c>
      <c r="V32" s="61">
        <v>0</v>
      </c>
      <c r="W32" s="62">
        <v>1</v>
      </c>
      <c r="X32" s="63">
        <v>1</v>
      </c>
      <c r="Y32" s="60">
        <v>0</v>
      </c>
      <c r="Z32" s="61">
        <v>0</v>
      </c>
      <c r="AA32" s="62">
        <v>0</v>
      </c>
      <c r="AB32" s="231"/>
      <c r="AC32" s="61">
        <v>0</v>
      </c>
      <c r="AD32" s="61">
        <v>0</v>
      </c>
      <c r="AE32" s="61">
        <v>0</v>
      </c>
      <c r="AF32" s="61">
        <v>0</v>
      </c>
      <c r="AG32" s="61">
        <v>0</v>
      </c>
      <c r="AH32" s="62">
        <v>0</v>
      </c>
      <c r="AI32" s="63">
        <v>0</v>
      </c>
      <c r="AJ32" s="60">
        <v>0</v>
      </c>
      <c r="AK32" s="61">
        <v>0</v>
      </c>
      <c r="AL32" s="62">
        <v>0</v>
      </c>
      <c r="AM32" s="231"/>
      <c r="AN32" s="61">
        <v>1</v>
      </c>
      <c r="AO32" s="61">
        <v>0</v>
      </c>
      <c r="AP32" s="61">
        <v>1</v>
      </c>
      <c r="AQ32" s="61">
        <v>1</v>
      </c>
      <c r="AR32" s="61">
        <v>1</v>
      </c>
      <c r="AS32" s="62">
        <v>4</v>
      </c>
      <c r="AT32" s="63">
        <v>4</v>
      </c>
      <c r="AU32" s="60">
        <v>4</v>
      </c>
      <c r="AV32" s="61">
        <v>1</v>
      </c>
      <c r="AW32" s="62">
        <v>5</v>
      </c>
      <c r="AX32" s="231"/>
      <c r="AY32" s="61">
        <v>0</v>
      </c>
      <c r="AZ32" s="61">
        <v>0</v>
      </c>
      <c r="BA32" s="61">
        <v>0</v>
      </c>
      <c r="BB32" s="61">
        <v>1</v>
      </c>
      <c r="BC32" s="61">
        <v>1</v>
      </c>
      <c r="BD32" s="62">
        <v>2</v>
      </c>
      <c r="BE32" s="63">
        <v>7</v>
      </c>
      <c r="BF32" s="60">
        <v>1</v>
      </c>
      <c r="BG32" s="61">
        <v>1</v>
      </c>
      <c r="BH32" s="62">
        <v>2</v>
      </c>
      <c r="BI32" s="231"/>
      <c r="BJ32" s="61">
        <v>1</v>
      </c>
      <c r="BK32" s="61">
        <v>2</v>
      </c>
      <c r="BL32" s="61">
        <v>1</v>
      </c>
      <c r="BM32" s="61">
        <v>1</v>
      </c>
      <c r="BN32" s="61">
        <v>1</v>
      </c>
      <c r="BO32" s="62">
        <v>6</v>
      </c>
      <c r="BP32" s="63">
        <v>8</v>
      </c>
      <c r="BQ32" s="60">
        <v>1</v>
      </c>
      <c r="BR32" s="61">
        <v>0</v>
      </c>
      <c r="BS32" s="62">
        <v>1</v>
      </c>
      <c r="BT32" s="231"/>
      <c r="BU32" s="61">
        <v>0</v>
      </c>
      <c r="BV32" s="61">
        <v>2</v>
      </c>
      <c r="BW32" s="61">
        <v>3</v>
      </c>
      <c r="BX32" s="61">
        <v>1</v>
      </c>
      <c r="BY32" s="61">
        <v>1</v>
      </c>
      <c r="BZ32" s="62">
        <v>7</v>
      </c>
      <c r="CA32" s="63">
        <v>8</v>
      </c>
      <c r="CB32" s="60">
        <v>0</v>
      </c>
      <c r="CC32" s="61">
        <v>0</v>
      </c>
      <c r="CD32" s="62">
        <v>0</v>
      </c>
      <c r="CE32" s="231"/>
      <c r="CF32" s="61">
        <v>0</v>
      </c>
      <c r="CG32" s="61">
        <v>0</v>
      </c>
      <c r="CH32" s="61">
        <v>0</v>
      </c>
      <c r="CI32" s="61">
        <v>0</v>
      </c>
      <c r="CJ32" s="61">
        <v>0</v>
      </c>
      <c r="CK32" s="62">
        <v>0</v>
      </c>
      <c r="CL32" s="63">
        <v>0</v>
      </c>
      <c r="CM32" s="60">
        <v>6</v>
      </c>
      <c r="CN32" s="61">
        <v>2</v>
      </c>
      <c r="CO32" s="62">
        <v>8</v>
      </c>
      <c r="CP32" s="231"/>
      <c r="CQ32" s="61">
        <v>2</v>
      </c>
      <c r="CR32" s="61">
        <v>4</v>
      </c>
      <c r="CS32" s="61">
        <v>6</v>
      </c>
      <c r="CT32" s="61">
        <v>4</v>
      </c>
      <c r="CU32" s="61">
        <v>4</v>
      </c>
      <c r="CV32" s="62">
        <v>20</v>
      </c>
      <c r="CW32" s="63">
        <v>28</v>
      </c>
      <c r="CX32" s="113">
        <v>2</v>
      </c>
      <c r="CY32" s="72">
        <v>0</v>
      </c>
      <c r="CZ32" s="73">
        <v>2</v>
      </c>
      <c r="DA32" s="228"/>
      <c r="DB32" s="72">
        <v>1</v>
      </c>
      <c r="DC32" s="72">
        <v>1</v>
      </c>
      <c r="DD32" s="72">
        <v>1</v>
      </c>
      <c r="DE32" s="72">
        <v>1</v>
      </c>
      <c r="DF32" s="72">
        <v>1</v>
      </c>
      <c r="DG32" s="74">
        <v>5</v>
      </c>
      <c r="DH32" s="75">
        <v>7</v>
      </c>
      <c r="DI32" s="60">
        <v>0</v>
      </c>
      <c r="DJ32" s="61">
        <v>0</v>
      </c>
      <c r="DK32" s="62">
        <v>0</v>
      </c>
      <c r="DL32" s="231"/>
      <c r="DM32" s="61">
        <v>0</v>
      </c>
      <c r="DN32" s="61">
        <v>0</v>
      </c>
      <c r="DO32" s="61">
        <v>0</v>
      </c>
      <c r="DP32" s="61">
        <v>0</v>
      </c>
      <c r="DQ32" s="61">
        <v>0</v>
      </c>
      <c r="DR32" s="62">
        <v>0</v>
      </c>
      <c r="DS32" s="63">
        <v>0</v>
      </c>
      <c r="DT32" s="60">
        <v>0</v>
      </c>
      <c r="DU32" s="61">
        <v>0</v>
      </c>
      <c r="DV32" s="62">
        <v>0</v>
      </c>
      <c r="DW32" s="231"/>
      <c r="DX32" s="61">
        <v>0</v>
      </c>
      <c r="DY32" s="61">
        <v>1</v>
      </c>
      <c r="DZ32" s="61">
        <v>0</v>
      </c>
      <c r="EA32" s="61">
        <v>0</v>
      </c>
      <c r="EB32" s="61">
        <v>0</v>
      </c>
      <c r="EC32" s="62">
        <v>1</v>
      </c>
      <c r="ED32" s="63">
        <v>1</v>
      </c>
      <c r="EE32" s="60">
        <v>0</v>
      </c>
      <c r="EF32" s="61">
        <v>0</v>
      </c>
      <c r="EG32" s="62">
        <v>0</v>
      </c>
      <c r="EH32" s="231"/>
      <c r="EI32" s="61">
        <v>0</v>
      </c>
      <c r="EJ32" s="61">
        <v>0</v>
      </c>
      <c r="EK32" s="61">
        <v>0</v>
      </c>
      <c r="EL32" s="61">
        <v>0</v>
      </c>
      <c r="EM32" s="61">
        <v>0</v>
      </c>
      <c r="EN32" s="62">
        <v>0</v>
      </c>
      <c r="EO32" s="63">
        <v>0</v>
      </c>
      <c r="EP32" s="60">
        <v>2</v>
      </c>
      <c r="EQ32" s="61">
        <v>0</v>
      </c>
      <c r="ER32" s="62">
        <v>2</v>
      </c>
      <c r="ES32" s="231"/>
      <c r="ET32" s="61">
        <v>0</v>
      </c>
      <c r="EU32" s="61">
        <v>0</v>
      </c>
      <c r="EV32" s="61">
        <v>0</v>
      </c>
      <c r="EW32" s="61">
        <v>0</v>
      </c>
      <c r="EX32" s="61">
        <v>0</v>
      </c>
      <c r="EY32" s="62">
        <v>0</v>
      </c>
      <c r="EZ32" s="63">
        <v>2</v>
      </c>
      <c r="FA32" s="60">
        <v>0</v>
      </c>
      <c r="FB32" s="61">
        <v>0</v>
      </c>
      <c r="FC32" s="62">
        <v>0</v>
      </c>
      <c r="FD32" s="231"/>
      <c r="FE32" s="61">
        <v>0</v>
      </c>
      <c r="FF32" s="61">
        <v>0</v>
      </c>
      <c r="FG32" s="61">
        <v>0</v>
      </c>
      <c r="FH32" s="61">
        <v>0</v>
      </c>
      <c r="FI32" s="61">
        <v>1</v>
      </c>
      <c r="FJ32" s="62">
        <v>1</v>
      </c>
      <c r="FK32" s="63">
        <v>1</v>
      </c>
      <c r="FL32" s="60">
        <v>0</v>
      </c>
      <c r="FM32" s="61">
        <v>0</v>
      </c>
      <c r="FN32" s="62">
        <v>0</v>
      </c>
      <c r="FO32" s="231"/>
      <c r="FP32" s="61">
        <v>1</v>
      </c>
      <c r="FQ32" s="61">
        <v>0</v>
      </c>
      <c r="FR32" s="61">
        <v>1</v>
      </c>
      <c r="FS32" s="61">
        <v>1</v>
      </c>
      <c r="FT32" s="61">
        <v>0</v>
      </c>
      <c r="FU32" s="62">
        <v>3</v>
      </c>
      <c r="FV32" s="63">
        <v>3</v>
      </c>
      <c r="FW32" s="60">
        <v>0</v>
      </c>
      <c r="FX32" s="61">
        <v>0</v>
      </c>
      <c r="FY32" s="62">
        <v>0</v>
      </c>
      <c r="FZ32" s="231"/>
      <c r="GA32" s="61">
        <v>0</v>
      </c>
      <c r="GB32" s="61">
        <v>0</v>
      </c>
      <c r="GC32" s="61">
        <v>0</v>
      </c>
      <c r="GD32" s="61">
        <v>0</v>
      </c>
      <c r="GE32" s="61">
        <v>0</v>
      </c>
      <c r="GF32" s="62">
        <v>0</v>
      </c>
      <c r="GG32" s="63">
        <v>0</v>
      </c>
      <c r="GH32" s="60">
        <v>2</v>
      </c>
      <c r="GI32" s="61">
        <v>0</v>
      </c>
      <c r="GJ32" s="62">
        <v>2</v>
      </c>
      <c r="GK32" s="231"/>
      <c r="GL32" s="61">
        <v>1</v>
      </c>
      <c r="GM32" s="61">
        <v>1</v>
      </c>
      <c r="GN32" s="61">
        <v>1</v>
      </c>
      <c r="GO32" s="61">
        <v>1</v>
      </c>
      <c r="GP32" s="61">
        <v>1</v>
      </c>
      <c r="GQ32" s="62">
        <v>5</v>
      </c>
      <c r="GR32" s="63">
        <v>7</v>
      </c>
      <c r="GS32" s="113">
        <v>8</v>
      </c>
      <c r="GT32" s="72">
        <v>2</v>
      </c>
      <c r="GU32" s="73">
        <v>10</v>
      </c>
      <c r="GV32" s="228"/>
      <c r="GW32" s="72">
        <v>3</v>
      </c>
      <c r="GX32" s="72">
        <v>5</v>
      </c>
      <c r="GY32" s="72">
        <v>7</v>
      </c>
      <c r="GZ32" s="72">
        <v>5</v>
      </c>
      <c r="HA32" s="72">
        <v>5</v>
      </c>
      <c r="HB32" s="74">
        <v>25</v>
      </c>
      <c r="HC32" s="75">
        <v>35</v>
      </c>
      <c r="HD32" s="60">
        <v>0</v>
      </c>
      <c r="HE32" s="61">
        <v>0</v>
      </c>
      <c r="HF32" s="62">
        <v>0</v>
      </c>
      <c r="HG32" s="231"/>
      <c r="HH32" s="61">
        <v>0</v>
      </c>
      <c r="HI32" s="61">
        <v>0</v>
      </c>
      <c r="HJ32" s="61">
        <v>1</v>
      </c>
      <c r="HK32" s="61">
        <v>0</v>
      </c>
      <c r="HL32" s="61">
        <v>0</v>
      </c>
      <c r="HM32" s="62">
        <v>1</v>
      </c>
      <c r="HN32" s="63">
        <v>1</v>
      </c>
      <c r="HO32" s="60">
        <v>0</v>
      </c>
      <c r="HP32" s="61">
        <v>0</v>
      </c>
      <c r="HQ32" s="62">
        <v>0</v>
      </c>
      <c r="HR32" s="231"/>
      <c r="HS32" s="61">
        <v>0</v>
      </c>
      <c r="HT32" s="61">
        <v>1</v>
      </c>
      <c r="HU32" s="61">
        <v>0</v>
      </c>
      <c r="HV32" s="61">
        <v>0</v>
      </c>
      <c r="HW32" s="61">
        <v>0</v>
      </c>
      <c r="HX32" s="62">
        <v>1</v>
      </c>
      <c r="HY32" s="63">
        <v>1</v>
      </c>
      <c r="HZ32" s="60">
        <v>0</v>
      </c>
      <c r="IA32" s="61">
        <v>0</v>
      </c>
      <c r="IB32" s="62">
        <v>0</v>
      </c>
      <c r="IC32" s="231"/>
      <c r="ID32" s="61">
        <v>1</v>
      </c>
      <c r="IE32" s="61">
        <v>0</v>
      </c>
      <c r="IF32" s="61">
        <v>1</v>
      </c>
      <c r="IG32" s="61">
        <v>1</v>
      </c>
      <c r="IH32" s="61">
        <v>1</v>
      </c>
      <c r="II32" s="62">
        <v>4</v>
      </c>
      <c r="IJ32" s="63">
        <v>4</v>
      </c>
      <c r="IK32" s="60">
        <v>6</v>
      </c>
      <c r="IL32" s="61">
        <v>1</v>
      </c>
      <c r="IM32" s="62">
        <v>7</v>
      </c>
      <c r="IN32" s="231"/>
      <c r="IO32" s="61">
        <v>0</v>
      </c>
      <c r="IP32" s="61">
        <v>0</v>
      </c>
      <c r="IQ32" s="61">
        <v>0</v>
      </c>
      <c r="IR32" s="61">
        <v>1</v>
      </c>
      <c r="IS32" s="61">
        <v>1</v>
      </c>
      <c r="IT32" s="62">
        <v>2</v>
      </c>
      <c r="IU32" s="63">
        <v>9</v>
      </c>
      <c r="IV32" s="60">
        <v>1</v>
      </c>
      <c r="IW32" s="61">
        <v>1</v>
      </c>
      <c r="IX32" s="62">
        <v>2</v>
      </c>
      <c r="IY32" s="231"/>
      <c r="IZ32" s="61">
        <v>1</v>
      </c>
      <c r="JA32" s="61">
        <v>2</v>
      </c>
      <c r="JB32" s="61">
        <v>1</v>
      </c>
      <c r="JC32" s="61">
        <v>1</v>
      </c>
      <c r="JD32" s="61">
        <v>2</v>
      </c>
      <c r="JE32" s="62">
        <v>7</v>
      </c>
      <c r="JF32" s="63">
        <v>9</v>
      </c>
      <c r="JG32" s="60">
        <v>1</v>
      </c>
      <c r="JH32" s="61">
        <v>0</v>
      </c>
      <c r="JI32" s="62">
        <v>1</v>
      </c>
      <c r="JJ32" s="231"/>
      <c r="JK32" s="61">
        <v>1</v>
      </c>
      <c r="JL32" s="61">
        <v>2</v>
      </c>
      <c r="JM32" s="61">
        <v>4</v>
      </c>
      <c r="JN32" s="61">
        <v>2</v>
      </c>
      <c r="JO32" s="61">
        <v>1</v>
      </c>
      <c r="JP32" s="62">
        <v>10</v>
      </c>
      <c r="JQ32" s="63">
        <v>11</v>
      </c>
      <c r="JR32" s="60">
        <v>0</v>
      </c>
      <c r="JS32" s="61">
        <v>0</v>
      </c>
      <c r="JT32" s="62">
        <v>0</v>
      </c>
      <c r="JU32" s="231"/>
      <c r="JV32" s="61">
        <v>0</v>
      </c>
      <c r="JW32" s="61">
        <v>0</v>
      </c>
      <c r="JX32" s="61">
        <v>0</v>
      </c>
      <c r="JY32" s="61">
        <v>0</v>
      </c>
      <c r="JZ32" s="61">
        <v>0</v>
      </c>
      <c r="KA32" s="62">
        <v>0</v>
      </c>
      <c r="KB32" s="63">
        <v>0</v>
      </c>
      <c r="KC32" s="60">
        <v>8</v>
      </c>
      <c r="KD32" s="61">
        <v>2</v>
      </c>
      <c r="KE32" s="62">
        <v>10</v>
      </c>
      <c r="KF32" s="231"/>
      <c r="KG32" s="61">
        <v>3</v>
      </c>
      <c r="KH32" s="61">
        <v>5</v>
      </c>
      <c r="KI32" s="61">
        <v>7</v>
      </c>
      <c r="KJ32" s="61">
        <v>5</v>
      </c>
      <c r="KK32" s="61">
        <v>5</v>
      </c>
      <c r="KL32" s="62">
        <v>25</v>
      </c>
      <c r="KM32" s="63">
        <v>35</v>
      </c>
    </row>
    <row r="33" spans="2:299" ht="21" customHeight="1" x14ac:dyDescent="0.2">
      <c r="B33" s="472" t="s">
        <v>30</v>
      </c>
      <c r="C33" s="293">
        <v>4</v>
      </c>
      <c r="D33" s="72">
        <v>4</v>
      </c>
      <c r="E33" s="73">
        <v>8</v>
      </c>
      <c r="F33" s="228"/>
      <c r="G33" s="72">
        <v>3</v>
      </c>
      <c r="H33" s="72">
        <v>1</v>
      </c>
      <c r="I33" s="72">
        <v>4</v>
      </c>
      <c r="J33" s="72">
        <v>7</v>
      </c>
      <c r="K33" s="72">
        <v>0</v>
      </c>
      <c r="L33" s="74">
        <v>15</v>
      </c>
      <c r="M33" s="75">
        <v>23</v>
      </c>
      <c r="N33" s="60">
        <v>0</v>
      </c>
      <c r="O33" s="61">
        <v>0</v>
      </c>
      <c r="P33" s="62">
        <v>0</v>
      </c>
      <c r="Q33" s="231"/>
      <c r="R33" s="61">
        <v>0</v>
      </c>
      <c r="S33" s="61">
        <v>0</v>
      </c>
      <c r="T33" s="61">
        <v>0</v>
      </c>
      <c r="U33" s="61">
        <v>0</v>
      </c>
      <c r="V33" s="61">
        <v>0</v>
      </c>
      <c r="W33" s="62">
        <v>0</v>
      </c>
      <c r="X33" s="63">
        <v>0</v>
      </c>
      <c r="Y33" s="60">
        <v>1</v>
      </c>
      <c r="Z33" s="61">
        <v>0</v>
      </c>
      <c r="AA33" s="62">
        <v>1</v>
      </c>
      <c r="AB33" s="231"/>
      <c r="AC33" s="61">
        <v>0</v>
      </c>
      <c r="AD33" s="61">
        <v>0</v>
      </c>
      <c r="AE33" s="61">
        <v>1</v>
      </c>
      <c r="AF33" s="61">
        <v>0</v>
      </c>
      <c r="AG33" s="61">
        <v>0</v>
      </c>
      <c r="AH33" s="62">
        <v>1</v>
      </c>
      <c r="AI33" s="63">
        <v>2</v>
      </c>
      <c r="AJ33" s="60">
        <v>0</v>
      </c>
      <c r="AK33" s="61">
        <v>0</v>
      </c>
      <c r="AL33" s="62">
        <v>0</v>
      </c>
      <c r="AM33" s="231"/>
      <c r="AN33" s="61">
        <v>0</v>
      </c>
      <c r="AO33" s="61">
        <v>0</v>
      </c>
      <c r="AP33" s="61">
        <v>0</v>
      </c>
      <c r="AQ33" s="61">
        <v>0</v>
      </c>
      <c r="AR33" s="61">
        <v>0</v>
      </c>
      <c r="AS33" s="62">
        <v>0</v>
      </c>
      <c r="AT33" s="63">
        <v>0</v>
      </c>
      <c r="AU33" s="60">
        <v>1</v>
      </c>
      <c r="AV33" s="61">
        <v>1</v>
      </c>
      <c r="AW33" s="62">
        <v>2</v>
      </c>
      <c r="AX33" s="231"/>
      <c r="AY33" s="61">
        <v>1</v>
      </c>
      <c r="AZ33" s="61">
        <v>0</v>
      </c>
      <c r="BA33" s="61">
        <v>1</v>
      </c>
      <c r="BB33" s="61">
        <v>1</v>
      </c>
      <c r="BC33" s="61">
        <v>0</v>
      </c>
      <c r="BD33" s="62">
        <v>3</v>
      </c>
      <c r="BE33" s="63">
        <v>5</v>
      </c>
      <c r="BF33" s="60">
        <v>1</v>
      </c>
      <c r="BG33" s="61">
        <v>1</v>
      </c>
      <c r="BH33" s="62">
        <v>2</v>
      </c>
      <c r="BI33" s="231"/>
      <c r="BJ33" s="61">
        <v>1</v>
      </c>
      <c r="BK33" s="61">
        <v>1</v>
      </c>
      <c r="BL33" s="61">
        <v>0</v>
      </c>
      <c r="BM33" s="61">
        <v>1</v>
      </c>
      <c r="BN33" s="61">
        <v>0</v>
      </c>
      <c r="BO33" s="62">
        <v>3</v>
      </c>
      <c r="BP33" s="63">
        <v>5</v>
      </c>
      <c r="BQ33" s="60">
        <v>1</v>
      </c>
      <c r="BR33" s="61">
        <v>2</v>
      </c>
      <c r="BS33" s="62">
        <v>3</v>
      </c>
      <c r="BT33" s="231"/>
      <c r="BU33" s="61">
        <v>1</v>
      </c>
      <c r="BV33" s="61">
        <v>0</v>
      </c>
      <c r="BW33" s="61">
        <v>2</v>
      </c>
      <c r="BX33" s="61">
        <v>5</v>
      </c>
      <c r="BY33" s="61">
        <v>0</v>
      </c>
      <c r="BZ33" s="62">
        <v>8</v>
      </c>
      <c r="CA33" s="63">
        <v>11</v>
      </c>
      <c r="CB33" s="60">
        <v>0</v>
      </c>
      <c r="CC33" s="61">
        <v>0</v>
      </c>
      <c r="CD33" s="62">
        <v>0</v>
      </c>
      <c r="CE33" s="231"/>
      <c r="CF33" s="61">
        <v>0</v>
      </c>
      <c r="CG33" s="61">
        <v>0</v>
      </c>
      <c r="CH33" s="61">
        <v>0</v>
      </c>
      <c r="CI33" s="61">
        <v>0</v>
      </c>
      <c r="CJ33" s="61">
        <v>0</v>
      </c>
      <c r="CK33" s="62">
        <v>0</v>
      </c>
      <c r="CL33" s="63">
        <v>0</v>
      </c>
      <c r="CM33" s="60">
        <v>4</v>
      </c>
      <c r="CN33" s="61">
        <v>4</v>
      </c>
      <c r="CO33" s="62">
        <v>8</v>
      </c>
      <c r="CP33" s="231"/>
      <c r="CQ33" s="61">
        <v>3</v>
      </c>
      <c r="CR33" s="61">
        <v>1</v>
      </c>
      <c r="CS33" s="61">
        <v>4</v>
      </c>
      <c r="CT33" s="61">
        <v>7</v>
      </c>
      <c r="CU33" s="61">
        <v>0</v>
      </c>
      <c r="CV33" s="62">
        <v>15</v>
      </c>
      <c r="CW33" s="63">
        <v>23</v>
      </c>
      <c r="CX33" s="113">
        <v>0</v>
      </c>
      <c r="CY33" s="72">
        <v>0</v>
      </c>
      <c r="CZ33" s="73">
        <v>0</v>
      </c>
      <c r="DA33" s="228"/>
      <c r="DB33" s="72">
        <v>2</v>
      </c>
      <c r="DC33" s="72">
        <v>2</v>
      </c>
      <c r="DD33" s="72">
        <v>0</v>
      </c>
      <c r="DE33" s="72">
        <v>1</v>
      </c>
      <c r="DF33" s="72">
        <v>1</v>
      </c>
      <c r="DG33" s="74">
        <v>6</v>
      </c>
      <c r="DH33" s="75">
        <v>6</v>
      </c>
      <c r="DI33" s="60">
        <v>0</v>
      </c>
      <c r="DJ33" s="61">
        <v>0</v>
      </c>
      <c r="DK33" s="62">
        <v>0</v>
      </c>
      <c r="DL33" s="231"/>
      <c r="DM33" s="61">
        <v>0</v>
      </c>
      <c r="DN33" s="61">
        <v>0</v>
      </c>
      <c r="DO33" s="61">
        <v>0</v>
      </c>
      <c r="DP33" s="61">
        <v>0</v>
      </c>
      <c r="DQ33" s="61">
        <v>0</v>
      </c>
      <c r="DR33" s="62">
        <v>0</v>
      </c>
      <c r="DS33" s="63">
        <v>0</v>
      </c>
      <c r="DT33" s="60">
        <v>0</v>
      </c>
      <c r="DU33" s="61">
        <v>0</v>
      </c>
      <c r="DV33" s="62">
        <v>0</v>
      </c>
      <c r="DW33" s="231"/>
      <c r="DX33" s="61">
        <v>0</v>
      </c>
      <c r="DY33" s="61">
        <v>0</v>
      </c>
      <c r="DZ33" s="61">
        <v>0</v>
      </c>
      <c r="EA33" s="61">
        <v>0</v>
      </c>
      <c r="EB33" s="61">
        <v>0</v>
      </c>
      <c r="EC33" s="62">
        <v>0</v>
      </c>
      <c r="ED33" s="63">
        <v>0</v>
      </c>
      <c r="EE33" s="60">
        <v>0</v>
      </c>
      <c r="EF33" s="61">
        <v>0</v>
      </c>
      <c r="EG33" s="62">
        <v>0</v>
      </c>
      <c r="EH33" s="231"/>
      <c r="EI33" s="61">
        <v>0</v>
      </c>
      <c r="EJ33" s="61">
        <v>0</v>
      </c>
      <c r="EK33" s="61">
        <v>0</v>
      </c>
      <c r="EL33" s="61">
        <v>0</v>
      </c>
      <c r="EM33" s="61">
        <v>0</v>
      </c>
      <c r="EN33" s="62">
        <v>0</v>
      </c>
      <c r="EO33" s="63">
        <v>0</v>
      </c>
      <c r="EP33" s="60">
        <v>0</v>
      </c>
      <c r="EQ33" s="61">
        <v>0</v>
      </c>
      <c r="ER33" s="62">
        <v>0</v>
      </c>
      <c r="ES33" s="231"/>
      <c r="ET33" s="61">
        <v>1</v>
      </c>
      <c r="EU33" s="61">
        <v>1</v>
      </c>
      <c r="EV33" s="61">
        <v>0</v>
      </c>
      <c r="EW33" s="61">
        <v>0</v>
      </c>
      <c r="EX33" s="61">
        <v>0</v>
      </c>
      <c r="EY33" s="62">
        <v>2</v>
      </c>
      <c r="EZ33" s="63">
        <v>2</v>
      </c>
      <c r="FA33" s="60">
        <v>0</v>
      </c>
      <c r="FB33" s="61">
        <v>0</v>
      </c>
      <c r="FC33" s="62">
        <v>0</v>
      </c>
      <c r="FD33" s="231"/>
      <c r="FE33" s="61">
        <v>1</v>
      </c>
      <c r="FF33" s="61">
        <v>0</v>
      </c>
      <c r="FG33" s="61">
        <v>0</v>
      </c>
      <c r="FH33" s="61">
        <v>0</v>
      </c>
      <c r="FI33" s="61">
        <v>1</v>
      </c>
      <c r="FJ33" s="62">
        <v>2</v>
      </c>
      <c r="FK33" s="63">
        <v>2</v>
      </c>
      <c r="FL33" s="60">
        <v>0</v>
      </c>
      <c r="FM33" s="61">
        <v>0</v>
      </c>
      <c r="FN33" s="62">
        <v>0</v>
      </c>
      <c r="FO33" s="231"/>
      <c r="FP33" s="61">
        <v>0</v>
      </c>
      <c r="FQ33" s="61">
        <v>1</v>
      </c>
      <c r="FR33" s="61">
        <v>0</v>
      </c>
      <c r="FS33" s="61">
        <v>1</v>
      </c>
      <c r="FT33" s="61">
        <v>0</v>
      </c>
      <c r="FU33" s="62">
        <v>2</v>
      </c>
      <c r="FV33" s="63">
        <v>2</v>
      </c>
      <c r="FW33" s="60">
        <v>0</v>
      </c>
      <c r="FX33" s="61">
        <v>0</v>
      </c>
      <c r="FY33" s="62">
        <v>0</v>
      </c>
      <c r="FZ33" s="231"/>
      <c r="GA33" s="61">
        <v>0</v>
      </c>
      <c r="GB33" s="61">
        <v>0</v>
      </c>
      <c r="GC33" s="61">
        <v>0</v>
      </c>
      <c r="GD33" s="61">
        <v>0</v>
      </c>
      <c r="GE33" s="61">
        <v>0</v>
      </c>
      <c r="GF33" s="62">
        <v>0</v>
      </c>
      <c r="GG33" s="63">
        <v>0</v>
      </c>
      <c r="GH33" s="60">
        <v>0</v>
      </c>
      <c r="GI33" s="61">
        <v>0</v>
      </c>
      <c r="GJ33" s="62">
        <v>0</v>
      </c>
      <c r="GK33" s="231"/>
      <c r="GL33" s="61">
        <v>2</v>
      </c>
      <c r="GM33" s="61">
        <v>2</v>
      </c>
      <c r="GN33" s="61">
        <v>0</v>
      </c>
      <c r="GO33" s="61">
        <v>1</v>
      </c>
      <c r="GP33" s="61">
        <v>1</v>
      </c>
      <c r="GQ33" s="62">
        <v>6</v>
      </c>
      <c r="GR33" s="63">
        <v>6</v>
      </c>
      <c r="GS33" s="113">
        <v>4</v>
      </c>
      <c r="GT33" s="72">
        <v>4</v>
      </c>
      <c r="GU33" s="73">
        <v>8</v>
      </c>
      <c r="GV33" s="228"/>
      <c r="GW33" s="72">
        <v>5</v>
      </c>
      <c r="GX33" s="72">
        <v>3</v>
      </c>
      <c r="GY33" s="72">
        <v>4</v>
      </c>
      <c r="GZ33" s="72">
        <v>8</v>
      </c>
      <c r="HA33" s="72">
        <v>1</v>
      </c>
      <c r="HB33" s="74">
        <v>21</v>
      </c>
      <c r="HC33" s="75">
        <v>29</v>
      </c>
      <c r="HD33" s="60">
        <v>0</v>
      </c>
      <c r="HE33" s="61">
        <v>0</v>
      </c>
      <c r="HF33" s="62">
        <v>0</v>
      </c>
      <c r="HG33" s="231"/>
      <c r="HH33" s="61">
        <v>0</v>
      </c>
      <c r="HI33" s="61">
        <v>0</v>
      </c>
      <c r="HJ33" s="61">
        <v>0</v>
      </c>
      <c r="HK33" s="61">
        <v>0</v>
      </c>
      <c r="HL33" s="61">
        <v>0</v>
      </c>
      <c r="HM33" s="62">
        <v>0</v>
      </c>
      <c r="HN33" s="63">
        <v>0</v>
      </c>
      <c r="HO33" s="60">
        <v>1</v>
      </c>
      <c r="HP33" s="61">
        <v>0</v>
      </c>
      <c r="HQ33" s="62">
        <v>1</v>
      </c>
      <c r="HR33" s="231"/>
      <c r="HS33" s="61">
        <v>0</v>
      </c>
      <c r="HT33" s="61">
        <v>0</v>
      </c>
      <c r="HU33" s="61">
        <v>1</v>
      </c>
      <c r="HV33" s="61">
        <v>0</v>
      </c>
      <c r="HW33" s="61">
        <v>0</v>
      </c>
      <c r="HX33" s="62">
        <v>1</v>
      </c>
      <c r="HY33" s="63">
        <v>2</v>
      </c>
      <c r="HZ33" s="60">
        <v>0</v>
      </c>
      <c r="IA33" s="61">
        <v>0</v>
      </c>
      <c r="IB33" s="62">
        <v>0</v>
      </c>
      <c r="IC33" s="231"/>
      <c r="ID33" s="61">
        <v>0</v>
      </c>
      <c r="IE33" s="61">
        <v>0</v>
      </c>
      <c r="IF33" s="61">
        <v>0</v>
      </c>
      <c r="IG33" s="61">
        <v>0</v>
      </c>
      <c r="IH33" s="61">
        <v>0</v>
      </c>
      <c r="II33" s="62">
        <v>0</v>
      </c>
      <c r="IJ33" s="63">
        <v>0</v>
      </c>
      <c r="IK33" s="60">
        <v>1</v>
      </c>
      <c r="IL33" s="61">
        <v>1</v>
      </c>
      <c r="IM33" s="62">
        <v>2</v>
      </c>
      <c r="IN33" s="231"/>
      <c r="IO33" s="61">
        <v>2</v>
      </c>
      <c r="IP33" s="61">
        <v>1</v>
      </c>
      <c r="IQ33" s="61">
        <v>1</v>
      </c>
      <c r="IR33" s="61">
        <v>1</v>
      </c>
      <c r="IS33" s="61">
        <v>0</v>
      </c>
      <c r="IT33" s="62">
        <v>5</v>
      </c>
      <c r="IU33" s="63">
        <v>7</v>
      </c>
      <c r="IV33" s="60">
        <v>1</v>
      </c>
      <c r="IW33" s="61">
        <v>1</v>
      </c>
      <c r="IX33" s="62">
        <v>2</v>
      </c>
      <c r="IY33" s="231"/>
      <c r="IZ33" s="61">
        <v>2</v>
      </c>
      <c r="JA33" s="61">
        <v>1</v>
      </c>
      <c r="JB33" s="61">
        <v>0</v>
      </c>
      <c r="JC33" s="61">
        <v>1</v>
      </c>
      <c r="JD33" s="61">
        <v>1</v>
      </c>
      <c r="JE33" s="62">
        <v>5</v>
      </c>
      <c r="JF33" s="63">
        <v>7</v>
      </c>
      <c r="JG33" s="60">
        <v>1</v>
      </c>
      <c r="JH33" s="61">
        <v>2</v>
      </c>
      <c r="JI33" s="62">
        <v>3</v>
      </c>
      <c r="JJ33" s="231"/>
      <c r="JK33" s="61">
        <v>1</v>
      </c>
      <c r="JL33" s="61">
        <v>1</v>
      </c>
      <c r="JM33" s="61">
        <v>2</v>
      </c>
      <c r="JN33" s="61">
        <v>6</v>
      </c>
      <c r="JO33" s="61">
        <v>0</v>
      </c>
      <c r="JP33" s="62">
        <v>10</v>
      </c>
      <c r="JQ33" s="63">
        <v>13</v>
      </c>
      <c r="JR33" s="60">
        <v>0</v>
      </c>
      <c r="JS33" s="61">
        <v>0</v>
      </c>
      <c r="JT33" s="62">
        <v>0</v>
      </c>
      <c r="JU33" s="231"/>
      <c r="JV33" s="61">
        <v>0</v>
      </c>
      <c r="JW33" s="61">
        <v>0</v>
      </c>
      <c r="JX33" s="61">
        <v>0</v>
      </c>
      <c r="JY33" s="61">
        <v>0</v>
      </c>
      <c r="JZ33" s="61">
        <v>0</v>
      </c>
      <c r="KA33" s="62">
        <v>0</v>
      </c>
      <c r="KB33" s="63">
        <v>0</v>
      </c>
      <c r="KC33" s="60">
        <v>4</v>
      </c>
      <c r="KD33" s="61">
        <v>4</v>
      </c>
      <c r="KE33" s="62">
        <v>8</v>
      </c>
      <c r="KF33" s="231"/>
      <c r="KG33" s="61">
        <v>5</v>
      </c>
      <c r="KH33" s="61">
        <v>3</v>
      </c>
      <c r="KI33" s="61">
        <v>4</v>
      </c>
      <c r="KJ33" s="61">
        <v>8</v>
      </c>
      <c r="KK33" s="61">
        <v>1</v>
      </c>
      <c r="KL33" s="62">
        <v>21</v>
      </c>
      <c r="KM33" s="63">
        <v>29</v>
      </c>
    </row>
    <row r="34" spans="2:299" ht="21" customHeight="1" x14ac:dyDescent="0.2">
      <c r="B34" s="472" t="s">
        <v>31</v>
      </c>
      <c r="C34" s="293">
        <v>3</v>
      </c>
      <c r="D34" s="72">
        <v>5</v>
      </c>
      <c r="E34" s="73">
        <v>8</v>
      </c>
      <c r="F34" s="228"/>
      <c r="G34" s="72">
        <v>8</v>
      </c>
      <c r="H34" s="72">
        <v>4</v>
      </c>
      <c r="I34" s="72">
        <v>8</v>
      </c>
      <c r="J34" s="72">
        <v>2</v>
      </c>
      <c r="K34" s="72">
        <v>1</v>
      </c>
      <c r="L34" s="74">
        <v>23</v>
      </c>
      <c r="M34" s="75">
        <v>31</v>
      </c>
      <c r="N34" s="60">
        <v>0</v>
      </c>
      <c r="O34" s="61">
        <v>0</v>
      </c>
      <c r="P34" s="62">
        <v>0</v>
      </c>
      <c r="Q34" s="231"/>
      <c r="R34" s="61">
        <v>0</v>
      </c>
      <c r="S34" s="61">
        <v>0</v>
      </c>
      <c r="T34" s="61">
        <v>0</v>
      </c>
      <c r="U34" s="61">
        <v>0</v>
      </c>
      <c r="V34" s="61">
        <v>1</v>
      </c>
      <c r="W34" s="62">
        <v>1</v>
      </c>
      <c r="X34" s="63">
        <v>1</v>
      </c>
      <c r="Y34" s="60">
        <v>0</v>
      </c>
      <c r="Z34" s="61">
        <v>0</v>
      </c>
      <c r="AA34" s="62">
        <v>0</v>
      </c>
      <c r="AB34" s="231"/>
      <c r="AC34" s="61">
        <v>0</v>
      </c>
      <c r="AD34" s="61">
        <v>0</v>
      </c>
      <c r="AE34" s="61">
        <v>0</v>
      </c>
      <c r="AF34" s="61">
        <v>0</v>
      </c>
      <c r="AG34" s="61">
        <v>0</v>
      </c>
      <c r="AH34" s="62">
        <v>0</v>
      </c>
      <c r="AI34" s="63">
        <v>0</v>
      </c>
      <c r="AJ34" s="60">
        <v>0</v>
      </c>
      <c r="AK34" s="61">
        <v>1</v>
      </c>
      <c r="AL34" s="62">
        <v>1</v>
      </c>
      <c r="AM34" s="231"/>
      <c r="AN34" s="61">
        <v>0</v>
      </c>
      <c r="AO34" s="61">
        <v>0</v>
      </c>
      <c r="AP34" s="61">
        <v>1</v>
      </c>
      <c r="AQ34" s="61">
        <v>0</v>
      </c>
      <c r="AR34" s="61">
        <v>0</v>
      </c>
      <c r="AS34" s="62">
        <v>1</v>
      </c>
      <c r="AT34" s="63">
        <v>2</v>
      </c>
      <c r="AU34" s="60">
        <v>0</v>
      </c>
      <c r="AV34" s="61">
        <v>1</v>
      </c>
      <c r="AW34" s="62">
        <v>1</v>
      </c>
      <c r="AX34" s="231"/>
      <c r="AY34" s="61">
        <v>0</v>
      </c>
      <c r="AZ34" s="61">
        <v>0</v>
      </c>
      <c r="BA34" s="61">
        <v>1</v>
      </c>
      <c r="BB34" s="61">
        <v>1</v>
      </c>
      <c r="BC34" s="61">
        <v>0</v>
      </c>
      <c r="BD34" s="62">
        <v>2</v>
      </c>
      <c r="BE34" s="63">
        <v>3</v>
      </c>
      <c r="BF34" s="60">
        <v>0</v>
      </c>
      <c r="BG34" s="61">
        <v>2</v>
      </c>
      <c r="BH34" s="62">
        <v>2</v>
      </c>
      <c r="BI34" s="231"/>
      <c r="BJ34" s="61">
        <v>5</v>
      </c>
      <c r="BK34" s="61">
        <v>3</v>
      </c>
      <c r="BL34" s="61">
        <v>1</v>
      </c>
      <c r="BM34" s="61">
        <v>1</v>
      </c>
      <c r="BN34" s="61">
        <v>0</v>
      </c>
      <c r="BO34" s="62">
        <v>10</v>
      </c>
      <c r="BP34" s="63">
        <v>12</v>
      </c>
      <c r="BQ34" s="60">
        <v>3</v>
      </c>
      <c r="BR34" s="61">
        <v>1</v>
      </c>
      <c r="BS34" s="62">
        <v>4</v>
      </c>
      <c r="BT34" s="231"/>
      <c r="BU34" s="61">
        <v>3</v>
      </c>
      <c r="BV34" s="61">
        <v>1</v>
      </c>
      <c r="BW34" s="61">
        <v>5</v>
      </c>
      <c r="BX34" s="61">
        <v>0</v>
      </c>
      <c r="BY34" s="61">
        <v>0</v>
      </c>
      <c r="BZ34" s="62">
        <v>9</v>
      </c>
      <c r="CA34" s="63">
        <v>13</v>
      </c>
      <c r="CB34" s="60">
        <v>0</v>
      </c>
      <c r="CC34" s="61">
        <v>0</v>
      </c>
      <c r="CD34" s="62">
        <v>0</v>
      </c>
      <c r="CE34" s="231"/>
      <c r="CF34" s="61">
        <v>0</v>
      </c>
      <c r="CG34" s="61">
        <v>0</v>
      </c>
      <c r="CH34" s="61">
        <v>0</v>
      </c>
      <c r="CI34" s="61">
        <v>0</v>
      </c>
      <c r="CJ34" s="61">
        <v>0</v>
      </c>
      <c r="CK34" s="62">
        <v>0</v>
      </c>
      <c r="CL34" s="63">
        <v>0</v>
      </c>
      <c r="CM34" s="60">
        <v>3</v>
      </c>
      <c r="CN34" s="61">
        <v>5</v>
      </c>
      <c r="CO34" s="62">
        <v>8</v>
      </c>
      <c r="CP34" s="231"/>
      <c r="CQ34" s="61">
        <v>8</v>
      </c>
      <c r="CR34" s="61">
        <v>4</v>
      </c>
      <c r="CS34" s="61">
        <v>8</v>
      </c>
      <c r="CT34" s="61">
        <v>2</v>
      </c>
      <c r="CU34" s="61">
        <v>1</v>
      </c>
      <c r="CV34" s="62">
        <v>23</v>
      </c>
      <c r="CW34" s="63">
        <v>31</v>
      </c>
      <c r="CX34" s="113">
        <v>3</v>
      </c>
      <c r="CY34" s="72">
        <v>0</v>
      </c>
      <c r="CZ34" s="73">
        <v>3</v>
      </c>
      <c r="DA34" s="228"/>
      <c r="DB34" s="72">
        <v>0</v>
      </c>
      <c r="DC34" s="72">
        <v>1</v>
      </c>
      <c r="DD34" s="72">
        <v>0</v>
      </c>
      <c r="DE34" s="72">
        <v>1</v>
      </c>
      <c r="DF34" s="72">
        <v>1</v>
      </c>
      <c r="DG34" s="74">
        <v>3</v>
      </c>
      <c r="DH34" s="75">
        <v>6</v>
      </c>
      <c r="DI34" s="60">
        <v>0</v>
      </c>
      <c r="DJ34" s="61">
        <v>0</v>
      </c>
      <c r="DK34" s="62">
        <v>0</v>
      </c>
      <c r="DL34" s="231"/>
      <c r="DM34" s="61">
        <v>0</v>
      </c>
      <c r="DN34" s="61">
        <v>0</v>
      </c>
      <c r="DO34" s="61">
        <v>0</v>
      </c>
      <c r="DP34" s="61">
        <v>0</v>
      </c>
      <c r="DQ34" s="61">
        <v>0</v>
      </c>
      <c r="DR34" s="62">
        <v>0</v>
      </c>
      <c r="DS34" s="63">
        <v>0</v>
      </c>
      <c r="DT34" s="60">
        <v>0</v>
      </c>
      <c r="DU34" s="61">
        <v>0</v>
      </c>
      <c r="DV34" s="62">
        <v>0</v>
      </c>
      <c r="DW34" s="231"/>
      <c r="DX34" s="61">
        <v>0</v>
      </c>
      <c r="DY34" s="61">
        <v>0</v>
      </c>
      <c r="DZ34" s="61">
        <v>0</v>
      </c>
      <c r="EA34" s="61">
        <v>0</v>
      </c>
      <c r="EB34" s="61">
        <v>0</v>
      </c>
      <c r="EC34" s="62">
        <v>0</v>
      </c>
      <c r="ED34" s="63">
        <v>0</v>
      </c>
      <c r="EE34" s="60">
        <v>0</v>
      </c>
      <c r="EF34" s="61">
        <v>0</v>
      </c>
      <c r="EG34" s="62">
        <v>0</v>
      </c>
      <c r="EH34" s="231"/>
      <c r="EI34" s="61">
        <v>0</v>
      </c>
      <c r="EJ34" s="61">
        <v>0</v>
      </c>
      <c r="EK34" s="61">
        <v>0</v>
      </c>
      <c r="EL34" s="61">
        <v>0</v>
      </c>
      <c r="EM34" s="61">
        <v>0</v>
      </c>
      <c r="EN34" s="62">
        <v>0</v>
      </c>
      <c r="EO34" s="63">
        <v>0</v>
      </c>
      <c r="EP34" s="60">
        <v>1</v>
      </c>
      <c r="EQ34" s="61">
        <v>0</v>
      </c>
      <c r="ER34" s="62">
        <v>1</v>
      </c>
      <c r="ES34" s="231"/>
      <c r="ET34" s="61">
        <v>0</v>
      </c>
      <c r="EU34" s="61">
        <v>1</v>
      </c>
      <c r="EV34" s="61">
        <v>0</v>
      </c>
      <c r="EW34" s="61">
        <v>0</v>
      </c>
      <c r="EX34" s="61">
        <v>0</v>
      </c>
      <c r="EY34" s="62">
        <v>1</v>
      </c>
      <c r="EZ34" s="63">
        <v>2</v>
      </c>
      <c r="FA34" s="60">
        <v>1</v>
      </c>
      <c r="FB34" s="61">
        <v>0</v>
      </c>
      <c r="FC34" s="62">
        <v>1</v>
      </c>
      <c r="FD34" s="231"/>
      <c r="FE34" s="61">
        <v>0</v>
      </c>
      <c r="FF34" s="61">
        <v>0</v>
      </c>
      <c r="FG34" s="61">
        <v>0</v>
      </c>
      <c r="FH34" s="61">
        <v>0</v>
      </c>
      <c r="FI34" s="61">
        <v>0</v>
      </c>
      <c r="FJ34" s="62">
        <v>0</v>
      </c>
      <c r="FK34" s="63">
        <v>1</v>
      </c>
      <c r="FL34" s="60">
        <v>1</v>
      </c>
      <c r="FM34" s="61">
        <v>0</v>
      </c>
      <c r="FN34" s="62">
        <v>1</v>
      </c>
      <c r="FO34" s="231"/>
      <c r="FP34" s="61">
        <v>0</v>
      </c>
      <c r="FQ34" s="61">
        <v>0</v>
      </c>
      <c r="FR34" s="61">
        <v>0</v>
      </c>
      <c r="FS34" s="61">
        <v>1</v>
      </c>
      <c r="FT34" s="61">
        <v>1</v>
      </c>
      <c r="FU34" s="62">
        <v>2</v>
      </c>
      <c r="FV34" s="63">
        <v>3</v>
      </c>
      <c r="FW34" s="60">
        <v>0</v>
      </c>
      <c r="FX34" s="61">
        <v>0</v>
      </c>
      <c r="FY34" s="62">
        <v>0</v>
      </c>
      <c r="FZ34" s="231"/>
      <c r="GA34" s="61">
        <v>0</v>
      </c>
      <c r="GB34" s="61">
        <v>0</v>
      </c>
      <c r="GC34" s="61">
        <v>0</v>
      </c>
      <c r="GD34" s="61">
        <v>0</v>
      </c>
      <c r="GE34" s="61">
        <v>0</v>
      </c>
      <c r="GF34" s="62">
        <v>0</v>
      </c>
      <c r="GG34" s="63">
        <v>0</v>
      </c>
      <c r="GH34" s="60">
        <v>3</v>
      </c>
      <c r="GI34" s="61">
        <v>0</v>
      </c>
      <c r="GJ34" s="62">
        <v>3</v>
      </c>
      <c r="GK34" s="231"/>
      <c r="GL34" s="61">
        <v>0</v>
      </c>
      <c r="GM34" s="61">
        <v>1</v>
      </c>
      <c r="GN34" s="61">
        <v>0</v>
      </c>
      <c r="GO34" s="61">
        <v>1</v>
      </c>
      <c r="GP34" s="61">
        <v>1</v>
      </c>
      <c r="GQ34" s="62">
        <v>3</v>
      </c>
      <c r="GR34" s="63">
        <v>6</v>
      </c>
      <c r="GS34" s="113">
        <v>6</v>
      </c>
      <c r="GT34" s="72">
        <v>5</v>
      </c>
      <c r="GU34" s="73">
        <v>11</v>
      </c>
      <c r="GV34" s="228"/>
      <c r="GW34" s="72">
        <v>8</v>
      </c>
      <c r="GX34" s="72">
        <v>5</v>
      </c>
      <c r="GY34" s="72">
        <v>8</v>
      </c>
      <c r="GZ34" s="72">
        <v>3</v>
      </c>
      <c r="HA34" s="72">
        <v>2</v>
      </c>
      <c r="HB34" s="74">
        <v>26</v>
      </c>
      <c r="HC34" s="75">
        <v>37</v>
      </c>
      <c r="HD34" s="60">
        <v>0</v>
      </c>
      <c r="HE34" s="61">
        <v>0</v>
      </c>
      <c r="HF34" s="62">
        <v>0</v>
      </c>
      <c r="HG34" s="231"/>
      <c r="HH34" s="61">
        <v>0</v>
      </c>
      <c r="HI34" s="61">
        <v>0</v>
      </c>
      <c r="HJ34" s="61">
        <v>0</v>
      </c>
      <c r="HK34" s="61">
        <v>0</v>
      </c>
      <c r="HL34" s="61">
        <v>1</v>
      </c>
      <c r="HM34" s="62">
        <v>1</v>
      </c>
      <c r="HN34" s="63">
        <v>1</v>
      </c>
      <c r="HO34" s="60">
        <v>0</v>
      </c>
      <c r="HP34" s="61">
        <v>0</v>
      </c>
      <c r="HQ34" s="62">
        <v>0</v>
      </c>
      <c r="HR34" s="231"/>
      <c r="HS34" s="61">
        <v>0</v>
      </c>
      <c r="HT34" s="61">
        <v>0</v>
      </c>
      <c r="HU34" s="61">
        <v>0</v>
      </c>
      <c r="HV34" s="61">
        <v>0</v>
      </c>
      <c r="HW34" s="61">
        <v>0</v>
      </c>
      <c r="HX34" s="62">
        <v>0</v>
      </c>
      <c r="HY34" s="63">
        <v>0</v>
      </c>
      <c r="HZ34" s="60">
        <v>0</v>
      </c>
      <c r="IA34" s="61">
        <v>1</v>
      </c>
      <c r="IB34" s="62">
        <v>1</v>
      </c>
      <c r="IC34" s="231"/>
      <c r="ID34" s="61">
        <v>0</v>
      </c>
      <c r="IE34" s="61">
        <v>0</v>
      </c>
      <c r="IF34" s="61">
        <v>1</v>
      </c>
      <c r="IG34" s="61">
        <v>0</v>
      </c>
      <c r="IH34" s="61">
        <v>0</v>
      </c>
      <c r="II34" s="62">
        <v>1</v>
      </c>
      <c r="IJ34" s="63">
        <v>2</v>
      </c>
      <c r="IK34" s="60">
        <v>1</v>
      </c>
      <c r="IL34" s="61">
        <v>1</v>
      </c>
      <c r="IM34" s="62">
        <v>2</v>
      </c>
      <c r="IN34" s="231"/>
      <c r="IO34" s="61">
        <v>0</v>
      </c>
      <c r="IP34" s="61">
        <v>1</v>
      </c>
      <c r="IQ34" s="61">
        <v>1</v>
      </c>
      <c r="IR34" s="61">
        <v>1</v>
      </c>
      <c r="IS34" s="61">
        <v>0</v>
      </c>
      <c r="IT34" s="62">
        <v>3</v>
      </c>
      <c r="IU34" s="63">
        <v>5</v>
      </c>
      <c r="IV34" s="60">
        <v>1</v>
      </c>
      <c r="IW34" s="61">
        <v>2</v>
      </c>
      <c r="IX34" s="62">
        <v>3</v>
      </c>
      <c r="IY34" s="231"/>
      <c r="IZ34" s="61">
        <v>5</v>
      </c>
      <c r="JA34" s="61">
        <v>3</v>
      </c>
      <c r="JB34" s="61">
        <v>1</v>
      </c>
      <c r="JC34" s="61">
        <v>1</v>
      </c>
      <c r="JD34" s="61">
        <v>0</v>
      </c>
      <c r="JE34" s="62">
        <v>10</v>
      </c>
      <c r="JF34" s="63">
        <v>13</v>
      </c>
      <c r="JG34" s="60">
        <v>4</v>
      </c>
      <c r="JH34" s="61">
        <v>1</v>
      </c>
      <c r="JI34" s="62">
        <v>5</v>
      </c>
      <c r="JJ34" s="231"/>
      <c r="JK34" s="61">
        <v>3</v>
      </c>
      <c r="JL34" s="61">
        <v>1</v>
      </c>
      <c r="JM34" s="61">
        <v>5</v>
      </c>
      <c r="JN34" s="61">
        <v>1</v>
      </c>
      <c r="JO34" s="61">
        <v>1</v>
      </c>
      <c r="JP34" s="62">
        <v>11</v>
      </c>
      <c r="JQ34" s="63">
        <v>16</v>
      </c>
      <c r="JR34" s="60">
        <v>0</v>
      </c>
      <c r="JS34" s="61">
        <v>0</v>
      </c>
      <c r="JT34" s="62">
        <v>0</v>
      </c>
      <c r="JU34" s="231"/>
      <c r="JV34" s="61">
        <v>0</v>
      </c>
      <c r="JW34" s="61">
        <v>0</v>
      </c>
      <c r="JX34" s="61">
        <v>0</v>
      </c>
      <c r="JY34" s="61">
        <v>0</v>
      </c>
      <c r="JZ34" s="61">
        <v>0</v>
      </c>
      <c r="KA34" s="62">
        <v>0</v>
      </c>
      <c r="KB34" s="63">
        <v>0</v>
      </c>
      <c r="KC34" s="60">
        <v>6</v>
      </c>
      <c r="KD34" s="61">
        <v>5</v>
      </c>
      <c r="KE34" s="62">
        <v>11</v>
      </c>
      <c r="KF34" s="231"/>
      <c r="KG34" s="61">
        <v>8</v>
      </c>
      <c r="KH34" s="61">
        <v>5</v>
      </c>
      <c r="KI34" s="61">
        <v>8</v>
      </c>
      <c r="KJ34" s="61">
        <v>3</v>
      </c>
      <c r="KK34" s="61">
        <v>2</v>
      </c>
      <c r="KL34" s="62">
        <v>26</v>
      </c>
      <c r="KM34" s="63">
        <v>37</v>
      </c>
    </row>
    <row r="35" spans="2:299" ht="21" customHeight="1" x14ac:dyDescent="0.2">
      <c r="B35" s="472" t="s">
        <v>32</v>
      </c>
      <c r="C35" s="293">
        <v>3</v>
      </c>
      <c r="D35" s="72">
        <v>6</v>
      </c>
      <c r="E35" s="73">
        <v>9</v>
      </c>
      <c r="F35" s="228"/>
      <c r="G35" s="72">
        <v>13</v>
      </c>
      <c r="H35" s="72">
        <v>12</v>
      </c>
      <c r="I35" s="72">
        <v>4</v>
      </c>
      <c r="J35" s="72">
        <v>5</v>
      </c>
      <c r="K35" s="72">
        <v>1</v>
      </c>
      <c r="L35" s="74">
        <v>35</v>
      </c>
      <c r="M35" s="75">
        <v>44</v>
      </c>
      <c r="N35" s="60">
        <v>1</v>
      </c>
      <c r="O35" s="61">
        <v>0</v>
      </c>
      <c r="P35" s="62">
        <v>1</v>
      </c>
      <c r="Q35" s="231"/>
      <c r="R35" s="61">
        <v>0</v>
      </c>
      <c r="S35" s="61">
        <v>0</v>
      </c>
      <c r="T35" s="61">
        <v>0</v>
      </c>
      <c r="U35" s="61">
        <v>0</v>
      </c>
      <c r="V35" s="61">
        <v>0</v>
      </c>
      <c r="W35" s="62">
        <v>0</v>
      </c>
      <c r="X35" s="63">
        <v>1</v>
      </c>
      <c r="Y35" s="60">
        <v>0</v>
      </c>
      <c r="Z35" s="61">
        <v>0</v>
      </c>
      <c r="AA35" s="62">
        <v>0</v>
      </c>
      <c r="AB35" s="231"/>
      <c r="AC35" s="61">
        <v>0</v>
      </c>
      <c r="AD35" s="61">
        <v>0</v>
      </c>
      <c r="AE35" s="61">
        <v>0</v>
      </c>
      <c r="AF35" s="61">
        <v>0</v>
      </c>
      <c r="AG35" s="61">
        <v>0</v>
      </c>
      <c r="AH35" s="62">
        <v>0</v>
      </c>
      <c r="AI35" s="63">
        <v>0</v>
      </c>
      <c r="AJ35" s="60">
        <v>0</v>
      </c>
      <c r="AK35" s="61">
        <v>0</v>
      </c>
      <c r="AL35" s="62">
        <v>0</v>
      </c>
      <c r="AM35" s="231"/>
      <c r="AN35" s="61">
        <v>0</v>
      </c>
      <c r="AO35" s="61">
        <v>2</v>
      </c>
      <c r="AP35" s="61">
        <v>0</v>
      </c>
      <c r="AQ35" s="61">
        <v>0</v>
      </c>
      <c r="AR35" s="61">
        <v>0</v>
      </c>
      <c r="AS35" s="62">
        <v>2</v>
      </c>
      <c r="AT35" s="63">
        <v>2</v>
      </c>
      <c r="AU35" s="60">
        <v>1</v>
      </c>
      <c r="AV35" s="61">
        <v>2</v>
      </c>
      <c r="AW35" s="62">
        <v>3</v>
      </c>
      <c r="AX35" s="231"/>
      <c r="AY35" s="61">
        <v>2</v>
      </c>
      <c r="AZ35" s="61">
        <v>1</v>
      </c>
      <c r="BA35" s="61">
        <v>2</v>
      </c>
      <c r="BB35" s="61">
        <v>1</v>
      </c>
      <c r="BC35" s="61">
        <v>0</v>
      </c>
      <c r="BD35" s="62">
        <v>6</v>
      </c>
      <c r="BE35" s="63">
        <v>9</v>
      </c>
      <c r="BF35" s="60">
        <v>0</v>
      </c>
      <c r="BG35" s="61">
        <v>2</v>
      </c>
      <c r="BH35" s="62">
        <v>2</v>
      </c>
      <c r="BI35" s="231"/>
      <c r="BJ35" s="61">
        <v>6</v>
      </c>
      <c r="BK35" s="61">
        <v>3</v>
      </c>
      <c r="BL35" s="61">
        <v>2</v>
      </c>
      <c r="BM35" s="61">
        <v>4</v>
      </c>
      <c r="BN35" s="61">
        <v>1</v>
      </c>
      <c r="BO35" s="62">
        <v>16</v>
      </c>
      <c r="BP35" s="63">
        <v>18</v>
      </c>
      <c r="BQ35" s="60">
        <v>1</v>
      </c>
      <c r="BR35" s="61">
        <v>2</v>
      </c>
      <c r="BS35" s="62">
        <v>3</v>
      </c>
      <c r="BT35" s="231"/>
      <c r="BU35" s="61">
        <v>5</v>
      </c>
      <c r="BV35" s="61">
        <v>6</v>
      </c>
      <c r="BW35" s="61">
        <v>0</v>
      </c>
      <c r="BX35" s="61">
        <v>0</v>
      </c>
      <c r="BY35" s="61">
        <v>0</v>
      </c>
      <c r="BZ35" s="62">
        <v>11</v>
      </c>
      <c r="CA35" s="63">
        <v>14</v>
      </c>
      <c r="CB35" s="60">
        <v>0</v>
      </c>
      <c r="CC35" s="61">
        <v>0</v>
      </c>
      <c r="CD35" s="62">
        <v>0</v>
      </c>
      <c r="CE35" s="231"/>
      <c r="CF35" s="61">
        <v>0</v>
      </c>
      <c r="CG35" s="61">
        <v>0</v>
      </c>
      <c r="CH35" s="61">
        <v>0</v>
      </c>
      <c r="CI35" s="61">
        <v>0</v>
      </c>
      <c r="CJ35" s="61">
        <v>0</v>
      </c>
      <c r="CK35" s="62">
        <v>0</v>
      </c>
      <c r="CL35" s="63">
        <v>0</v>
      </c>
      <c r="CM35" s="60">
        <v>3</v>
      </c>
      <c r="CN35" s="61">
        <v>6</v>
      </c>
      <c r="CO35" s="62">
        <v>9</v>
      </c>
      <c r="CP35" s="231"/>
      <c r="CQ35" s="61">
        <v>13</v>
      </c>
      <c r="CR35" s="61">
        <v>12</v>
      </c>
      <c r="CS35" s="61">
        <v>4</v>
      </c>
      <c r="CT35" s="61">
        <v>5</v>
      </c>
      <c r="CU35" s="61">
        <v>1</v>
      </c>
      <c r="CV35" s="62">
        <v>35</v>
      </c>
      <c r="CW35" s="63">
        <v>44</v>
      </c>
      <c r="CX35" s="113">
        <v>0</v>
      </c>
      <c r="CY35" s="72">
        <v>0</v>
      </c>
      <c r="CZ35" s="73">
        <v>0</v>
      </c>
      <c r="DA35" s="228"/>
      <c r="DB35" s="72">
        <v>1</v>
      </c>
      <c r="DC35" s="72">
        <v>3</v>
      </c>
      <c r="DD35" s="72">
        <v>1</v>
      </c>
      <c r="DE35" s="72">
        <v>3</v>
      </c>
      <c r="DF35" s="72">
        <v>3</v>
      </c>
      <c r="DG35" s="74">
        <v>11</v>
      </c>
      <c r="DH35" s="75">
        <v>11</v>
      </c>
      <c r="DI35" s="60">
        <v>0</v>
      </c>
      <c r="DJ35" s="61">
        <v>0</v>
      </c>
      <c r="DK35" s="62">
        <v>0</v>
      </c>
      <c r="DL35" s="231"/>
      <c r="DM35" s="61">
        <v>1</v>
      </c>
      <c r="DN35" s="61">
        <v>0</v>
      </c>
      <c r="DO35" s="61">
        <v>0</v>
      </c>
      <c r="DP35" s="61">
        <v>0</v>
      </c>
      <c r="DQ35" s="61">
        <v>0</v>
      </c>
      <c r="DR35" s="62">
        <v>1</v>
      </c>
      <c r="DS35" s="63">
        <v>1</v>
      </c>
      <c r="DT35" s="60">
        <v>0</v>
      </c>
      <c r="DU35" s="61">
        <v>0</v>
      </c>
      <c r="DV35" s="62">
        <v>0</v>
      </c>
      <c r="DW35" s="231"/>
      <c r="DX35" s="61">
        <v>0</v>
      </c>
      <c r="DY35" s="61">
        <v>0</v>
      </c>
      <c r="DZ35" s="61">
        <v>0</v>
      </c>
      <c r="EA35" s="61">
        <v>0</v>
      </c>
      <c r="EB35" s="61">
        <v>0</v>
      </c>
      <c r="EC35" s="62">
        <v>0</v>
      </c>
      <c r="ED35" s="63">
        <v>0</v>
      </c>
      <c r="EE35" s="60">
        <v>0</v>
      </c>
      <c r="EF35" s="61">
        <v>0</v>
      </c>
      <c r="EG35" s="62">
        <v>0</v>
      </c>
      <c r="EH35" s="231"/>
      <c r="EI35" s="61">
        <v>0</v>
      </c>
      <c r="EJ35" s="61">
        <v>0</v>
      </c>
      <c r="EK35" s="61">
        <v>0</v>
      </c>
      <c r="EL35" s="61">
        <v>0</v>
      </c>
      <c r="EM35" s="61">
        <v>0</v>
      </c>
      <c r="EN35" s="62">
        <v>0</v>
      </c>
      <c r="EO35" s="63">
        <v>0</v>
      </c>
      <c r="EP35" s="60">
        <v>0</v>
      </c>
      <c r="EQ35" s="61">
        <v>0</v>
      </c>
      <c r="ER35" s="62">
        <v>0</v>
      </c>
      <c r="ES35" s="231"/>
      <c r="ET35" s="61">
        <v>0</v>
      </c>
      <c r="EU35" s="61">
        <v>1</v>
      </c>
      <c r="EV35" s="61">
        <v>0</v>
      </c>
      <c r="EW35" s="61">
        <v>0</v>
      </c>
      <c r="EX35" s="61">
        <v>0</v>
      </c>
      <c r="EY35" s="62">
        <v>1</v>
      </c>
      <c r="EZ35" s="63">
        <v>1</v>
      </c>
      <c r="FA35" s="60">
        <v>0</v>
      </c>
      <c r="FB35" s="61">
        <v>0</v>
      </c>
      <c r="FC35" s="62">
        <v>0</v>
      </c>
      <c r="FD35" s="231"/>
      <c r="FE35" s="61">
        <v>0</v>
      </c>
      <c r="FF35" s="61">
        <v>1</v>
      </c>
      <c r="FG35" s="61">
        <v>1</v>
      </c>
      <c r="FH35" s="61">
        <v>1</v>
      </c>
      <c r="FI35" s="61">
        <v>1</v>
      </c>
      <c r="FJ35" s="62">
        <v>4</v>
      </c>
      <c r="FK35" s="63">
        <v>4</v>
      </c>
      <c r="FL35" s="60">
        <v>0</v>
      </c>
      <c r="FM35" s="61">
        <v>0</v>
      </c>
      <c r="FN35" s="62">
        <v>0</v>
      </c>
      <c r="FO35" s="231"/>
      <c r="FP35" s="61">
        <v>0</v>
      </c>
      <c r="FQ35" s="61">
        <v>1</v>
      </c>
      <c r="FR35" s="61">
        <v>0</v>
      </c>
      <c r="FS35" s="61">
        <v>2</v>
      </c>
      <c r="FT35" s="61">
        <v>2</v>
      </c>
      <c r="FU35" s="62">
        <v>5</v>
      </c>
      <c r="FV35" s="63">
        <v>5</v>
      </c>
      <c r="FW35" s="60">
        <v>0</v>
      </c>
      <c r="FX35" s="61">
        <v>0</v>
      </c>
      <c r="FY35" s="62">
        <v>0</v>
      </c>
      <c r="FZ35" s="231"/>
      <c r="GA35" s="61">
        <v>0</v>
      </c>
      <c r="GB35" s="61">
        <v>0</v>
      </c>
      <c r="GC35" s="61">
        <v>0</v>
      </c>
      <c r="GD35" s="61">
        <v>0</v>
      </c>
      <c r="GE35" s="61">
        <v>0</v>
      </c>
      <c r="GF35" s="62">
        <v>0</v>
      </c>
      <c r="GG35" s="63">
        <v>0</v>
      </c>
      <c r="GH35" s="60">
        <v>0</v>
      </c>
      <c r="GI35" s="61">
        <v>0</v>
      </c>
      <c r="GJ35" s="62">
        <v>0</v>
      </c>
      <c r="GK35" s="231"/>
      <c r="GL35" s="61">
        <v>1</v>
      </c>
      <c r="GM35" s="61">
        <v>3</v>
      </c>
      <c r="GN35" s="61">
        <v>1</v>
      </c>
      <c r="GO35" s="61">
        <v>3</v>
      </c>
      <c r="GP35" s="61">
        <v>3</v>
      </c>
      <c r="GQ35" s="62">
        <v>11</v>
      </c>
      <c r="GR35" s="63">
        <v>11</v>
      </c>
      <c r="GS35" s="113">
        <v>3</v>
      </c>
      <c r="GT35" s="72">
        <v>6</v>
      </c>
      <c r="GU35" s="73">
        <v>9</v>
      </c>
      <c r="GV35" s="228"/>
      <c r="GW35" s="72">
        <v>14</v>
      </c>
      <c r="GX35" s="72">
        <v>15</v>
      </c>
      <c r="GY35" s="72">
        <v>5</v>
      </c>
      <c r="GZ35" s="72">
        <v>8</v>
      </c>
      <c r="HA35" s="72">
        <v>4</v>
      </c>
      <c r="HB35" s="74">
        <v>46</v>
      </c>
      <c r="HC35" s="75">
        <v>55</v>
      </c>
      <c r="HD35" s="60">
        <v>1</v>
      </c>
      <c r="HE35" s="61">
        <v>0</v>
      </c>
      <c r="HF35" s="62">
        <v>1</v>
      </c>
      <c r="HG35" s="231"/>
      <c r="HH35" s="61">
        <v>1</v>
      </c>
      <c r="HI35" s="61">
        <v>0</v>
      </c>
      <c r="HJ35" s="61">
        <v>0</v>
      </c>
      <c r="HK35" s="61">
        <v>0</v>
      </c>
      <c r="HL35" s="61">
        <v>0</v>
      </c>
      <c r="HM35" s="62">
        <v>1</v>
      </c>
      <c r="HN35" s="63">
        <v>2</v>
      </c>
      <c r="HO35" s="60">
        <v>0</v>
      </c>
      <c r="HP35" s="61">
        <v>0</v>
      </c>
      <c r="HQ35" s="62">
        <v>0</v>
      </c>
      <c r="HR35" s="231"/>
      <c r="HS35" s="61">
        <v>0</v>
      </c>
      <c r="HT35" s="61">
        <v>0</v>
      </c>
      <c r="HU35" s="61">
        <v>0</v>
      </c>
      <c r="HV35" s="61">
        <v>0</v>
      </c>
      <c r="HW35" s="61">
        <v>0</v>
      </c>
      <c r="HX35" s="62">
        <v>0</v>
      </c>
      <c r="HY35" s="63">
        <v>0</v>
      </c>
      <c r="HZ35" s="60">
        <v>0</v>
      </c>
      <c r="IA35" s="61">
        <v>0</v>
      </c>
      <c r="IB35" s="62">
        <v>0</v>
      </c>
      <c r="IC35" s="231"/>
      <c r="ID35" s="61">
        <v>0</v>
      </c>
      <c r="IE35" s="61">
        <v>2</v>
      </c>
      <c r="IF35" s="61">
        <v>0</v>
      </c>
      <c r="IG35" s="61">
        <v>0</v>
      </c>
      <c r="IH35" s="61">
        <v>0</v>
      </c>
      <c r="II35" s="62">
        <v>2</v>
      </c>
      <c r="IJ35" s="63">
        <v>2</v>
      </c>
      <c r="IK35" s="60">
        <v>1</v>
      </c>
      <c r="IL35" s="61">
        <v>2</v>
      </c>
      <c r="IM35" s="62">
        <v>3</v>
      </c>
      <c r="IN35" s="231"/>
      <c r="IO35" s="61">
        <v>2</v>
      </c>
      <c r="IP35" s="61">
        <v>2</v>
      </c>
      <c r="IQ35" s="61">
        <v>2</v>
      </c>
      <c r="IR35" s="61">
        <v>1</v>
      </c>
      <c r="IS35" s="61">
        <v>0</v>
      </c>
      <c r="IT35" s="62">
        <v>7</v>
      </c>
      <c r="IU35" s="63">
        <v>10</v>
      </c>
      <c r="IV35" s="60">
        <v>0</v>
      </c>
      <c r="IW35" s="61">
        <v>2</v>
      </c>
      <c r="IX35" s="62">
        <v>2</v>
      </c>
      <c r="IY35" s="231"/>
      <c r="IZ35" s="61">
        <v>6</v>
      </c>
      <c r="JA35" s="61">
        <v>4</v>
      </c>
      <c r="JB35" s="61">
        <v>3</v>
      </c>
      <c r="JC35" s="61">
        <v>5</v>
      </c>
      <c r="JD35" s="61">
        <v>2</v>
      </c>
      <c r="JE35" s="62">
        <v>20</v>
      </c>
      <c r="JF35" s="63">
        <v>22</v>
      </c>
      <c r="JG35" s="60">
        <v>1</v>
      </c>
      <c r="JH35" s="61">
        <v>2</v>
      </c>
      <c r="JI35" s="62">
        <v>3</v>
      </c>
      <c r="JJ35" s="231"/>
      <c r="JK35" s="61">
        <v>5</v>
      </c>
      <c r="JL35" s="61">
        <v>7</v>
      </c>
      <c r="JM35" s="61">
        <v>0</v>
      </c>
      <c r="JN35" s="61">
        <v>2</v>
      </c>
      <c r="JO35" s="61">
        <v>2</v>
      </c>
      <c r="JP35" s="62">
        <v>16</v>
      </c>
      <c r="JQ35" s="63">
        <v>19</v>
      </c>
      <c r="JR35" s="60">
        <v>0</v>
      </c>
      <c r="JS35" s="61">
        <v>0</v>
      </c>
      <c r="JT35" s="62">
        <v>0</v>
      </c>
      <c r="JU35" s="231"/>
      <c r="JV35" s="61">
        <v>0</v>
      </c>
      <c r="JW35" s="61">
        <v>0</v>
      </c>
      <c r="JX35" s="61">
        <v>0</v>
      </c>
      <c r="JY35" s="61">
        <v>0</v>
      </c>
      <c r="JZ35" s="61">
        <v>0</v>
      </c>
      <c r="KA35" s="62">
        <v>0</v>
      </c>
      <c r="KB35" s="63">
        <v>0</v>
      </c>
      <c r="KC35" s="60">
        <v>3</v>
      </c>
      <c r="KD35" s="61">
        <v>6</v>
      </c>
      <c r="KE35" s="62">
        <v>9</v>
      </c>
      <c r="KF35" s="231"/>
      <c r="KG35" s="61">
        <v>14</v>
      </c>
      <c r="KH35" s="61">
        <v>15</v>
      </c>
      <c r="KI35" s="61">
        <v>5</v>
      </c>
      <c r="KJ35" s="61">
        <v>8</v>
      </c>
      <c r="KK35" s="61">
        <v>4</v>
      </c>
      <c r="KL35" s="62">
        <v>46</v>
      </c>
      <c r="KM35" s="63">
        <v>55</v>
      </c>
    </row>
    <row r="36" spans="2:299" ht="21" customHeight="1" x14ac:dyDescent="0.2">
      <c r="B36" s="472" t="s">
        <v>33</v>
      </c>
      <c r="C36" s="293">
        <v>6</v>
      </c>
      <c r="D36" s="72">
        <v>3</v>
      </c>
      <c r="E36" s="73">
        <v>9</v>
      </c>
      <c r="F36" s="228"/>
      <c r="G36" s="72">
        <v>5</v>
      </c>
      <c r="H36" s="72">
        <v>2</v>
      </c>
      <c r="I36" s="72">
        <v>4</v>
      </c>
      <c r="J36" s="72">
        <v>0</v>
      </c>
      <c r="K36" s="72">
        <v>1</v>
      </c>
      <c r="L36" s="74">
        <v>12</v>
      </c>
      <c r="M36" s="75">
        <v>21</v>
      </c>
      <c r="N36" s="60">
        <v>0</v>
      </c>
      <c r="O36" s="61">
        <v>0</v>
      </c>
      <c r="P36" s="62">
        <v>0</v>
      </c>
      <c r="Q36" s="231"/>
      <c r="R36" s="61">
        <v>0</v>
      </c>
      <c r="S36" s="61">
        <v>0</v>
      </c>
      <c r="T36" s="61">
        <v>0</v>
      </c>
      <c r="U36" s="61">
        <v>0</v>
      </c>
      <c r="V36" s="61">
        <v>0</v>
      </c>
      <c r="W36" s="62">
        <v>0</v>
      </c>
      <c r="X36" s="63">
        <v>0</v>
      </c>
      <c r="Y36" s="60">
        <v>0</v>
      </c>
      <c r="Z36" s="61">
        <v>0</v>
      </c>
      <c r="AA36" s="62">
        <v>0</v>
      </c>
      <c r="AB36" s="231"/>
      <c r="AC36" s="61">
        <v>0</v>
      </c>
      <c r="AD36" s="61">
        <v>0</v>
      </c>
      <c r="AE36" s="61">
        <v>0</v>
      </c>
      <c r="AF36" s="61">
        <v>0</v>
      </c>
      <c r="AG36" s="61">
        <v>0</v>
      </c>
      <c r="AH36" s="62">
        <v>0</v>
      </c>
      <c r="AI36" s="63">
        <v>0</v>
      </c>
      <c r="AJ36" s="60">
        <v>2</v>
      </c>
      <c r="AK36" s="61">
        <v>0</v>
      </c>
      <c r="AL36" s="62">
        <v>2</v>
      </c>
      <c r="AM36" s="231"/>
      <c r="AN36" s="61">
        <v>0</v>
      </c>
      <c r="AO36" s="61">
        <v>0</v>
      </c>
      <c r="AP36" s="61">
        <v>0</v>
      </c>
      <c r="AQ36" s="61">
        <v>0</v>
      </c>
      <c r="AR36" s="61">
        <v>1</v>
      </c>
      <c r="AS36" s="62">
        <v>1</v>
      </c>
      <c r="AT36" s="63">
        <v>3</v>
      </c>
      <c r="AU36" s="60">
        <v>1</v>
      </c>
      <c r="AV36" s="61">
        <v>1</v>
      </c>
      <c r="AW36" s="62">
        <v>2</v>
      </c>
      <c r="AX36" s="231"/>
      <c r="AY36" s="61">
        <v>1</v>
      </c>
      <c r="AZ36" s="61">
        <v>0</v>
      </c>
      <c r="BA36" s="61">
        <v>2</v>
      </c>
      <c r="BB36" s="61">
        <v>0</v>
      </c>
      <c r="BC36" s="61">
        <v>0</v>
      </c>
      <c r="BD36" s="62">
        <v>3</v>
      </c>
      <c r="BE36" s="63">
        <v>5</v>
      </c>
      <c r="BF36" s="60">
        <v>1</v>
      </c>
      <c r="BG36" s="61">
        <v>1</v>
      </c>
      <c r="BH36" s="62">
        <v>2</v>
      </c>
      <c r="BI36" s="231"/>
      <c r="BJ36" s="61">
        <v>1</v>
      </c>
      <c r="BK36" s="61">
        <v>0</v>
      </c>
      <c r="BL36" s="61">
        <v>2</v>
      </c>
      <c r="BM36" s="61">
        <v>0</v>
      </c>
      <c r="BN36" s="61">
        <v>0</v>
      </c>
      <c r="BO36" s="62">
        <v>3</v>
      </c>
      <c r="BP36" s="63">
        <v>5</v>
      </c>
      <c r="BQ36" s="60">
        <v>2</v>
      </c>
      <c r="BR36" s="61">
        <v>1</v>
      </c>
      <c r="BS36" s="62">
        <v>3</v>
      </c>
      <c r="BT36" s="231"/>
      <c r="BU36" s="61">
        <v>3</v>
      </c>
      <c r="BV36" s="61">
        <v>2</v>
      </c>
      <c r="BW36" s="61">
        <v>0</v>
      </c>
      <c r="BX36" s="61">
        <v>0</v>
      </c>
      <c r="BY36" s="61">
        <v>0</v>
      </c>
      <c r="BZ36" s="62">
        <v>5</v>
      </c>
      <c r="CA36" s="63">
        <v>8</v>
      </c>
      <c r="CB36" s="60">
        <v>0</v>
      </c>
      <c r="CC36" s="61">
        <v>0</v>
      </c>
      <c r="CD36" s="62">
        <v>0</v>
      </c>
      <c r="CE36" s="231"/>
      <c r="CF36" s="61">
        <v>0</v>
      </c>
      <c r="CG36" s="61">
        <v>0</v>
      </c>
      <c r="CH36" s="61">
        <v>0</v>
      </c>
      <c r="CI36" s="61">
        <v>0</v>
      </c>
      <c r="CJ36" s="61">
        <v>0</v>
      </c>
      <c r="CK36" s="62">
        <v>0</v>
      </c>
      <c r="CL36" s="63">
        <v>0</v>
      </c>
      <c r="CM36" s="60">
        <v>6</v>
      </c>
      <c r="CN36" s="61">
        <v>3</v>
      </c>
      <c r="CO36" s="62">
        <v>9</v>
      </c>
      <c r="CP36" s="231"/>
      <c r="CQ36" s="61">
        <v>5</v>
      </c>
      <c r="CR36" s="61">
        <v>2</v>
      </c>
      <c r="CS36" s="61">
        <v>4</v>
      </c>
      <c r="CT36" s="61">
        <v>0</v>
      </c>
      <c r="CU36" s="61">
        <v>1</v>
      </c>
      <c r="CV36" s="62">
        <v>12</v>
      </c>
      <c r="CW36" s="63">
        <v>21</v>
      </c>
      <c r="CX36" s="113">
        <v>0</v>
      </c>
      <c r="CY36" s="72">
        <v>2</v>
      </c>
      <c r="CZ36" s="73">
        <v>2</v>
      </c>
      <c r="DA36" s="228"/>
      <c r="DB36" s="72">
        <v>2</v>
      </c>
      <c r="DC36" s="72">
        <v>2</v>
      </c>
      <c r="DD36" s="72">
        <v>0</v>
      </c>
      <c r="DE36" s="72">
        <v>0</v>
      </c>
      <c r="DF36" s="72">
        <v>0</v>
      </c>
      <c r="DG36" s="74">
        <v>4</v>
      </c>
      <c r="DH36" s="75">
        <v>6</v>
      </c>
      <c r="DI36" s="60">
        <v>0</v>
      </c>
      <c r="DJ36" s="61">
        <v>0</v>
      </c>
      <c r="DK36" s="62">
        <v>0</v>
      </c>
      <c r="DL36" s="231"/>
      <c r="DM36" s="61">
        <v>0</v>
      </c>
      <c r="DN36" s="61">
        <v>0</v>
      </c>
      <c r="DO36" s="61">
        <v>0</v>
      </c>
      <c r="DP36" s="61">
        <v>0</v>
      </c>
      <c r="DQ36" s="61">
        <v>0</v>
      </c>
      <c r="DR36" s="62">
        <v>0</v>
      </c>
      <c r="DS36" s="63">
        <v>0</v>
      </c>
      <c r="DT36" s="60">
        <v>0</v>
      </c>
      <c r="DU36" s="61">
        <v>1</v>
      </c>
      <c r="DV36" s="62">
        <v>1</v>
      </c>
      <c r="DW36" s="231"/>
      <c r="DX36" s="61">
        <v>0</v>
      </c>
      <c r="DY36" s="61">
        <v>0</v>
      </c>
      <c r="DZ36" s="61">
        <v>0</v>
      </c>
      <c r="EA36" s="61">
        <v>0</v>
      </c>
      <c r="EB36" s="61">
        <v>0</v>
      </c>
      <c r="EC36" s="62">
        <v>0</v>
      </c>
      <c r="ED36" s="63">
        <v>1</v>
      </c>
      <c r="EE36" s="60">
        <v>0</v>
      </c>
      <c r="EF36" s="61">
        <v>0</v>
      </c>
      <c r="EG36" s="62">
        <v>0</v>
      </c>
      <c r="EH36" s="231"/>
      <c r="EI36" s="61">
        <v>0</v>
      </c>
      <c r="EJ36" s="61">
        <v>0</v>
      </c>
      <c r="EK36" s="61">
        <v>0</v>
      </c>
      <c r="EL36" s="61">
        <v>0</v>
      </c>
      <c r="EM36" s="61">
        <v>0</v>
      </c>
      <c r="EN36" s="62">
        <v>0</v>
      </c>
      <c r="EO36" s="63">
        <v>0</v>
      </c>
      <c r="EP36" s="60">
        <v>0</v>
      </c>
      <c r="EQ36" s="61">
        <v>0</v>
      </c>
      <c r="ER36" s="62">
        <v>0</v>
      </c>
      <c r="ES36" s="231"/>
      <c r="ET36" s="61">
        <v>0</v>
      </c>
      <c r="EU36" s="61">
        <v>0</v>
      </c>
      <c r="EV36" s="61">
        <v>0</v>
      </c>
      <c r="EW36" s="61">
        <v>0</v>
      </c>
      <c r="EX36" s="61">
        <v>0</v>
      </c>
      <c r="EY36" s="62">
        <v>0</v>
      </c>
      <c r="EZ36" s="63">
        <v>0</v>
      </c>
      <c r="FA36" s="60">
        <v>0</v>
      </c>
      <c r="FB36" s="61">
        <v>0</v>
      </c>
      <c r="FC36" s="62">
        <v>0</v>
      </c>
      <c r="FD36" s="231"/>
      <c r="FE36" s="61">
        <v>1</v>
      </c>
      <c r="FF36" s="61">
        <v>0</v>
      </c>
      <c r="FG36" s="61">
        <v>0</v>
      </c>
      <c r="FH36" s="61">
        <v>0</v>
      </c>
      <c r="FI36" s="61">
        <v>0</v>
      </c>
      <c r="FJ36" s="62">
        <v>1</v>
      </c>
      <c r="FK36" s="63">
        <v>1</v>
      </c>
      <c r="FL36" s="60">
        <v>0</v>
      </c>
      <c r="FM36" s="61">
        <v>1</v>
      </c>
      <c r="FN36" s="62">
        <v>1</v>
      </c>
      <c r="FO36" s="231"/>
      <c r="FP36" s="61">
        <v>1</v>
      </c>
      <c r="FQ36" s="61">
        <v>2</v>
      </c>
      <c r="FR36" s="61">
        <v>0</v>
      </c>
      <c r="FS36" s="61">
        <v>0</v>
      </c>
      <c r="FT36" s="61">
        <v>0</v>
      </c>
      <c r="FU36" s="62">
        <v>3</v>
      </c>
      <c r="FV36" s="63">
        <v>4</v>
      </c>
      <c r="FW36" s="60">
        <v>0</v>
      </c>
      <c r="FX36" s="61">
        <v>0</v>
      </c>
      <c r="FY36" s="62">
        <v>0</v>
      </c>
      <c r="FZ36" s="231"/>
      <c r="GA36" s="61">
        <v>0</v>
      </c>
      <c r="GB36" s="61">
        <v>0</v>
      </c>
      <c r="GC36" s="61">
        <v>0</v>
      </c>
      <c r="GD36" s="61">
        <v>0</v>
      </c>
      <c r="GE36" s="61">
        <v>0</v>
      </c>
      <c r="GF36" s="62">
        <v>0</v>
      </c>
      <c r="GG36" s="63">
        <v>0</v>
      </c>
      <c r="GH36" s="60">
        <v>0</v>
      </c>
      <c r="GI36" s="61">
        <v>2</v>
      </c>
      <c r="GJ36" s="62">
        <v>2</v>
      </c>
      <c r="GK36" s="231"/>
      <c r="GL36" s="61">
        <v>2</v>
      </c>
      <c r="GM36" s="61">
        <v>2</v>
      </c>
      <c r="GN36" s="61">
        <v>0</v>
      </c>
      <c r="GO36" s="61">
        <v>0</v>
      </c>
      <c r="GP36" s="61">
        <v>0</v>
      </c>
      <c r="GQ36" s="62">
        <v>4</v>
      </c>
      <c r="GR36" s="63">
        <v>6</v>
      </c>
      <c r="GS36" s="113">
        <v>6</v>
      </c>
      <c r="GT36" s="72">
        <v>5</v>
      </c>
      <c r="GU36" s="73">
        <v>11</v>
      </c>
      <c r="GV36" s="228"/>
      <c r="GW36" s="72">
        <v>7</v>
      </c>
      <c r="GX36" s="72">
        <v>4</v>
      </c>
      <c r="GY36" s="72">
        <v>4</v>
      </c>
      <c r="GZ36" s="72">
        <v>0</v>
      </c>
      <c r="HA36" s="72">
        <v>1</v>
      </c>
      <c r="HB36" s="74">
        <v>16</v>
      </c>
      <c r="HC36" s="75">
        <v>27</v>
      </c>
      <c r="HD36" s="60">
        <v>0</v>
      </c>
      <c r="HE36" s="61">
        <v>0</v>
      </c>
      <c r="HF36" s="62">
        <v>0</v>
      </c>
      <c r="HG36" s="231"/>
      <c r="HH36" s="61">
        <v>0</v>
      </c>
      <c r="HI36" s="61">
        <v>0</v>
      </c>
      <c r="HJ36" s="61">
        <v>0</v>
      </c>
      <c r="HK36" s="61">
        <v>0</v>
      </c>
      <c r="HL36" s="61">
        <v>0</v>
      </c>
      <c r="HM36" s="62">
        <v>0</v>
      </c>
      <c r="HN36" s="63">
        <v>0</v>
      </c>
      <c r="HO36" s="60">
        <v>0</v>
      </c>
      <c r="HP36" s="61">
        <v>1</v>
      </c>
      <c r="HQ36" s="62">
        <v>1</v>
      </c>
      <c r="HR36" s="231"/>
      <c r="HS36" s="61">
        <v>0</v>
      </c>
      <c r="HT36" s="61">
        <v>0</v>
      </c>
      <c r="HU36" s="61">
        <v>0</v>
      </c>
      <c r="HV36" s="61">
        <v>0</v>
      </c>
      <c r="HW36" s="61">
        <v>0</v>
      </c>
      <c r="HX36" s="62">
        <v>0</v>
      </c>
      <c r="HY36" s="63">
        <v>1</v>
      </c>
      <c r="HZ36" s="60">
        <v>2</v>
      </c>
      <c r="IA36" s="61">
        <v>0</v>
      </c>
      <c r="IB36" s="62">
        <v>2</v>
      </c>
      <c r="IC36" s="231"/>
      <c r="ID36" s="61">
        <v>0</v>
      </c>
      <c r="IE36" s="61">
        <v>0</v>
      </c>
      <c r="IF36" s="61">
        <v>0</v>
      </c>
      <c r="IG36" s="61">
        <v>0</v>
      </c>
      <c r="IH36" s="61">
        <v>1</v>
      </c>
      <c r="II36" s="62">
        <v>1</v>
      </c>
      <c r="IJ36" s="63">
        <v>3</v>
      </c>
      <c r="IK36" s="60">
        <v>1</v>
      </c>
      <c r="IL36" s="61">
        <v>1</v>
      </c>
      <c r="IM36" s="62">
        <v>2</v>
      </c>
      <c r="IN36" s="231"/>
      <c r="IO36" s="61">
        <v>1</v>
      </c>
      <c r="IP36" s="61">
        <v>0</v>
      </c>
      <c r="IQ36" s="61">
        <v>2</v>
      </c>
      <c r="IR36" s="61">
        <v>0</v>
      </c>
      <c r="IS36" s="61">
        <v>0</v>
      </c>
      <c r="IT36" s="62">
        <v>3</v>
      </c>
      <c r="IU36" s="63">
        <v>5</v>
      </c>
      <c r="IV36" s="60">
        <v>1</v>
      </c>
      <c r="IW36" s="61">
        <v>1</v>
      </c>
      <c r="IX36" s="62">
        <v>2</v>
      </c>
      <c r="IY36" s="231"/>
      <c r="IZ36" s="61">
        <v>2</v>
      </c>
      <c r="JA36" s="61">
        <v>0</v>
      </c>
      <c r="JB36" s="61">
        <v>2</v>
      </c>
      <c r="JC36" s="61">
        <v>0</v>
      </c>
      <c r="JD36" s="61">
        <v>0</v>
      </c>
      <c r="JE36" s="62">
        <v>4</v>
      </c>
      <c r="JF36" s="63">
        <v>6</v>
      </c>
      <c r="JG36" s="60">
        <v>2</v>
      </c>
      <c r="JH36" s="61">
        <v>2</v>
      </c>
      <c r="JI36" s="62">
        <v>4</v>
      </c>
      <c r="JJ36" s="231"/>
      <c r="JK36" s="61">
        <v>4</v>
      </c>
      <c r="JL36" s="61">
        <v>4</v>
      </c>
      <c r="JM36" s="61">
        <v>0</v>
      </c>
      <c r="JN36" s="61">
        <v>0</v>
      </c>
      <c r="JO36" s="61">
        <v>0</v>
      </c>
      <c r="JP36" s="62">
        <v>8</v>
      </c>
      <c r="JQ36" s="63">
        <v>12</v>
      </c>
      <c r="JR36" s="60">
        <v>0</v>
      </c>
      <c r="JS36" s="61">
        <v>0</v>
      </c>
      <c r="JT36" s="62">
        <v>0</v>
      </c>
      <c r="JU36" s="231"/>
      <c r="JV36" s="61">
        <v>0</v>
      </c>
      <c r="JW36" s="61">
        <v>0</v>
      </c>
      <c r="JX36" s="61">
        <v>0</v>
      </c>
      <c r="JY36" s="61">
        <v>0</v>
      </c>
      <c r="JZ36" s="61">
        <v>0</v>
      </c>
      <c r="KA36" s="62">
        <v>0</v>
      </c>
      <c r="KB36" s="63">
        <v>0</v>
      </c>
      <c r="KC36" s="60">
        <v>6</v>
      </c>
      <c r="KD36" s="61">
        <v>5</v>
      </c>
      <c r="KE36" s="62">
        <v>11</v>
      </c>
      <c r="KF36" s="231"/>
      <c r="KG36" s="61">
        <v>7</v>
      </c>
      <c r="KH36" s="61">
        <v>4</v>
      </c>
      <c r="KI36" s="61">
        <v>4</v>
      </c>
      <c r="KJ36" s="61">
        <v>0</v>
      </c>
      <c r="KK36" s="61">
        <v>1</v>
      </c>
      <c r="KL36" s="62">
        <v>16</v>
      </c>
      <c r="KM36" s="63">
        <v>27</v>
      </c>
    </row>
    <row r="37" spans="2:299" ht="21" customHeight="1" x14ac:dyDescent="0.2">
      <c r="B37" s="472" t="s">
        <v>34</v>
      </c>
      <c r="C37" s="293">
        <v>3</v>
      </c>
      <c r="D37" s="72">
        <v>2</v>
      </c>
      <c r="E37" s="73">
        <v>5</v>
      </c>
      <c r="F37" s="228"/>
      <c r="G37" s="72">
        <v>3</v>
      </c>
      <c r="H37" s="72">
        <v>10</v>
      </c>
      <c r="I37" s="72">
        <v>2</v>
      </c>
      <c r="J37" s="72">
        <v>1</v>
      </c>
      <c r="K37" s="72">
        <v>0</v>
      </c>
      <c r="L37" s="74">
        <v>16</v>
      </c>
      <c r="M37" s="75">
        <v>21</v>
      </c>
      <c r="N37" s="60">
        <v>0</v>
      </c>
      <c r="O37" s="61">
        <v>0</v>
      </c>
      <c r="P37" s="62">
        <v>0</v>
      </c>
      <c r="Q37" s="231"/>
      <c r="R37" s="61">
        <v>0</v>
      </c>
      <c r="S37" s="61">
        <v>0</v>
      </c>
      <c r="T37" s="61">
        <v>0</v>
      </c>
      <c r="U37" s="61">
        <v>0</v>
      </c>
      <c r="V37" s="61">
        <v>0</v>
      </c>
      <c r="W37" s="62">
        <v>0</v>
      </c>
      <c r="X37" s="63">
        <v>0</v>
      </c>
      <c r="Y37" s="60">
        <v>0</v>
      </c>
      <c r="Z37" s="61">
        <v>0</v>
      </c>
      <c r="AA37" s="62">
        <v>0</v>
      </c>
      <c r="AB37" s="231"/>
      <c r="AC37" s="61">
        <v>0</v>
      </c>
      <c r="AD37" s="61">
        <v>0</v>
      </c>
      <c r="AE37" s="61">
        <v>0</v>
      </c>
      <c r="AF37" s="61">
        <v>0</v>
      </c>
      <c r="AG37" s="61">
        <v>0</v>
      </c>
      <c r="AH37" s="62">
        <v>0</v>
      </c>
      <c r="AI37" s="63">
        <v>0</v>
      </c>
      <c r="AJ37" s="60">
        <v>0</v>
      </c>
      <c r="AK37" s="61">
        <v>0</v>
      </c>
      <c r="AL37" s="62">
        <v>0</v>
      </c>
      <c r="AM37" s="231"/>
      <c r="AN37" s="61">
        <v>0</v>
      </c>
      <c r="AO37" s="61">
        <v>0</v>
      </c>
      <c r="AP37" s="61">
        <v>0</v>
      </c>
      <c r="AQ37" s="61">
        <v>0</v>
      </c>
      <c r="AR37" s="61">
        <v>0</v>
      </c>
      <c r="AS37" s="62">
        <v>0</v>
      </c>
      <c r="AT37" s="63">
        <v>0</v>
      </c>
      <c r="AU37" s="60">
        <v>1</v>
      </c>
      <c r="AV37" s="61">
        <v>0</v>
      </c>
      <c r="AW37" s="62">
        <v>1</v>
      </c>
      <c r="AX37" s="231"/>
      <c r="AY37" s="61">
        <v>0</v>
      </c>
      <c r="AZ37" s="61">
        <v>5</v>
      </c>
      <c r="BA37" s="61">
        <v>0</v>
      </c>
      <c r="BB37" s="61">
        <v>0</v>
      </c>
      <c r="BC37" s="61">
        <v>0</v>
      </c>
      <c r="BD37" s="62">
        <v>5</v>
      </c>
      <c r="BE37" s="63">
        <v>6</v>
      </c>
      <c r="BF37" s="60">
        <v>2</v>
      </c>
      <c r="BG37" s="61">
        <v>1</v>
      </c>
      <c r="BH37" s="62">
        <v>3</v>
      </c>
      <c r="BI37" s="231"/>
      <c r="BJ37" s="61">
        <v>1</v>
      </c>
      <c r="BK37" s="61">
        <v>1</v>
      </c>
      <c r="BL37" s="61">
        <v>2</v>
      </c>
      <c r="BM37" s="61">
        <v>1</v>
      </c>
      <c r="BN37" s="61">
        <v>0</v>
      </c>
      <c r="BO37" s="62">
        <v>5</v>
      </c>
      <c r="BP37" s="63">
        <v>8</v>
      </c>
      <c r="BQ37" s="60">
        <v>0</v>
      </c>
      <c r="BR37" s="61">
        <v>1</v>
      </c>
      <c r="BS37" s="62">
        <v>1</v>
      </c>
      <c r="BT37" s="231"/>
      <c r="BU37" s="61">
        <v>2</v>
      </c>
      <c r="BV37" s="61">
        <v>4</v>
      </c>
      <c r="BW37" s="61">
        <v>0</v>
      </c>
      <c r="BX37" s="61">
        <v>0</v>
      </c>
      <c r="BY37" s="61">
        <v>0</v>
      </c>
      <c r="BZ37" s="62">
        <v>6</v>
      </c>
      <c r="CA37" s="63">
        <v>7</v>
      </c>
      <c r="CB37" s="60">
        <v>0</v>
      </c>
      <c r="CC37" s="61">
        <v>0</v>
      </c>
      <c r="CD37" s="62">
        <v>0</v>
      </c>
      <c r="CE37" s="231"/>
      <c r="CF37" s="61">
        <v>0</v>
      </c>
      <c r="CG37" s="61">
        <v>0</v>
      </c>
      <c r="CH37" s="61">
        <v>0</v>
      </c>
      <c r="CI37" s="61">
        <v>0</v>
      </c>
      <c r="CJ37" s="61">
        <v>0</v>
      </c>
      <c r="CK37" s="62">
        <v>0</v>
      </c>
      <c r="CL37" s="63">
        <v>0</v>
      </c>
      <c r="CM37" s="60">
        <v>3</v>
      </c>
      <c r="CN37" s="61">
        <v>2</v>
      </c>
      <c r="CO37" s="62">
        <v>5</v>
      </c>
      <c r="CP37" s="231"/>
      <c r="CQ37" s="61">
        <v>3</v>
      </c>
      <c r="CR37" s="61">
        <v>10</v>
      </c>
      <c r="CS37" s="61">
        <v>2</v>
      </c>
      <c r="CT37" s="61">
        <v>1</v>
      </c>
      <c r="CU37" s="61">
        <v>0</v>
      </c>
      <c r="CV37" s="62">
        <v>16</v>
      </c>
      <c r="CW37" s="63">
        <v>21</v>
      </c>
      <c r="CX37" s="113">
        <v>1</v>
      </c>
      <c r="CY37" s="72">
        <v>0</v>
      </c>
      <c r="CZ37" s="73">
        <v>1</v>
      </c>
      <c r="DA37" s="228"/>
      <c r="DB37" s="72">
        <v>0</v>
      </c>
      <c r="DC37" s="72">
        <v>0</v>
      </c>
      <c r="DD37" s="72">
        <v>1</v>
      </c>
      <c r="DE37" s="72">
        <v>1</v>
      </c>
      <c r="DF37" s="72">
        <v>2</v>
      </c>
      <c r="DG37" s="74">
        <v>4</v>
      </c>
      <c r="DH37" s="75">
        <v>5</v>
      </c>
      <c r="DI37" s="60">
        <v>0</v>
      </c>
      <c r="DJ37" s="61">
        <v>0</v>
      </c>
      <c r="DK37" s="62">
        <v>0</v>
      </c>
      <c r="DL37" s="231"/>
      <c r="DM37" s="61">
        <v>0</v>
      </c>
      <c r="DN37" s="61">
        <v>0</v>
      </c>
      <c r="DO37" s="61">
        <v>0</v>
      </c>
      <c r="DP37" s="61">
        <v>0</v>
      </c>
      <c r="DQ37" s="61">
        <v>0</v>
      </c>
      <c r="DR37" s="62">
        <v>0</v>
      </c>
      <c r="DS37" s="63">
        <v>0</v>
      </c>
      <c r="DT37" s="60">
        <v>0</v>
      </c>
      <c r="DU37" s="61">
        <v>0</v>
      </c>
      <c r="DV37" s="62">
        <v>0</v>
      </c>
      <c r="DW37" s="231"/>
      <c r="DX37" s="61">
        <v>0</v>
      </c>
      <c r="DY37" s="61">
        <v>0</v>
      </c>
      <c r="DZ37" s="61">
        <v>0</v>
      </c>
      <c r="EA37" s="61">
        <v>1</v>
      </c>
      <c r="EB37" s="61">
        <v>0</v>
      </c>
      <c r="EC37" s="62">
        <v>1</v>
      </c>
      <c r="ED37" s="63">
        <v>1</v>
      </c>
      <c r="EE37" s="60">
        <v>0</v>
      </c>
      <c r="EF37" s="61">
        <v>0</v>
      </c>
      <c r="EG37" s="62">
        <v>0</v>
      </c>
      <c r="EH37" s="231"/>
      <c r="EI37" s="61">
        <v>0</v>
      </c>
      <c r="EJ37" s="61">
        <v>0</v>
      </c>
      <c r="EK37" s="61">
        <v>0</v>
      </c>
      <c r="EL37" s="61">
        <v>0</v>
      </c>
      <c r="EM37" s="61">
        <v>0</v>
      </c>
      <c r="EN37" s="62">
        <v>0</v>
      </c>
      <c r="EO37" s="63">
        <v>0</v>
      </c>
      <c r="EP37" s="60">
        <v>0</v>
      </c>
      <c r="EQ37" s="61">
        <v>0</v>
      </c>
      <c r="ER37" s="62">
        <v>0</v>
      </c>
      <c r="ES37" s="231"/>
      <c r="ET37" s="61">
        <v>0</v>
      </c>
      <c r="EU37" s="61">
        <v>0</v>
      </c>
      <c r="EV37" s="61">
        <v>0</v>
      </c>
      <c r="EW37" s="61">
        <v>0</v>
      </c>
      <c r="EX37" s="61">
        <v>0</v>
      </c>
      <c r="EY37" s="62">
        <v>0</v>
      </c>
      <c r="EZ37" s="63">
        <v>0</v>
      </c>
      <c r="FA37" s="60">
        <v>1</v>
      </c>
      <c r="FB37" s="61">
        <v>0</v>
      </c>
      <c r="FC37" s="62">
        <v>1</v>
      </c>
      <c r="FD37" s="231"/>
      <c r="FE37" s="61">
        <v>0</v>
      </c>
      <c r="FF37" s="61">
        <v>0</v>
      </c>
      <c r="FG37" s="61">
        <v>1</v>
      </c>
      <c r="FH37" s="61">
        <v>0</v>
      </c>
      <c r="FI37" s="61">
        <v>0</v>
      </c>
      <c r="FJ37" s="62">
        <v>1</v>
      </c>
      <c r="FK37" s="63">
        <v>2</v>
      </c>
      <c r="FL37" s="60">
        <v>0</v>
      </c>
      <c r="FM37" s="61">
        <v>0</v>
      </c>
      <c r="FN37" s="62">
        <v>0</v>
      </c>
      <c r="FO37" s="231"/>
      <c r="FP37" s="61">
        <v>0</v>
      </c>
      <c r="FQ37" s="61">
        <v>0</v>
      </c>
      <c r="FR37" s="61">
        <v>0</v>
      </c>
      <c r="FS37" s="61">
        <v>0</v>
      </c>
      <c r="FT37" s="61">
        <v>2</v>
      </c>
      <c r="FU37" s="62">
        <v>2</v>
      </c>
      <c r="FV37" s="63">
        <v>2</v>
      </c>
      <c r="FW37" s="60">
        <v>0</v>
      </c>
      <c r="FX37" s="61">
        <v>0</v>
      </c>
      <c r="FY37" s="62">
        <v>0</v>
      </c>
      <c r="FZ37" s="231"/>
      <c r="GA37" s="61">
        <v>0</v>
      </c>
      <c r="GB37" s="61">
        <v>0</v>
      </c>
      <c r="GC37" s="61">
        <v>0</v>
      </c>
      <c r="GD37" s="61">
        <v>0</v>
      </c>
      <c r="GE37" s="61">
        <v>0</v>
      </c>
      <c r="GF37" s="62">
        <v>0</v>
      </c>
      <c r="GG37" s="63">
        <v>0</v>
      </c>
      <c r="GH37" s="60">
        <v>1</v>
      </c>
      <c r="GI37" s="61">
        <v>0</v>
      </c>
      <c r="GJ37" s="62">
        <v>1</v>
      </c>
      <c r="GK37" s="231"/>
      <c r="GL37" s="61">
        <v>0</v>
      </c>
      <c r="GM37" s="61">
        <v>0</v>
      </c>
      <c r="GN37" s="61">
        <v>1</v>
      </c>
      <c r="GO37" s="61">
        <v>1</v>
      </c>
      <c r="GP37" s="61">
        <v>2</v>
      </c>
      <c r="GQ37" s="62">
        <v>4</v>
      </c>
      <c r="GR37" s="63">
        <v>5</v>
      </c>
      <c r="GS37" s="113">
        <v>4</v>
      </c>
      <c r="GT37" s="72">
        <v>2</v>
      </c>
      <c r="GU37" s="73">
        <v>6</v>
      </c>
      <c r="GV37" s="228"/>
      <c r="GW37" s="72">
        <v>3</v>
      </c>
      <c r="GX37" s="72">
        <v>10</v>
      </c>
      <c r="GY37" s="72">
        <v>3</v>
      </c>
      <c r="GZ37" s="72">
        <v>2</v>
      </c>
      <c r="HA37" s="72">
        <v>2</v>
      </c>
      <c r="HB37" s="74">
        <v>20</v>
      </c>
      <c r="HC37" s="75">
        <v>26</v>
      </c>
      <c r="HD37" s="60">
        <v>0</v>
      </c>
      <c r="HE37" s="61">
        <v>0</v>
      </c>
      <c r="HF37" s="62">
        <v>0</v>
      </c>
      <c r="HG37" s="231"/>
      <c r="HH37" s="61">
        <v>0</v>
      </c>
      <c r="HI37" s="61">
        <v>0</v>
      </c>
      <c r="HJ37" s="61">
        <v>0</v>
      </c>
      <c r="HK37" s="61">
        <v>0</v>
      </c>
      <c r="HL37" s="61">
        <v>0</v>
      </c>
      <c r="HM37" s="62">
        <v>0</v>
      </c>
      <c r="HN37" s="63">
        <v>0</v>
      </c>
      <c r="HO37" s="60">
        <v>0</v>
      </c>
      <c r="HP37" s="61">
        <v>0</v>
      </c>
      <c r="HQ37" s="62">
        <v>0</v>
      </c>
      <c r="HR37" s="231"/>
      <c r="HS37" s="61">
        <v>0</v>
      </c>
      <c r="HT37" s="61">
        <v>0</v>
      </c>
      <c r="HU37" s="61">
        <v>0</v>
      </c>
      <c r="HV37" s="61">
        <v>1</v>
      </c>
      <c r="HW37" s="61">
        <v>0</v>
      </c>
      <c r="HX37" s="62">
        <v>1</v>
      </c>
      <c r="HY37" s="63">
        <v>1</v>
      </c>
      <c r="HZ37" s="60">
        <v>0</v>
      </c>
      <c r="IA37" s="61">
        <v>0</v>
      </c>
      <c r="IB37" s="62">
        <v>0</v>
      </c>
      <c r="IC37" s="231"/>
      <c r="ID37" s="61">
        <v>0</v>
      </c>
      <c r="IE37" s="61">
        <v>0</v>
      </c>
      <c r="IF37" s="61">
        <v>0</v>
      </c>
      <c r="IG37" s="61">
        <v>0</v>
      </c>
      <c r="IH37" s="61">
        <v>0</v>
      </c>
      <c r="II37" s="62">
        <v>0</v>
      </c>
      <c r="IJ37" s="63">
        <v>0</v>
      </c>
      <c r="IK37" s="60">
        <v>1</v>
      </c>
      <c r="IL37" s="61">
        <v>0</v>
      </c>
      <c r="IM37" s="62">
        <v>1</v>
      </c>
      <c r="IN37" s="231"/>
      <c r="IO37" s="61">
        <v>0</v>
      </c>
      <c r="IP37" s="61">
        <v>5</v>
      </c>
      <c r="IQ37" s="61">
        <v>0</v>
      </c>
      <c r="IR37" s="61">
        <v>0</v>
      </c>
      <c r="IS37" s="61">
        <v>0</v>
      </c>
      <c r="IT37" s="62">
        <v>5</v>
      </c>
      <c r="IU37" s="63">
        <v>6</v>
      </c>
      <c r="IV37" s="60">
        <v>3</v>
      </c>
      <c r="IW37" s="61">
        <v>1</v>
      </c>
      <c r="IX37" s="62">
        <v>4</v>
      </c>
      <c r="IY37" s="231"/>
      <c r="IZ37" s="61">
        <v>1</v>
      </c>
      <c r="JA37" s="61">
        <v>1</v>
      </c>
      <c r="JB37" s="61">
        <v>3</v>
      </c>
      <c r="JC37" s="61">
        <v>1</v>
      </c>
      <c r="JD37" s="61">
        <v>0</v>
      </c>
      <c r="JE37" s="62">
        <v>6</v>
      </c>
      <c r="JF37" s="63">
        <v>10</v>
      </c>
      <c r="JG37" s="60">
        <v>0</v>
      </c>
      <c r="JH37" s="61">
        <v>1</v>
      </c>
      <c r="JI37" s="62">
        <v>1</v>
      </c>
      <c r="JJ37" s="231"/>
      <c r="JK37" s="61">
        <v>2</v>
      </c>
      <c r="JL37" s="61">
        <v>4</v>
      </c>
      <c r="JM37" s="61">
        <v>0</v>
      </c>
      <c r="JN37" s="61">
        <v>0</v>
      </c>
      <c r="JO37" s="61">
        <v>2</v>
      </c>
      <c r="JP37" s="62">
        <v>8</v>
      </c>
      <c r="JQ37" s="63">
        <v>9</v>
      </c>
      <c r="JR37" s="60">
        <v>0</v>
      </c>
      <c r="JS37" s="61">
        <v>0</v>
      </c>
      <c r="JT37" s="62">
        <v>0</v>
      </c>
      <c r="JU37" s="231"/>
      <c r="JV37" s="61">
        <v>0</v>
      </c>
      <c r="JW37" s="61">
        <v>0</v>
      </c>
      <c r="JX37" s="61">
        <v>0</v>
      </c>
      <c r="JY37" s="61">
        <v>0</v>
      </c>
      <c r="JZ37" s="61">
        <v>0</v>
      </c>
      <c r="KA37" s="62">
        <v>0</v>
      </c>
      <c r="KB37" s="63">
        <v>0</v>
      </c>
      <c r="KC37" s="60">
        <v>4</v>
      </c>
      <c r="KD37" s="61">
        <v>2</v>
      </c>
      <c r="KE37" s="62">
        <v>6</v>
      </c>
      <c r="KF37" s="231"/>
      <c r="KG37" s="61">
        <v>3</v>
      </c>
      <c r="KH37" s="61">
        <v>10</v>
      </c>
      <c r="KI37" s="61">
        <v>3</v>
      </c>
      <c r="KJ37" s="61">
        <v>2</v>
      </c>
      <c r="KK37" s="61">
        <v>2</v>
      </c>
      <c r="KL37" s="62">
        <v>20</v>
      </c>
      <c r="KM37" s="63">
        <v>26</v>
      </c>
    </row>
    <row r="38" spans="2:299" ht="21" customHeight="1" x14ac:dyDescent="0.2">
      <c r="B38" s="472" t="s">
        <v>35</v>
      </c>
      <c r="C38" s="293">
        <v>8</v>
      </c>
      <c r="D38" s="72">
        <v>3</v>
      </c>
      <c r="E38" s="73">
        <v>11</v>
      </c>
      <c r="F38" s="228"/>
      <c r="G38" s="72">
        <v>17</v>
      </c>
      <c r="H38" s="72">
        <v>7</v>
      </c>
      <c r="I38" s="72">
        <v>7</v>
      </c>
      <c r="J38" s="72">
        <v>6</v>
      </c>
      <c r="K38" s="72">
        <v>1</v>
      </c>
      <c r="L38" s="74">
        <v>38</v>
      </c>
      <c r="M38" s="75">
        <v>49</v>
      </c>
      <c r="N38" s="60">
        <v>0</v>
      </c>
      <c r="O38" s="61">
        <v>0</v>
      </c>
      <c r="P38" s="62">
        <v>0</v>
      </c>
      <c r="Q38" s="231"/>
      <c r="R38" s="61">
        <v>1</v>
      </c>
      <c r="S38" s="61">
        <v>0</v>
      </c>
      <c r="T38" s="61">
        <v>0</v>
      </c>
      <c r="U38" s="61">
        <v>0</v>
      </c>
      <c r="V38" s="61">
        <v>0</v>
      </c>
      <c r="W38" s="62">
        <v>1</v>
      </c>
      <c r="X38" s="63">
        <v>1</v>
      </c>
      <c r="Y38" s="60">
        <v>0</v>
      </c>
      <c r="Z38" s="61">
        <v>0</v>
      </c>
      <c r="AA38" s="62">
        <v>0</v>
      </c>
      <c r="AB38" s="231"/>
      <c r="AC38" s="61">
        <v>1</v>
      </c>
      <c r="AD38" s="61">
        <v>0</v>
      </c>
      <c r="AE38" s="61">
        <v>0</v>
      </c>
      <c r="AF38" s="61">
        <v>0</v>
      </c>
      <c r="AG38" s="61">
        <v>0</v>
      </c>
      <c r="AH38" s="62">
        <v>1</v>
      </c>
      <c r="AI38" s="63">
        <v>1</v>
      </c>
      <c r="AJ38" s="60">
        <v>2</v>
      </c>
      <c r="AK38" s="61">
        <v>0</v>
      </c>
      <c r="AL38" s="62">
        <v>2</v>
      </c>
      <c r="AM38" s="231"/>
      <c r="AN38" s="61">
        <v>2</v>
      </c>
      <c r="AO38" s="61">
        <v>0</v>
      </c>
      <c r="AP38" s="61">
        <v>1</v>
      </c>
      <c r="AQ38" s="61">
        <v>1</v>
      </c>
      <c r="AR38" s="61">
        <v>0</v>
      </c>
      <c r="AS38" s="62">
        <v>4</v>
      </c>
      <c r="AT38" s="63">
        <v>6</v>
      </c>
      <c r="AU38" s="60">
        <v>3</v>
      </c>
      <c r="AV38" s="61">
        <v>2</v>
      </c>
      <c r="AW38" s="62">
        <v>5</v>
      </c>
      <c r="AX38" s="231"/>
      <c r="AY38" s="61">
        <v>2</v>
      </c>
      <c r="AZ38" s="61">
        <v>1</v>
      </c>
      <c r="BA38" s="61">
        <v>1</v>
      </c>
      <c r="BB38" s="61">
        <v>1</v>
      </c>
      <c r="BC38" s="61">
        <v>0</v>
      </c>
      <c r="BD38" s="62">
        <v>5</v>
      </c>
      <c r="BE38" s="63">
        <v>10</v>
      </c>
      <c r="BF38" s="60">
        <v>1</v>
      </c>
      <c r="BG38" s="61">
        <v>0</v>
      </c>
      <c r="BH38" s="62">
        <v>1</v>
      </c>
      <c r="BI38" s="231"/>
      <c r="BJ38" s="61">
        <v>6</v>
      </c>
      <c r="BK38" s="61">
        <v>2</v>
      </c>
      <c r="BL38" s="61">
        <v>0</v>
      </c>
      <c r="BM38" s="61">
        <v>1</v>
      </c>
      <c r="BN38" s="61">
        <v>0</v>
      </c>
      <c r="BO38" s="62">
        <v>9</v>
      </c>
      <c r="BP38" s="63">
        <v>10</v>
      </c>
      <c r="BQ38" s="60">
        <v>2</v>
      </c>
      <c r="BR38" s="61">
        <v>1</v>
      </c>
      <c r="BS38" s="62">
        <v>3</v>
      </c>
      <c r="BT38" s="231"/>
      <c r="BU38" s="61">
        <v>5</v>
      </c>
      <c r="BV38" s="61">
        <v>4</v>
      </c>
      <c r="BW38" s="61">
        <v>5</v>
      </c>
      <c r="BX38" s="61">
        <v>3</v>
      </c>
      <c r="BY38" s="61">
        <v>1</v>
      </c>
      <c r="BZ38" s="62">
        <v>18</v>
      </c>
      <c r="CA38" s="63">
        <v>21</v>
      </c>
      <c r="CB38" s="60">
        <v>0</v>
      </c>
      <c r="CC38" s="61">
        <v>0</v>
      </c>
      <c r="CD38" s="62">
        <v>0</v>
      </c>
      <c r="CE38" s="231"/>
      <c r="CF38" s="61">
        <v>0</v>
      </c>
      <c r="CG38" s="61">
        <v>0</v>
      </c>
      <c r="CH38" s="61">
        <v>0</v>
      </c>
      <c r="CI38" s="61">
        <v>0</v>
      </c>
      <c r="CJ38" s="61">
        <v>0</v>
      </c>
      <c r="CK38" s="62">
        <v>0</v>
      </c>
      <c r="CL38" s="63">
        <v>0</v>
      </c>
      <c r="CM38" s="60">
        <v>8</v>
      </c>
      <c r="CN38" s="61">
        <v>3</v>
      </c>
      <c r="CO38" s="62">
        <v>11</v>
      </c>
      <c r="CP38" s="231"/>
      <c r="CQ38" s="61">
        <v>17</v>
      </c>
      <c r="CR38" s="61">
        <v>7</v>
      </c>
      <c r="CS38" s="61">
        <v>7</v>
      </c>
      <c r="CT38" s="61">
        <v>6</v>
      </c>
      <c r="CU38" s="61">
        <v>1</v>
      </c>
      <c r="CV38" s="62">
        <v>38</v>
      </c>
      <c r="CW38" s="63">
        <v>49</v>
      </c>
      <c r="CX38" s="113">
        <v>0</v>
      </c>
      <c r="CY38" s="72">
        <v>1</v>
      </c>
      <c r="CZ38" s="73">
        <v>1</v>
      </c>
      <c r="DA38" s="228"/>
      <c r="DB38" s="72">
        <v>6</v>
      </c>
      <c r="DC38" s="72">
        <v>2</v>
      </c>
      <c r="DD38" s="72">
        <v>2</v>
      </c>
      <c r="DE38" s="72">
        <v>2</v>
      </c>
      <c r="DF38" s="72">
        <v>2</v>
      </c>
      <c r="DG38" s="74">
        <v>14</v>
      </c>
      <c r="DH38" s="75">
        <v>15</v>
      </c>
      <c r="DI38" s="60">
        <v>0</v>
      </c>
      <c r="DJ38" s="61">
        <v>0</v>
      </c>
      <c r="DK38" s="62">
        <v>0</v>
      </c>
      <c r="DL38" s="231"/>
      <c r="DM38" s="61">
        <v>0</v>
      </c>
      <c r="DN38" s="61">
        <v>0</v>
      </c>
      <c r="DO38" s="61">
        <v>0</v>
      </c>
      <c r="DP38" s="61">
        <v>0</v>
      </c>
      <c r="DQ38" s="61">
        <v>0</v>
      </c>
      <c r="DR38" s="62">
        <v>0</v>
      </c>
      <c r="DS38" s="63">
        <v>0</v>
      </c>
      <c r="DT38" s="60">
        <v>0</v>
      </c>
      <c r="DU38" s="61">
        <v>0</v>
      </c>
      <c r="DV38" s="62">
        <v>0</v>
      </c>
      <c r="DW38" s="231"/>
      <c r="DX38" s="61">
        <v>0</v>
      </c>
      <c r="DY38" s="61">
        <v>0</v>
      </c>
      <c r="DZ38" s="61">
        <v>1</v>
      </c>
      <c r="EA38" s="61">
        <v>0</v>
      </c>
      <c r="EB38" s="61">
        <v>0</v>
      </c>
      <c r="EC38" s="62">
        <v>1</v>
      </c>
      <c r="ED38" s="63">
        <v>1</v>
      </c>
      <c r="EE38" s="60">
        <v>0</v>
      </c>
      <c r="EF38" s="61">
        <v>0</v>
      </c>
      <c r="EG38" s="62">
        <v>0</v>
      </c>
      <c r="EH38" s="231"/>
      <c r="EI38" s="61">
        <v>0</v>
      </c>
      <c r="EJ38" s="61">
        <v>0</v>
      </c>
      <c r="EK38" s="61">
        <v>0</v>
      </c>
      <c r="EL38" s="61">
        <v>0</v>
      </c>
      <c r="EM38" s="61">
        <v>0</v>
      </c>
      <c r="EN38" s="62">
        <v>0</v>
      </c>
      <c r="EO38" s="63">
        <v>0</v>
      </c>
      <c r="EP38" s="60">
        <v>0</v>
      </c>
      <c r="EQ38" s="61">
        <v>0</v>
      </c>
      <c r="ER38" s="62">
        <v>0</v>
      </c>
      <c r="ES38" s="231"/>
      <c r="ET38" s="61">
        <v>2</v>
      </c>
      <c r="EU38" s="61">
        <v>1</v>
      </c>
      <c r="EV38" s="61">
        <v>0</v>
      </c>
      <c r="EW38" s="61">
        <v>0</v>
      </c>
      <c r="EX38" s="61">
        <v>0</v>
      </c>
      <c r="EY38" s="62">
        <v>3</v>
      </c>
      <c r="EZ38" s="63">
        <v>3</v>
      </c>
      <c r="FA38" s="60">
        <v>0</v>
      </c>
      <c r="FB38" s="61">
        <v>0</v>
      </c>
      <c r="FC38" s="62">
        <v>0</v>
      </c>
      <c r="FD38" s="231"/>
      <c r="FE38" s="61">
        <v>3</v>
      </c>
      <c r="FF38" s="61">
        <v>0</v>
      </c>
      <c r="FG38" s="61">
        <v>0</v>
      </c>
      <c r="FH38" s="61">
        <v>0</v>
      </c>
      <c r="FI38" s="61">
        <v>1</v>
      </c>
      <c r="FJ38" s="62">
        <v>4</v>
      </c>
      <c r="FK38" s="63">
        <v>4</v>
      </c>
      <c r="FL38" s="60">
        <v>0</v>
      </c>
      <c r="FM38" s="61">
        <v>1</v>
      </c>
      <c r="FN38" s="62">
        <v>1</v>
      </c>
      <c r="FO38" s="231"/>
      <c r="FP38" s="61">
        <v>1</v>
      </c>
      <c r="FQ38" s="61">
        <v>1</v>
      </c>
      <c r="FR38" s="61">
        <v>1</v>
      </c>
      <c r="FS38" s="61">
        <v>2</v>
      </c>
      <c r="FT38" s="61">
        <v>1</v>
      </c>
      <c r="FU38" s="62">
        <v>6</v>
      </c>
      <c r="FV38" s="63">
        <v>7</v>
      </c>
      <c r="FW38" s="60">
        <v>0</v>
      </c>
      <c r="FX38" s="61">
        <v>0</v>
      </c>
      <c r="FY38" s="62">
        <v>0</v>
      </c>
      <c r="FZ38" s="231"/>
      <c r="GA38" s="61">
        <v>0</v>
      </c>
      <c r="GB38" s="61">
        <v>0</v>
      </c>
      <c r="GC38" s="61">
        <v>0</v>
      </c>
      <c r="GD38" s="61">
        <v>0</v>
      </c>
      <c r="GE38" s="61">
        <v>0</v>
      </c>
      <c r="GF38" s="62">
        <v>0</v>
      </c>
      <c r="GG38" s="63">
        <v>0</v>
      </c>
      <c r="GH38" s="60">
        <v>0</v>
      </c>
      <c r="GI38" s="61">
        <v>1</v>
      </c>
      <c r="GJ38" s="62">
        <v>1</v>
      </c>
      <c r="GK38" s="231"/>
      <c r="GL38" s="61">
        <v>6</v>
      </c>
      <c r="GM38" s="61">
        <v>2</v>
      </c>
      <c r="GN38" s="61">
        <v>2</v>
      </c>
      <c r="GO38" s="61">
        <v>2</v>
      </c>
      <c r="GP38" s="61">
        <v>2</v>
      </c>
      <c r="GQ38" s="62">
        <v>14</v>
      </c>
      <c r="GR38" s="63">
        <v>15</v>
      </c>
      <c r="GS38" s="113">
        <v>8</v>
      </c>
      <c r="GT38" s="72">
        <v>4</v>
      </c>
      <c r="GU38" s="73">
        <v>12</v>
      </c>
      <c r="GV38" s="228"/>
      <c r="GW38" s="72">
        <v>23</v>
      </c>
      <c r="GX38" s="72">
        <v>9</v>
      </c>
      <c r="GY38" s="72">
        <v>9</v>
      </c>
      <c r="GZ38" s="72">
        <v>8</v>
      </c>
      <c r="HA38" s="72">
        <v>3</v>
      </c>
      <c r="HB38" s="74">
        <v>52</v>
      </c>
      <c r="HC38" s="75">
        <v>64</v>
      </c>
      <c r="HD38" s="60">
        <v>0</v>
      </c>
      <c r="HE38" s="61">
        <v>0</v>
      </c>
      <c r="HF38" s="62">
        <v>0</v>
      </c>
      <c r="HG38" s="231"/>
      <c r="HH38" s="61">
        <v>1</v>
      </c>
      <c r="HI38" s="61">
        <v>0</v>
      </c>
      <c r="HJ38" s="61">
        <v>0</v>
      </c>
      <c r="HK38" s="61">
        <v>0</v>
      </c>
      <c r="HL38" s="61">
        <v>0</v>
      </c>
      <c r="HM38" s="62">
        <v>1</v>
      </c>
      <c r="HN38" s="63">
        <v>1</v>
      </c>
      <c r="HO38" s="60">
        <v>0</v>
      </c>
      <c r="HP38" s="61">
        <v>0</v>
      </c>
      <c r="HQ38" s="62">
        <v>0</v>
      </c>
      <c r="HR38" s="231"/>
      <c r="HS38" s="61">
        <v>1</v>
      </c>
      <c r="HT38" s="61">
        <v>0</v>
      </c>
      <c r="HU38" s="61">
        <v>1</v>
      </c>
      <c r="HV38" s="61">
        <v>0</v>
      </c>
      <c r="HW38" s="61">
        <v>0</v>
      </c>
      <c r="HX38" s="62">
        <v>2</v>
      </c>
      <c r="HY38" s="63">
        <v>2</v>
      </c>
      <c r="HZ38" s="60">
        <v>2</v>
      </c>
      <c r="IA38" s="61">
        <v>0</v>
      </c>
      <c r="IB38" s="62">
        <v>2</v>
      </c>
      <c r="IC38" s="231"/>
      <c r="ID38" s="61">
        <v>2</v>
      </c>
      <c r="IE38" s="61">
        <v>0</v>
      </c>
      <c r="IF38" s="61">
        <v>1</v>
      </c>
      <c r="IG38" s="61">
        <v>1</v>
      </c>
      <c r="IH38" s="61">
        <v>0</v>
      </c>
      <c r="II38" s="62">
        <v>4</v>
      </c>
      <c r="IJ38" s="63">
        <v>6</v>
      </c>
      <c r="IK38" s="60">
        <v>3</v>
      </c>
      <c r="IL38" s="61">
        <v>2</v>
      </c>
      <c r="IM38" s="62">
        <v>5</v>
      </c>
      <c r="IN38" s="231"/>
      <c r="IO38" s="61">
        <v>4</v>
      </c>
      <c r="IP38" s="61">
        <v>2</v>
      </c>
      <c r="IQ38" s="61">
        <v>1</v>
      </c>
      <c r="IR38" s="61">
        <v>1</v>
      </c>
      <c r="IS38" s="61">
        <v>0</v>
      </c>
      <c r="IT38" s="62">
        <v>8</v>
      </c>
      <c r="IU38" s="63">
        <v>13</v>
      </c>
      <c r="IV38" s="60">
        <v>1</v>
      </c>
      <c r="IW38" s="61">
        <v>0</v>
      </c>
      <c r="IX38" s="62">
        <v>1</v>
      </c>
      <c r="IY38" s="231"/>
      <c r="IZ38" s="61">
        <v>9</v>
      </c>
      <c r="JA38" s="61">
        <v>2</v>
      </c>
      <c r="JB38" s="61">
        <v>0</v>
      </c>
      <c r="JC38" s="61">
        <v>1</v>
      </c>
      <c r="JD38" s="61">
        <v>1</v>
      </c>
      <c r="JE38" s="62">
        <v>13</v>
      </c>
      <c r="JF38" s="63">
        <v>14</v>
      </c>
      <c r="JG38" s="60">
        <v>2</v>
      </c>
      <c r="JH38" s="61">
        <v>2</v>
      </c>
      <c r="JI38" s="62">
        <v>4</v>
      </c>
      <c r="JJ38" s="231"/>
      <c r="JK38" s="61">
        <v>6</v>
      </c>
      <c r="JL38" s="61">
        <v>5</v>
      </c>
      <c r="JM38" s="61">
        <v>6</v>
      </c>
      <c r="JN38" s="61">
        <v>5</v>
      </c>
      <c r="JO38" s="61">
        <v>2</v>
      </c>
      <c r="JP38" s="62">
        <v>24</v>
      </c>
      <c r="JQ38" s="63">
        <v>28</v>
      </c>
      <c r="JR38" s="60">
        <v>0</v>
      </c>
      <c r="JS38" s="61">
        <v>0</v>
      </c>
      <c r="JT38" s="62">
        <v>0</v>
      </c>
      <c r="JU38" s="231"/>
      <c r="JV38" s="61">
        <v>0</v>
      </c>
      <c r="JW38" s="61">
        <v>0</v>
      </c>
      <c r="JX38" s="61">
        <v>0</v>
      </c>
      <c r="JY38" s="61">
        <v>0</v>
      </c>
      <c r="JZ38" s="61">
        <v>0</v>
      </c>
      <c r="KA38" s="62">
        <v>0</v>
      </c>
      <c r="KB38" s="63">
        <v>0</v>
      </c>
      <c r="KC38" s="60">
        <v>8</v>
      </c>
      <c r="KD38" s="61">
        <v>4</v>
      </c>
      <c r="KE38" s="62">
        <v>12</v>
      </c>
      <c r="KF38" s="231"/>
      <c r="KG38" s="61">
        <v>23</v>
      </c>
      <c r="KH38" s="61">
        <v>9</v>
      </c>
      <c r="KI38" s="61">
        <v>9</v>
      </c>
      <c r="KJ38" s="61">
        <v>8</v>
      </c>
      <c r="KK38" s="61">
        <v>3</v>
      </c>
      <c r="KL38" s="62">
        <v>52</v>
      </c>
      <c r="KM38" s="63">
        <v>64</v>
      </c>
    </row>
    <row r="39" spans="2:299" ht="21" customHeight="1" x14ac:dyDescent="0.2">
      <c r="B39" s="472" t="s">
        <v>36</v>
      </c>
      <c r="C39" s="293">
        <v>5</v>
      </c>
      <c r="D39" s="72">
        <v>5</v>
      </c>
      <c r="E39" s="73">
        <v>10</v>
      </c>
      <c r="F39" s="228"/>
      <c r="G39" s="72">
        <v>12</v>
      </c>
      <c r="H39" s="72">
        <v>5</v>
      </c>
      <c r="I39" s="72">
        <v>2</v>
      </c>
      <c r="J39" s="72">
        <v>7</v>
      </c>
      <c r="K39" s="72">
        <v>3</v>
      </c>
      <c r="L39" s="74">
        <v>29</v>
      </c>
      <c r="M39" s="75">
        <v>39</v>
      </c>
      <c r="N39" s="60">
        <v>1</v>
      </c>
      <c r="O39" s="61">
        <v>0</v>
      </c>
      <c r="P39" s="62">
        <v>1</v>
      </c>
      <c r="Q39" s="231"/>
      <c r="R39" s="61">
        <v>0</v>
      </c>
      <c r="S39" s="61">
        <v>1</v>
      </c>
      <c r="T39" s="61">
        <v>1</v>
      </c>
      <c r="U39" s="61">
        <v>0</v>
      </c>
      <c r="V39" s="61">
        <v>1</v>
      </c>
      <c r="W39" s="62">
        <v>3</v>
      </c>
      <c r="X39" s="63">
        <v>4</v>
      </c>
      <c r="Y39" s="60">
        <v>0</v>
      </c>
      <c r="Z39" s="61">
        <v>0</v>
      </c>
      <c r="AA39" s="62">
        <v>0</v>
      </c>
      <c r="AB39" s="231"/>
      <c r="AC39" s="61">
        <v>1</v>
      </c>
      <c r="AD39" s="61">
        <v>1</v>
      </c>
      <c r="AE39" s="61">
        <v>0</v>
      </c>
      <c r="AF39" s="61">
        <v>1</v>
      </c>
      <c r="AG39" s="61">
        <v>0</v>
      </c>
      <c r="AH39" s="62">
        <v>3</v>
      </c>
      <c r="AI39" s="63">
        <v>3</v>
      </c>
      <c r="AJ39" s="60">
        <v>1</v>
      </c>
      <c r="AK39" s="61">
        <v>1</v>
      </c>
      <c r="AL39" s="62">
        <v>2</v>
      </c>
      <c r="AM39" s="231"/>
      <c r="AN39" s="61">
        <v>0</v>
      </c>
      <c r="AO39" s="61">
        <v>0</v>
      </c>
      <c r="AP39" s="61">
        <v>0</v>
      </c>
      <c r="AQ39" s="61">
        <v>1</v>
      </c>
      <c r="AR39" s="61">
        <v>0</v>
      </c>
      <c r="AS39" s="62">
        <v>1</v>
      </c>
      <c r="AT39" s="63">
        <v>3</v>
      </c>
      <c r="AU39" s="60">
        <v>0</v>
      </c>
      <c r="AV39" s="61">
        <v>1</v>
      </c>
      <c r="AW39" s="62">
        <v>1</v>
      </c>
      <c r="AX39" s="231"/>
      <c r="AY39" s="61">
        <v>4</v>
      </c>
      <c r="AZ39" s="61">
        <v>0</v>
      </c>
      <c r="BA39" s="61">
        <v>0</v>
      </c>
      <c r="BB39" s="61">
        <v>1</v>
      </c>
      <c r="BC39" s="61">
        <v>1</v>
      </c>
      <c r="BD39" s="62">
        <v>6</v>
      </c>
      <c r="BE39" s="63">
        <v>7</v>
      </c>
      <c r="BF39" s="60">
        <v>3</v>
      </c>
      <c r="BG39" s="61">
        <v>0</v>
      </c>
      <c r="BH39" s="62">
        <v>3</v>
      </c>
      <c r="BI39" s="231"/>
      <c r="BJ39" s="61">
        <v>5</v>
      </c>
      <c r="BK39" s="61">
        <v>2</v>
      </c>
      <c r="BL39" s="61">
        <v>0</v>
      </c>
      <c r="BM39" s="61">
        <v>0</v>
      </c>
      <c r="BN39" s="61">
        <v>1</v>
      </c>
      <c r="BO39" s="62">
        <v>8</v>
      </c>
      <c r="BP39" s="63">
        <v>11</v>
      </c>
      <c r="BQ39" s="60">
        <v>0</v>
      </c>
      <c r="BR39" s="61">
        <v>3</v>
      </c>
      <c r="BS39" s="62">
        <v>3</v>
      </c>
      <c r="BT39" s="231"/>
      <c r="BU39" s="61">
        <v>2</v>
      </c>
      <c r="BV39" s="61">
        <v>1</v>
      </c>
      <c r="BW39" s="61">
        <v>1</v>
      </c>
      <c r="BX39" s="61">
        <v>4</v>
      </c>
      <c r="BY39" s="61">
        <v>0</v>
      </c>
      <c r="BZ39" s="62">
        <v>8</v>
      </c>
      <c r="CA39" s="63">
        <v>11</v>
      </c>
      <c r="CB39" s="60">
        <v>0</v>
      </c>
      <c r="CC39" s="61">
        <v>0</v>
      </c>
      <c r="CD39" s="62">
        <v>0</v>
      </c>
      <c r="CE39" s="231"/>
      <c r="CF39" s="61">
        <v>0</v>
      </c>
      <c r="CG39" s="61">
        <v>0</v>
      </c>
      <c r="CH39" s="61">
        <v>0</v>
      </c>
      <c r="CI39" s="61">
        <v>0</v>
      </c>
      <c r="CJ39" s="61">
        <v>0</v>
      </c>
      <c r="CK39" s="62">
        <v>0</v>
      </c>
      <c r="CL39" s="63">
        <v>0</v>
      </c>
      <c r="CM39" s="60">
        <v>5</v>
      </c>
      <c r="CN39" s="61">
        <v>5</v>
      </c>
      <c r="CO39" s="62">
        <v>10</v>
      </c>
      <c r="CP39" s="231"/>
      <c r="CQ39" s="61">
        <v>12</v>
      </c>
      <c r="CR39" s="61">
        <v>5</v>
      </c>
      <c r="CS39" s="61">
        <v>2</v>
      </c>
      <c r="CT39" s="61">
        <v>7</v>
      </c>
      <c r="CU39" s="61">
        <v>3</v>
      </c>
      <c r="CV39" s="62">
        <v>29</v>
      </c>
      <c r="CW39" s="63">
        <v>39</v>
      </c>
      <c r="CX39" s="113">
        <v>2</v>
      </c>
      <c r="CY39" s="72">
        <v>2</v>
      </c>
      <c r="CZ39" s="73">
        <v>4</v>
      </c>
      <c r="DA39" s="228"/>
      <c r="DB39" s="72">
        <v>2</v>
      </c>
      <c r="DC39" s="72">
        <v>1</v>
      </c>
      <c r="DD39" s="72">
        <v>1</v>
      </c>
      <c r="DE39" s="72">
        <v>0</v>
      </c>
      <c r="DF39" s="72">
        <v>1</v>
      </c>
      <c r="DG39" s="74">
        <v>5</v>
      </c>
      <c r="DH39" s="75">
        <v>9</v>
      </c>
      <c r="DI39" s="60">
        <v>0</v>
      </c>
      <c r="DJ39" s="61">
        <v>0</v>
      </c>
      <c r="DK39" s="62">
        <v>0</v>
      </c>
      <c r="DL39" s="231"/>
      <c r="DM39" s="61">
        <v>0</v>
      </c>
      <c r="DN39" s="61">
        <v>0</v>
      </c>
      <c r="DO39" s="61">
        <v>0</v>
      </c>
      <c r="DP39" s="61">
        <v>0</v>
      </c>
      <c r="DQ39" s="61">
        <v>0</v>
      </c>
      <c r="DR39" s="62">
        <v>0</v>
      </c>
      <c r="DS39" s="63">
        <v>0</v>
      </c>
      <c r="DT39" s="60">
        <v>1</v>
      </c>
      <c r="DU39" s="61">
        <v>0</v>
      </c>
      <c r="DV39" s="62">
        <v>1</v>
      </c>
      <c r="DW39" s="231"/>
      <c r="DX39" s="61">
        <v>0</v>
      </c>
      <c r="DY39" s="61">
        <v>0</v>
      </c>
      <c r="DZ39" s="61">
        <v>0</v>
      </c>
      <c r="EA39" s="61">
        <v>0</v>
      </c>
      <c r="EB39" s="61">
        <v>0</v>
      </c>
      <c r="EC39" s="62">
        <v>0</v>
      </c>
      <c r="ED39" s="63">
        <v>1</v>
      </c>
      <c r="EE39" s="60">
        <v>0</v>
      </c>
      <c r="EF39" s="61">
        <v>0</v>
      </c>
      <c r="EG39" s="62">
        <v>0</v>
      </c>
      <c r="EH39" s="231"/>
      <c r="EI39" s="61">
        <v>0</v>
      </c>
      <c r="EJ39" s="61">
        <v>0</v>
      </c>
      <c r="EK39" s="61">
        <v>0</v>
      </c>
      <c r="EL39" s="61">
        <v>0</v>
      </c>
      <c r="EM39" s="61">
        <v>0</v>
      </c>
      <c r="EN39" s="62">
        <v>0</v>
      </c>
      <c r="EO39" s="63">
        <v>0</v>
      </c>
      <c r="EP39" s="60">
        <v>0</v>
      </c>
      <c r="EQ39" s="61">
        <v>1</v>
      </c>
      <c r="ER39" s="62">
        <v>1</v>
      </c>
      <c r="ES39" s="231"/>
      <c r="ET39" s="61">
        <v>1</v>
      </c>
      <c r="EU39" s="61">
        <v>1</v>
      </c>
      <c r="EV39" s="61">
        <v>0</v>
      </c>
      <c r="EW39" s="61">
        <v>0</v>
      </c>
      <c r="EX39" s="61">
        <v>0</v>
      </c>
      <c r="EY39" s="62">
        <v>2</v>
      </c>
      <c r="EZ39" s="63">
        <v>3</v>
      </c>
      <c r="FA39" s="60">
        <v>0</v>
      </c>
      <c r="FB39" s="61">
        <v>1</v>
      </c>
      <c r="FC39" s="62">
        <v>1</v>
      </c>
      <c r="FD39" s="231"/>
      <c r="FE39" s="61">
        <v>0</v>
      </c>
      <c r="FF39" s="61">
        <v>0</v>
      </c>
      <c r="FG39" s="61">
        <v>1</v>
      </c>
      <c r="FH39" s="61">
        <v>0</v>
      </c>
      <c r="FI39" s="61">
        <v>0</v>
      </c>
      <c r="FJ39" s="62">
        <v>1</v>
      </c>
      <c r="FK39" s="63">
        <v>2</v>
      </c>
      <c r="FL39" s="60">
        <v>1</v>
      </c>
      <c r="FM39" s="61">
        <v>0</v>
      </c>
      <c r="FN39" s="62">
        <v>1</v>
      </c>
      <c r="FO39" s="231"/>
      <c r="FP39" s="61">
        <v>1</v>
      </c>
      <c r="FQ39" s="61">
        <v>0</v>
      </c>
      <c r="FR39" s="61">
        <v>0</v>
      </c>
      <c r="FS39" s="61">
        <v>0</v>
      </c>
      <c r="FT39" s="61">
        <v>1</v>
      </c>
      <c r="FU39" s="62">
        <v>2</v>
      </c>
      <c r="FV39" s="63">
        <v>3</v>
      </c>
      <c r="FW39" s="60">
        <v>0</v>
      </c>
      <c r="FX39" s="61">
        <v>0</v>
      </c>
      <c r="FY39" s="62">
        <v>0</v>
      </c>
      <c r="FZ39" s="231"/>
      <c r="GA39" s="61">
        <v>0</v>
      </c>
      <c r="GB39" s="61">
        <v>0</v>
      </c>
      <c r="GC39" s="61">
        <v>0</v>
      </c>
      <c r="GD39" s="61">
        <v>0</v>
      </c>
      <c r="GE39" s="61">
        <v>0</v>
      </c>
      <c r="GF39" s="62">
        <v>0</v>
      </c>
      <c r="GG39" s="63">
        <v>0</v>
      </c>
      <c r="GH39" s="60">
        <v>2</v>
      </c>
      <c r="GI39" s="61">
        <v>2</v>
      </c>
      <c r="GJ39" s="62">
        <v>4</v>
      </c>
      <c r="GK39" s="231"/>
      <c r="GL39" s="61">
        <v>2</v>
      </c>
      <c r="GM39" s="61">
        <v>1</v>
      </c>
      <c r="GN39" s="61">
        <v>1</v>
      </c>
      <c r="GO39" s="61">
        <v>0</v>
      </c>
      <c r="GP39" s="61">
        <v>1</v>
      </c>
      <c r="GQ39" s="62">
        <v>5</v>
      </c>
      <c r="GR39" s="63">
        <v>9</v>
      </c>
      <c r="GS39" s="113">
        <v>7</v>
      </c>
      <c r="GT39" s="72">
        <v>7</v>
      </c>
      <c r="GU39" s="73">
        <v>14</v>
      </c>
      <c r="GV39" s="228"/>
      <c r="GW39" s="72">
        <v>14</v>
      </c>
      <c r="GX39" s="72">
        <v>6</v>
      </c>
      <c r="GY39" s="72">
        <v>3</v>
      </c>
      <c r="GZ39" s="72">
        <v>7</v>
      </c>
      <c r="HA39" s="72">
        <v>4</v>
      </c>
      <c r="HB39" s="74">
        <v>34</v>
      </c>
      <c r="HC39" s="75">
        <v>48</v>
      </c>
      <c r="HD39" s="60">
        <v>1</v>
      </c>
      <c r="HE39" s="61">
        <v>0</v>
      </c>
      <c r="HF39" s="62">
        <v>1</v>
      </c>
      <c r="HG39" s="231"/>
      <c r="HH39" s="61">
        <v>0</v>
      </c>
      <c r="HI39" s="61">
        <v>1</v>
      </c>
      <c r="HJ39" s="61">
        <v>1</v>
      </c>
      <c r="HK39" s="61">
        <v>0</v>
      </c>
      <c r="HL39" s="61">
        <v>1</v>
      </c>
      <c r="HM39" s="62">
        <v>3</v>
      </c>
      <c r="HN39" s="63">
        <v>4</v>
      </c>
      <c r="HO39" s="60">
        <v>1</v>
      </c>
      <c r="HP39" s="61">
        <v>0</v>
      </c>
      <c r="HQ39" s="62">
        <v>1</v>
      </c>
      <c r="HR39" s="231"/>
      <c r="HS39" s="61">
        <v>1</v>
      </c>
      <c r="HT39" s="61">
        <v>1</v>
      </c>
      <c r="HU39" s="61">
        <v>0</v>
      </c>
      <c r="HV39" s="61">
        <v>1</v>
      </c>
      <c r="HW39" s="61">
        <v>0</v>
      </c>
      <c r="HX39" s="62">
        <v>3</v>
      </c>
      <c r="HY39" s="63">
        <v>4</v>
      </c>
      <c r="HZ39" s="60">
        <v>1</v>
      </c>
      <c r="IA39" s="61">
        <v>1</v>
      </c>
      <c r="IB39" s="62">
        <v>2</v>
      </c>
      <c r="IC39" s="231"/>
      <c r="ID39" s="61">
        <v>0</v>
      </c>
      <c r="IE39" s="61">
        <v>0</v>
      </c>
      <c r="IF39" s="61">
        <v>0</v>
      </c>
      <c r="IG39" s="61">
        <v>1</v>
      </c>
      <c r="IH39" s="61">
        <v>0</v>
      </c>
      <c r="II39" s="62">
        <v>1</v>
      </c>
      <c r="IJ39" s="63">
        <v>3</v>
      </c>
      <c r="IK39" s="60">
        <v>0</v>
      </c>
      <c r="IL39" s="61">
        <v>2</v>
      </c>
      <c r="IM39" s="62">
        <v>2</v>
      </c>
      <c r="IN39" s="231"/>
      <c r="IO39" s="61">
        <v>5</v>
      </c>
      <c r="IP39" s="61">
        <v>1</v>
      </c>
      <c r="IQ39" s="61">
        <v>0</v>
      </c>
      <c r="IR39" s="61">
        <v>1</v>
      </c>
      <c r="IS39" s="61">
        <v>1</v>
      </c>
      <c r="IT39" s="62">
        <v>8</v>
      </c>
      <c r="IU39" s="63">
        <v>10</v>
      </c>
      <c r="IV39" s="60">
        <v>3</v>
      </c>
      <c r="IW39" s="61">
        <v>1</v>
      </c>
      <c r="IX39" s="62">
        <v>4</v>
      </c>
      <c r="IY39" s="231"/>
      <c r="IZ39" s="61">
        <v>5</v>
      </c>
      <c r="JA39" s="61">
        <v>2</v>
      </c>
      <c r="JB39" s="61">
        <v>1</v>
      </c>
      <c r="JC39" s="61">
        <v>0</v>
      </c>
      <c r="JD39" s="61">
        <v>1</v>
      </c>
      <c r="JE39" s="62">
        <v>9</v>
      </c>
      <c r="JF39" s="63">
        <v>13</v>
      </c>
      <c r="JG39" s="60">
        <v>1</v>
      </c>
      <c r="JH39" s="61">
        <v>3</v>
      </c>
      <c r="JI39" s="62">
        <v>4</v>
      </c>
      <c r="JJ39" s="231"/>
      <c r="JK39" s="61">
        <v>3</v>
      </c>
      <c r="JL39" s="61">
        <v>1</v>
      </c>
      <c r="JM39" s="61">
        <v>1</v>
      </c>
      <c r="JN39" s="61">
        <v>4</v>
      </c>
      <c r="JO39" s="61">
        <v>1</v>
      </c>
      <c r="JP39" s="62">
        <v>10</v>
      </c>
      <c r="JQ39" s="63">
        <v>14</v>
      </c>
      <c r="JR39" s="60">
        <v>0</v>
      </c>
      <c r="JS39" s="61">
        <v>0</v>
      </c>
      <c r="JT39" s="62">
        <v>0</v>
      </c>
      <c r="JU39" s="231"/>
      <c r="JV39" s="61">
        <v>0</v>
      </c>
      <c r="JW39" s="61">
        <v>0</v>
      </c>
      <c r="JX39" s="61">
        <v>0</v>
      </c>
      <c r="JY39" s="61">
        <v>0</v>
      </c>
      <c r="JZ39" s="61">
        <v>0</v>
      </c>
      <c r="KA39" s="62">
        <v>0</v>
      </c>
      <c r="KB39" s="63">
        <v>0</v>
      </c>
      <c r="KC39" s="60">
        <v>7</v>
      </c>
      <c r="KD39" s="61">
        <v>7</v>
      </c>
      <c r="KE39" s="62">
        <v>14</v>
      </c>
      <c r="KF39" s="231"/>
      <c r="KG39" s="61">
        <v>14</v>
      </c>
      <c r="KH39" s="61">
        <v>6</v>
      </c>
      <c r="KI39" s="61">
        <v>3</v>
      </c>
      <c r="KJ39" s="61">
        <v>7</v>
      </c>
      <c r="KK39" s="61">
        <v>4</v>
      </c>
      <c r="KL39" s="62">
        <v>34</v>
      </c>
      <c r="KM39" s="63">
        <v>48</v>
      </c>
    </row>
    <row r="40" spans="2:299" ht="21" customHeight="1" thickBot="1" x14ac:dyDescent="0.25">
      <c r="B40" s="473" t="s">
        <v>37</v>
      </c>
      <c r="C40" s="294">
        <v>0</v>
      </c>
      <c r="D40" s="77">
        <v>0</v>
      </c>
      <c r="E40" s="78">
        <v>0</v>
      </c>
      <c r="F40" s="229"/>
      <c r="G40" s="77">
        <v>1</v>
      </c>
      <c r="H40" s="77">
        <v>1</v>
      </c>
      <c r="I40" s="77">
        <v>2</v>
      </c>
      <c r="J40" s="77">
        <v>1</v>
      </c>
      <c r="K40" s="77">
        <v>0</v>
      </c>
      <c r="L40" s="79">
        <v>5</v>
      </c>
      <c r="M40" s="80">
        <v>5</v>
      </c>
      <c r="N40" s="64">
        <v>0</v>
      </c>
      <c r="O40" s="65">
        <v>0</v>
      </c>
      <c r="P40" s="66">
        <v>0</v>
      </c>
      <c r="Q40" s="232"/>
      <c r="R40" s="65">
        <v>0</v>
      </c>
      <c r="S40" s="65">
        <v>0</v>
      </c>
      <c r="T40" s="65">
        <v>0</v>
      </c>
      <c r="U40" s="65">
        <v>0</v>
      </c>
      <c r="V40" s="65">
        <v>0</v>
      </c>
      <c r="W40" s="66">
        <v>0</v>
      </c>
      <c r="X40" s="67">
        <v>0</v>
      </c>
      <c r="Y40" s="64">
        <v>0</v>
      </c>
      <c r="Z40" s="65">
        <v>0</v>
      </c>
      <c r="AA40" s="66">
        <v>0</v>
      </c>
      <c r="AB40" s="232"/>
      <c r="AC40" s="65">
        <v>0</v>
      </c>
      <c r="AD40" s="65">
        <v>0</v>
      </c>
      <c r="AE40" s="65">
        <v>1</v>
      </c>
      <c r="AF40" s="65">
        <v>0</v>
      </c>
      <c r="AG40" s="65">
        <v>0</v>
      </c>
      <c r="AH40" s="66">
        <v>1</v>
      </c>
      <c r="AI40" s="67">
        <v>1</v>
      </c>
      <c r="AJ40" s="64">
        <v>0</v>
      </c>
      <c r="AK40" s="65">
        <v>0</v>
      </c>
      <c r="AL40" s="66">
        <v>0</v>
      </c>
      <c r="AM40" s="232"/>
      <c r="AN40" s="65">
        <v>1</v>
      </c>
      <c r="AO40" s="65">
        <v>0</v>
      </c>
      <c r="AP40" s="65">
        <v>1</v>
      </c>
      <c r="AQ40" s="65">
        <v>0</v>
      </c>
      <c r="AR40" s="65">
        <v>0</v>
      </c>
      <c r="AS40" s="66">
        <v>2</v>
      </c>
      <c r="AT40" s="67">
        <v>2</v>
      </c>
      <c r="AU40" s="64">
        <v>0</v>
      </c>
      <c r="AV40" s="65">
        <v>0</v>
      </c>
      <c r="AW40" s="66">
        <v>0</v>
      </c>
      <c r="AX40" s="232"/>
      <c r="AY40" s="65">
        <v>0</v>
      </c>
      <c r="AZ40" s="65">
        <v>0</v>
      </c>
      <c r="BA40" s="65">
        <v>0</v>
      </c>
      <c r="BB40" s="65">
        <v>0</v>
      </c>
      <c r="BC40" s="65">
        <v>0</v>
      </c>
      <c r="BD40" s="66">
        <v>0</v>
      </c>
      <c r="BE40" s="67">
        <v>0</v>
      </c>
      <c r="BF40" s="64">
        <v>0</v>
      </c>
      <c r="BG40" s="65">
        <v>0</v>
      </c>
      <c r="BH40" s="66">
        <v>0</v>
      </c>
      <c r="BI40" s="232"/>
      <c r="BJ40" s="65">
        <v>0</v>
      </c>
      <c r="BK40" s="65">
        <v>1</v>
      </c>
      <c r="BL40" s="65">
        <v>0</v>
      </c>
      <c r="BM40" s="65">
        <v>1</v>
      </c>
      <c r="BN40" s="65">
        <v>0</v>
      </c>
      <c r="BO40" s="66">
        <v>2</v>
      </c>
      <c r="BP40" s="67">
        <v>2</v>
      </c>
      <c r="BQ40" s="64">
        <v>0</v>
      </c>
      <c r="BR40" s="65">
        <v>0</v>
      </c>
      <c r="BS40" s="66">
        <v>0</v>
      </c>
      <c r="BT40" s="232"/>
      <c r="BU40" s="65">
        <v>0</v>
      </c>
      <c r="BV40" s="65">
        <v>0</v>
      </c>
      <c r="BW40" s="65">
        <v>0</v>
      </c>
      <c r="BX40" s="65">
        <v>0</v>
      </c>
      <c r="BY40" s="65">
        <v>0</v>
      </c>
      <c r="BZ40" s="66">
        <v>0</v>
      </c>
      <c r="CA40" s="67">
        <v>0</v>
      </c>
      <c r="CB40" s="64">
        <v>0</v>
      </c>
      <c r="CC40" s="65">
        <v>0</v>
      </c>
      <c r="CD40" s="66">
        <v>0</v>
      </c>
      <c r="CE40" s="232"/>
      <c r="CF40" s="65">
        <v>0</v>
      </c>
      <c r="CG40" s="65">
        <v>0</v>
      </c>
      <c r="CH40" s="65">
        <v>0</v>
      </c>
      <c r="CI40" s="65">
        <v>0</v>
      </c>
      <c r="CJ40" s="65">
        <v>0</v>
      </c>
      <c r="CK40" s="66">
        <v>0</v>
      </c>
      <c r="CL40" s="67">
        <v>0</v>
      </c>
      <c r="CM40" s="64">
        <v>0</v>
      </c>
      <c r="CN40" s="65">
        <v>0</v>
      </c>
      <c r="CO40" s="66">
        <v>0</v>
      </c>
      <c r="CP40" s="232"/>
      <c r="CQ40" s="65">
        <v>1</v>
      </c>
      <c r="CR40" s="65">
        <v>1</v>
      </c>
      <c r="CS40" s="65">
        <v>2</v>
      </c>
      <c r="CT40" s="65">
        <v>1</v>
      </c>
      <c r="CU40" s="65">
        <v>0</v>
      </c>
      <c r="CV40" s="66">
        <v>5</v>
      </c>
      <c r="CW40" s="67">
        <v>5</v>
      </c>
      <c r="CX40" s="114">
        <v>0</v>
      </c>
      <c r="CY40" s="77">
        <v>0</v>
      </c>
      <c r="CZ40" s="78">
        <v>0</v>
      </c>
      <c r="DA40" s="229"/>
      <c r="DB40" s="77">
        <v>0</v>
      </c>
      <c r="DC40" s="77">
        <v>0</v>
      </c>
      <c r="DD40" s="77">
        <v>0</v>
      </c>
      <c r="DE40" s="77">
        <v>0</v>
      </c>
      <c r="DF40" s="77">
        <v>0</v>
      </c>
      <c r="DG40" s="79">
        <v>0</v>
      </c>
      <c r="DH40" s="80">
        <v>0</v>
      </c>
      <c r="DI40" s="64">
        <v>0</v>
      </c>
      <c r="DJ40" s="65">
        <v>0</v>
      </c>
      <c r="DK40" s="66">
        <v>0</v>
      </c>
      <c r="DL40" s="232"/>
      <c r="DM40" s="65">
        <v>0</v>
      </c>
      <c r="DN40" s="65">
        <v>0</v>
      </c>
      <c r="DO40" s="65">
        <v>0</v>
      </c>
      <c r="DP40" s="65">
        <v>0</v>
      </c>
      <c r="DQ40" s="65">
        <v>0</v>
      </c>
      <c r="DR40" s="66">
        <v>0</v>
      </c>
      <c r="DS40" s="67">
        <v>0</v>
      </c>
      <c r="DT40" s="64">
        <v>0</v>
      </c>
      <c r="DU40" s="65">
        <v>0</v>
      </c>
      <c r="DV40" s="66">
        <v>0</v>
      </c>
      <c r="DW40" s="232"/>
      <c r="DX40" s="65">
        <v>0</v>
      </c>
      <c r="DY40" s="65">
        <v>0</v>
      </c>
      <c r="DZ40" s="65">
        <v>0</v>
      </c>
      <c r="EA40" s="65">
        <v>0</v>
      </c>
      <c r="EB40" s="65">
        <v>0</v>
      </c>
      <c r="EC40" s="66">
        <v>0</v>
      </c>
      <c r="ED40" s="67">
        <v>0</v>
      </c>
      <c r="EE40" s="64">
        <v>0</v>
      </c>
      <c r="EF40" s="65">
        <v>0</v>
      </c>
      <c r="EG40" s="66">
        <v>0</v>
      </c>
      <c r="EH40" s="232"/>
      <c r="EI40" s="65">
        <v>0</v>
      </c>
      <c r="EJ40" s="65">
        <v>0</v>
      </c>
      <c r="EK40" s="65">
        <v>0</v>
      </c>
      <c r="EL40" s="65">
        <v>0</v>
      </c>
      <c r="EM40" s="65">
        <v>0</v>
      </c>
      <c r="EN40" s="66">
        <v>0</v>
      </c>
      <c r="EO40" s="67">
        <v>0</v>
      </c>
      <c r="EP40" s="64">
        <v>0</v>
      </c>
      <c r="EQ40" s="65">
        <v>0</v>
      </c>
      <c r="ER40" s="66">
        <v>0</v>
      </c>
      <c r="ES40" s="232"/>
      <c r="ET40" s="65">
        <v>0</v>
      </c>
      <c r="EU40" s="65">
        <v>0</v>
      </c>
      <c r="EV40" s="65">
        <v>0</v>
      </c>
      <c r="EW40" s="65">
        <v>0</v>
      </c>
      <c r="EX40" s="65">
        <v>0</v>
      </c>
      <c r="EY40" s="66">
        <v>0</v>
      </c>
      <c r="EZ40" s="67">
        <v>0</v>
      </c>
      <c r="FA40" s="64">
        <v>0</v>
      </c>
      <c r="FB40" s="65">
        <v>0</v>
      </c>
      <c r="FC40" s="66">
        <v>0</v>
      </c>
      <c r="FD40" s="232"/>
      <c r="FE40" s="65">
        <v>0</v>
      </c>
      <c r="FF40" s="65">
        <v>0</v>
      </c>
      <c r="FG40" s="65">
        <v>0</v>
      </c>
      <c r="FH40" s="65">
        <v>0</v>
      </c>
      <c r="FI40" s="65">
        <v>0</v>
      </c>
      <c r="FJ40" s="66">
        <v>0</v>
      </c>
      <c r="FK40" s="67">
        <v>0</v>
      </c>
      <c r="FL40" s="64">
        <v>0</v>
      </c>
      <c r="FM40" s="65">
        <v>0</v>
      </c>
      <c r="FN40" s="66">
        <v>0</v>
      </c>
      <c r="FO40" s="232"/>
      <c r="FP40" s="65">
        <v>0</v>
      </c>
      <c r="FQ40" s="65">
        <v>0</v>
      </c>
      <c r="FR40" s="65">
        <v>0</v>
      </c>
      <c r="FS40" s="65">
        <v>0</v>
      </c>
      <c r="FT40" s="65">
        <v>0</v>
      </c>
      <c r="FU40" s="66">
        <v>0</v>
      </c>
      <c r="FV40" s="67">
        <v>0</v>
      </c>
      <c r="FW40" s="64">
        <v>0</v>
      </c>
      <c r="FX40" s="65">
        <v>0</v>
      </c>
      <c r="FY40" s="66">
        <v>0</v>
      </c>
      <c r="FZ40" s="232"/>
      <c r="GA40" s="65">
        <v>0</v>
      </c>
      <c r="GB40" s="65">
        <v>0</v>
      </c>
      <c r="GC40" s="65">
        <v>0</v>
      </c>
      <c r="GD40" s="65">
        <v>0</v>
      </c>
      <c r="GE40" s="65">
        <v>0</v>
      </c>
      <c r="GF40" s="66">
        <v>0</v>
      </c>
      <c r="GG40" s="67">
        <v>0</v>
      </c>
      <c r="GH40" s="64">
        <v>0</v>
      </c>
      <c r="GI40" s="65">
        <v>0</v>
      </c>
      <c r="GJ40" s="66">
        <v>0</v>
      </c>
      <c r="GK40" s="232"/>
      <c r="GL40" s="65">
        <v>0</v>
      </c>
      <c r="GM40" s="65">
        <v>0</v>
      </c>
      <c r="GN40" s="65">
        <v>0</v>
      </c>
      <c r="GO40" s="65">
        <v>0</v>
      </c>
      <c r="GP40" s="65">
        <v>0</v>
      </c>
      <c r="GQ40" s="66">
        <v>0</v>
      </c>
      <c r="GR40" s="67">
        <v>0</v>
      </c>
      <c r="GS40" s="114">
        <v>0</v>
      </c>
      <c r="GT40" s="77">
        <v>0</v>
      </c>
      <c r="GU40" s="78">
        <v>0</v>
      </c>
      <c r="GV40" s="229"/>
      <c r="GW40" s="77">
        <v>1</v>
      </c>
      <c r="GX40" s="77">
        <v>1</v>
      </c>
      <c r="GY40" s="77">
        <v>2</v>
      </c>
      <c r="GZ40" s="77">
        <v>1</v>
      </c>
      <c r="HA40" s="77">
        <v>0</v>
      </c>
      <c r="HB40" s="79">
        <v>5</v>
      </c>
      <c r="HC40" s="80">
        <v>5</v>
      </c>
      <c r="HD40" s="64">
        <v>0</v>
      </c>
      <c r="HE40" s="65">
        <v>0</v>
      </c>
      <c r="HF40" s="66">
        <v>0</v>
      </c>
      <c r="HG40" s="232"/>
      <c r="HH40" s="65">
        <v>0</v>
      </c>
      <c r="HI40" s="65">
        <v>0</v>
      </c>
      <c r="HJ40" s="65">
        <v>0</v>
      </c>
      <c r="HK40" s="65">
        <v>0</v>
      </c>
      <c r="HL40" s="65">
        <v>0</v>
      </c>
      <c r="HM40" s="66">
        <v>0</v>
      </c>
      <c r="HN40" s="67">
        <v>0</v>
      </c>
      <c r="HO40" s="64">
        <v>0</v>
      </c>
      <c r="HP40" s="65">
        <v>0</v>
      </c>
      <c r="HQ40" s="66">
        <v>0</v>
      </c>
      <c r="HR40" s="232"/>
      <c r="HS40" s="65">
        <v>0</v>
      </c>
      <c r="HT40" s="65">
        <v>0</v>
      </c>
      <c r="HU40" s="65">
        <v>1</v>
      </c>
      <c r="HV40" s="65">
        <v>0</v>
      </c>
      <c r="HW40" s="65">
        <v>0</v>
      </c>
      <c r="HX40" s="66">
        <v>1</v>
      </c>
      <c r="HY40" s="67">
        <v>1</v>
      </c>
      <c r="HZ40" s="64">
        <v>0</v>
      </c>
      <c r="IA40" s="65">
        <v>0</v>
      </c>
      <c r="IB40" s="66">
        <v>0</v>
      </c>
      <c r="IC40" s="232"/>
      <c r="ID40" s="65">
        <v>1</v>
      </c>
      <c r="IE40" s="65">
        <v>0</v>
      </c>
      <c r="IF40" s="65">
        <v>1</v>
      </c>
      <c r="IG40" s="65">
        <v>0</v>
      </c>
      <c r="IH40" s="65">
        <v>0</v>
      </c>
      <c r="II40" s="66">
        <v>2</v>
      </c>
      <c r="IJ40" s="67">
        <v>2</v>
      </c>
      <c r="IK40" s="64">
        <v>0</v>
      </c>
      <c r="IL40" s="65">
        <v>0</v>
      </c>
      <c r="IM40" s="66">
        <v>0</v>
      </c>
      <c r="IN40" s="232"/>
      <c r="IO40" s="65">
        <v>0</v>
      </c>
      <c r="IP40" s="65">
        <v>0</v>
      </c>
      <c r="IQ40" s="65">
        <v>0</v>
      </c>
      <c r="IR40" s="65">
        <v>0</v>
      </c>
      <c r="IS40" s="65">
        <v>0</v>
      </c>
      <c r="IT40" s="66">
        <v>0</v>
      </c>
      <c r="IU40" s="67">
        <v>0</v>
      </c>
      <c r="IV40" s="64">
        <v>0</v>
      </c>
      <c r="IW40" s="65">
        <v>0</v>
      </c>
      <c r="IX40" s="66">
        <v>0</v>
      </c>
      <c r="IY40" s="232"/>
      <c r="IZ40" s="65">
        <v>0</v>
      </c>
      <c r="JA40" s="65">
        <v>1</v>
      </c>
      <c r="JB40" s="65">
        <v>0</v>
      </c>
      <c r="JC40" s="65">
        <v>1</v>
      </c>
      <c r="JD40" s="65">
        <v>0</v>
      </c>
      <c r="JE40" s="66">
        <v>2</v>
      </c>
      <c r="JF40" s="67">
        <v>2</v>
      </c>
      <c r="JG40" s="64">
        <v>0</v>
      </c>
      <c r="JH40" s="65">
        <v>0</v>
      </c>
      <c r="JI40" s="66">
        <v>0</v>
      </c>
      <c r="JJ40" s="232"/>
      <c r="JK40" s="65">
        <v>0</v>
      </c>
      <c r="JL40" s="65">
        <v>0</v>
      </c>
      <c r="JM40" s="65">
        <v>0</v>
      </c>
      <c r="JN40" s="65">
        <v>0</v>
      </c>
      <c r="JO40" s="65">
        <v>0</v>
      </c>
      <c r="JP40" s="66">
        <v>0</v>
      </c>
      <c r="JQ40" s="67">
        <v>0</v>
      </c>
      <c r="JR40" s="64">
        <v>0</v>
      </c>
      <c r="JS40" s="65">
        <v>0</v>
      </c>
      <c r="JT40" s="66">
        <v>0</v>
      </c>
      <c r="JU40" s="232"/>
      <c r="JV40" s="65">
        <v>0</v>
      </c>
      <c r="JW40" s="65">
        <v>0</v>
      </c>
      <c r="JX40" s="65">
        <v>0</v>
      </c>
      <c r="JY40" s="65">
        <v>0</v>
      </c>
      <c r="JZ40" s="65">
        <v>0</v>
      </c>
      <c r="KA40" s="66">
        <v>0</v>
      </c>
      <c r="KB40" s="67">
        <v>0</v>
      </c>
      <c r="KC40" s="64">
        <v>0</v>
      </c>
      <c r="KD40" s="65">
        <v>0</v>
      </c>
      <c r="KE40" s="66">
        <v>0</v>
      </c>
      <c r="KF40" s="232"/>
      <c r="KG40" s="65">
        <v>1</v>
      </c>
      <c r="KH40" s="65">
        <v>1</v>
      </c>
      <c r="KI40" s="65">
        <v>2</v>
      </c>
      <c r="KJ40" s="65">
        <v>1</v>
      </c>
      <c r="KK40" s="65">
        <v>0</v>
      </c>
      <c r="KL40" s="66">
        <v>5</v>
      </c>
      <c r="KM40" s="67">
        <v>5</v>
      </c>
    </row>
    <row r="41" spans="2:299" ht="32.25" customHeight="1" x14ac:dyDescent="0.2">
      <c r="C41" s="289" t="s">
        <v>125</v>
      </c>
    </row>
  </sheetData>
  <mergeCells count="36">
    <mergeCell ref="GS5:HC5"/>
    <mergeCell ref="DI5:DS5"/>
    <mergeCell ref="DT5:ED5"/>
    <mergeCell ref="EE5:EO5"/>
    <mergeCell ref="GS3:KM3"/>
    <mergeCell ref="GS4:JQ4"/>
    <mergeCell ref="JR4:KB5"/>
    <mergeCell ref="KC4:KM5"/>
    <mergeCell ref="IK5:IU5"/>
    <mergeCell ref="IV5:JF5"/>
    <mergeCell ref="JG5:JQ5"/>
    <mergeCell ref="HD5:HN5"/>
    <mergeCell ref="HO5:HY5"/>
    <mergeCell ref="HZ5:IJ5"/>
    <mergeCell ref="CX4:FV4"/>
    <mergeCell ref="FW4:GG5"/>
    <mergeCell ref="I1:J1"/>
    <mergeCell ref="F1:G1"/>
    <mergeCell ref="CB4:CL5"/>
    <mergeCell ref="B3:B5"/>
    <mergeCell ref="C3:CW3"/>
    <mergeCell ref="CX3:GR3"/>
    <mergeCell ref="C5:M5"/>
    <mergeCell ref="N5:X5"/>
    <mergeCell ref="Y5:AI5"/>
    <mergeCell ref="AJ5:AT5"/>
    <mergeCell ref="AU5:BE5"/>
    <mergeCell ref="EP5:EZ5"/>
    <mergeCell ref="GH4:GR5"/>
    <mergeCell ref="BQ5:CA5"/>
    <mergeCell ref="CX5:DH5"/>
    <mergeCell ref="FA5:FK5"/>
    <mergeCell ref="FL5:FV5"/>
    <mergeCell ref="C4:CA4"/>
    <mergeCell ref="CM4:CW5"/>
    <mergeCell ref="BF5:BP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39" customWidth="1"/>
    <col min="2" max="2" width="9.77734375" style="39" customWidth="1"/>
    <col min="3" max="11" width="7.88671875" style="38" customWidth="1"/>
    <col min="12" max="13" width="8.77734375" style="38" customWidth="1"/>
    <col min="14" max="33" width="7.88671875" style="38" customWidth="1"/>
    <col min="34" max="34" width="9.109375" style="38" customWidth="1"/>
    <col min="35" max="35" width="8.44140625" style="38" customWidth="1"/>
    <col min="36" max="55" width="7.88671875" style="38" customWidth="1"/>
    <col min="56" max="56" width="9.109375" style="38" customWidth="1"/>
    <col min="57" max="57" width="8.44140625" style="38" customWidth="1"/>
    <col min="58" max="77" width="7.88671875" style="38" customWidth="1"/>
    <col min="78" max="78" width="9.109375" style="38" customWidth="1"/>
    <col min="79" max="79" width="8.44140625" style="38" customWidth="1"/>
    <col min="80" max="86" width="7.88671875" style="38" customWidth="1"/>
    <col min="87" max="93" width="9" style="38"/>
    <col min="94" max="94" width="8.44140625" style="38" customWidth="1"/>
    <col min="95" max="102" width="9" style="38"/>
    <col min="103" max="104" width="9" style="39"/>
    <col min="105" max="105" width="7.77734375" style="39" customWidth="1"/>
    <col min="106" max="115" width="9" style="39"/>
    <col min="116" max="116" width="7.77734375" style="39" customWidth="1"/>
    <col min="117" max="126" width="9" style="39"/>
    <col min="127" max="127" width="7.77734375" style="39" customWidth="1"/>
    <col min="128" max="137" width="9" style="39"/>
    <col min="138" max="138" width="8" style="39" customWidth="1"/>
    <col min="139" max="148" width="9" style="39"/>
    <col min="149" max="149" width="7.77734375" style="39" customWidth="1"/>
    <col min="150" max="159" width="9" style="39"/>
    <col min="160" max="160" width="7.44140625" style="39" customWidth="1"/>
    <col min="161" max="170" width="9" style="39"/>
    <col min="171" max="171" width="7.88671875" style="39" customWidth="1"/>
    <col min="172" max="181" width="9" style="39"/>
    <col min="182" max="182" width="7.21875" style="39" customWidth="1"/>
    <col min="183" max="192" width="9" style="39"/>
    <col min="193" max="193" width="8" style="39" customWidth="1"/>
    <col min="194" max="203" width="9" style="39"/>
    <col min="204" max="204" width="7.88671875" style="39" customWidth="1"/>
    <col min="205" max="214" width="9" style="39"/>
    <col min="215" max="215" width="7.88671875" style="39" customWidth="1"/>
    <col min="216" max="225" width="9" style="39"/>
    <col min="226" max="226" width="7.33203125" style="39" customWidth="1"/>
    <col min="227" max="236" width="9" style="39"/>
    <col min="237" max="237" width="7.6640625" style="39" customWidth="1"/>
    <col min="238" max="247" width="9" style="39"/>
    <col min="248" max="248" width="8" style="39" customWidth="1"/>
    <col min="249" max="258" width="9" style="39"/>
    <col min="259" max="259" width="8" style="39" customWidth="1"/>
    <col min="260" max="269" width="9" style="39"/>
    <col min="270" max="270" width="8" style="39" customWidth="1"/>
    <col min="271" max="280" width="9" style="39"/>
    <col min="281" max="281" width="8" style="39" customWidth="1"/>
    <col min="282" max="291" width="9" style="39"/>
    <col min="292" max="292" width="8.109375" style="39" customWidth="1"/>
    <col min="293" max="16384" width="9" style="39"/>
  </cols>
  <sheetData>
    <row r="1" spans="2:299" ht="24" customHeight="1" x14ac:dyDescent="0.2">
      <c r="B1" s="10" t="s">
        <v>120</v>
      </c>
      <c r="F1" s="500">
        <f>第１表!F2</f>
        <v>5</v>
      </c>
      <c r="G1" s="500"/>
      <c r="H1" s="235">
        <f>第１表!G2</f>
        <v>12</v>
      </c>
      <c r="I1" s="482">
        <f>H1</f>
        <v>12</v>
      </c>
      <c r="J1" s="482"/>
    </row>
    <row r="2" spans="2:299" ht="24" customHeight="1" thickBot="1" x14ac:dyDescent="0.25">
      <c r="B2" s="15" t="s">
        <v>151</v>
      </c>
    </row>
    <row r="3" spans="2:299" ht="21" customHeight="1" thickBot="1" x14ac:dyDescent="0.25">
      <c r="B3" s="483" t="s">
        <v>38</v>
      </c>
      <c r="C3" s="495" t="s">
        <v>96</v>
      </c>
      <c r="D3" s="495"/>
      <c r="E3" s="495"/>
      <c r="F3" s="495"/>
      <c r="G3" s="495"/>
      <c r="H3" s="495"/>
      <c r="I3" s="495"/>
      <c r="J3" s="495"/>
      <c r="K3" s="495"/>
      <c r="L3" s="495"/>
      <c r="M3" s="495"/>
      <c r="N3" s="495"/>
      <c r="O3" s="495"/>
      <c r="P3" s="495"/>
      <c r="Q3" s="495"/>
      <c r="R3" s="495"/>
      <c r="S3" s="495"/>
      <c r="T3" s="495"/>
      <c r="U3" s="495"/>
      <c r="V3" s="495"/>
      <c r="W3" s="495"/>
      <c r="X3" s="495"/>
      <c r="Y3" s="495"/>
      <c r="Z3" s="495"/>
      <c r="AA3" s="495"/>
      <c r="AB3" s="495"/>
      <c r="AC3" s="495"/>
      <c r="AD3" s="495"/>
      <c r="AE3" s="495"/>
      <c r="AF3" s="495"/>
      <c r="AG3" s="495"/>
      <c r="AH3" s="495"/>
      <c r="AI3" s="495"/>
      <c r="AJ3" s="495"/>
      <c r="AK3" s="495"/>
      <c r="AL3" s="495"/>
      <c r="AM3" s="495"/>
      <c r="AN3" s="495"/>
      <c r="AO3" s="495"/>
      <c r="AP3" s="495"/>
      <c r="AQ3" s="495"/>
      <c r="AR3" s="495"/>
      <c r="AS3" s="495"/>
      <c r="AT3" s="495"/>
      <c r="AU3" s="495"/>
      <c r="AV3" s="495"/>
      <c r="AW3" s="495"/>
      <c r="AX3" s="495"/>
      <c r="AY3" s="495"/>
      <c r="AZ3" s="495"/>
      <c r="BA3" s="495"/>
      <c r="BB3" s="495"/>
      <c r="BC3" s="495"/>
      <c r="BD3" s="495"/>
      <c r="BE3" s="495"/>
      <c r="BF3" s="495"/>
      <c r="BG3" s="495"/>
      <c r="BH3" s="495"/>
      <c r="BI3" s="495"/>
      <c r="BJ3" s="495"/>
      <c r="BK3" s="495"/>
      <c r="BL3" s="495"/>
      <c r="BM3" s="495"/>
      <c r="BN3" s="495"/>
      <c r="BO3" s="495"/>
      <c r="BP3" s="495"/>
      <c r="BQ3" s="495"/>
      <c r="BR3" s="495"/>
      <c r="BS3" s="495"/>
      <c r="BT3" s="495"/>
      <c r="BU3" s="495"/>
      <c r="BV3" s="495"/>
      <c r="BW3" s="495"/>
      <c r="BX3" s="495"/>
      <c r="BY3" s="495"/>
      <c r="BZ3" s="495"/>
      <c r="CA3" s="495"/>
      <c r="CB3" s="495"/>
      <c r="CC3" s="495"/>
      <c r="CD3" s="495"/>
      <c r="CE3" s="495"/>
      <c r="CF3" s="495"/>
      <c r="CG3" s="495"/>
      <c r="CH3" s="495"/>
      <c r="CI3" s="495"/>
      <c r="CJ3" s="495"/>
      <c r="CK3" s="495"/>
      <c r="CL3" s="495"/>
      <c r="CM3" s="495"/>
      <c r="CN3" s="495"/>
      <c r="CO3" s="495"/>
      <c r="CP3" s="495"/>
      <c r="CQ3" s="495"/>
      <c r="CR3" s="495"/>
      <c r="CS3" s="495"/>
      <c r="CT3" s="495"/>
      <c r="CU3" s="495"/>
      <c r="CV3" s="495"/>
      <c r="CW3" s="496"/>
      <c r="CX3" s="495" t="s">
        <v>103</v>
      </c>
      <c r="CY3" s="495"/>
      <c r="CZ3" s="495"/>
      <c r="DA3" s="495"/>
      <c r="DB3" s="495"/>
      <c r="DC3" s="495"/>
      <c r="DD3" s="495"/>
      <c r="DE3" s="495"/>
      <c r="DF3" s="495"/>
      <c r="DG3" s="495"/>
      <c r="DH3" s="495"/>
      <c r="DI3" s="495"/>
      <c r="DJ3" s="495"/>
      <c r="DK3" s="495"/>
      <c r="DL3" s="495"/>
      <c r="DM3" s="495"/>
      <c r="DN3" s="495"/>
      <c r="DO3" s="495"/>
      <c r="DP3" s="495"/>
      <c r="DQ3" s="495"/>
      <c r="DR3" s="495"/>
      <c r="DS3" s="495"/>
      <c r="DT3" s="495"/>
      <c r="DU3" s="495"/>
      <c r="DV3" s="495"/>
      <c r="DW3" s="495"/>
      <c r="DX3" s="495"/>
      <c r="DY3" s="495"/>
      <c r="DZ3" s="495"/>
      <c r="EA3" s="495"/>
      <c r="EB3" s="495"/>
      <c r="EC3" s="495"/>
      <c r="ED3" s="495"/>
      <c r="EE3" s="495"/>
      <c r="EF3" s="495"/>
      <c r="EG3" s="495"/>
      <c r="EH3" s="495"/>
      <c r="EI3" s="495"/>
      <c r="EJ3" s="495"/>
      <c r="EK3" s="495"/>
      <c r="EL3" s="495"/>
      <c r="EM3" s="495"/>
      <c r="EN3" s="495"/>
      <c r="EO3" s="495"/>
      <c r="EP3" s="495"/>
      <c r="EQ3" s="495"/>
      <c r="ER3" s="495"/>
      <c r="ES3" s="495"/>
      <c r="ET3" s="495"/>
      <c r="EU3" s="495"/>
      <c r="EV3" s="495"/>
      <c r="EW3" s="495"/>
      <c r="EX3" s="495"/>
      <c r="EY3" s="495"/>
      <c r="EZ3" s="495"/>
      <c r="FA3" s="495"/>
      <c r="FB3" s="495"/>
      <c r="FC3" s="495"/>
      <c r="FD3" s="495"/>
      <c r="FE3" s="495"/>
      <c r="FF3" s="495"/>
      <c r="FG3" s="495"/>
      <c r="FH3" s="495"/>
      <c r="FI3" s="495"/>
      <c r="FJ3" s="495"/>
      <c r="FK3" s="495"/>
      <c r="FL3" s="495"/>
      <c r="FM3" s="495"/>
      <c r="FN3" s="495"/>
      <c r="FO3" s="495"/>
      <c r="FP3" s="495"/>
      <c r="FQ3" s="495"/>
      <c r="FR3" s="495"/>
      <c r="FS3" s="495"/>
      <c r="FT3" s="495"/>
      <c r="FU3" s="495"/>
      <c r="FV3" s="495"/>
      <c r="FW3" s="495"/>
      <c r="FX3" s="495"/>
      <c r="FY3" s="495"/>
      <c r="FZ3" s="495"/>
      <c r="GA3" s="495"/>
      <c r="GB3" s="495"/>
      <c r="GC3" s="495"/>
      <c r="GD3" s="495"/>
      <c r="GE3" s="495"/>
      <c r="GF3" s="495"/>
      <c r="GG3" s="495"/>
      <c r="GH3" s="495"/>
      <c r="GI3" s="495"/>
      <c r="GJ3" s="495"/>
      <c r="GK3" s="495"/>
      <c r="GL3" s="495"/>
      <c r="GM3" s="495"/>
      <c r="GN3" s="495"/>
      <c r="GO3" s="495"/>
      <c r="GP3" s="495"/>
      <c r="GQ3" s="495"/>
      <c r="GR3" s="496"/>
      <c r="GS3" s="495" t="s">
        <v>104</v>
      </c>
      <c r="GT3" s="495"/>
      <c r="GU3" s="495"/>
      <c r="GV3" s="495"/>
      <c r="GW3" s="495"/>
      <c r="GX3" s="495"/>
      <c r="GY3" s="495"/>
      <c r="GZ3" s="495"/>
      <c r="HA3" s="495"/>
      <c r="HB3" s="495"/>
      <c r="HC3" s="495"/>
      <c r="HD3" s="495"/>
      <c r="HE3" s="495"/>
      <c r="HF3" s="495"/>
      <c r="HG3" s="495"/>
      <c r="HH3" s="495"/>
      <c r="HI3" s="495"/>
      <c r="HJ3" s="495"/>
      <c r="HK3" s="495"/>
      <c r="HL3" s="495"/>
      <c r="HM3" s="495"/>
      <c r="HN3" s="495"/>
      <c r="HO3" s="495"/>
      <c r="HP3" s="495"/>
      <c r="HQ3" s="495"/>
      <c r="HR3" s="495"/>
      <c r="HS3" s="495"/>
      <c r="HT3" s="495"/>
      <c r="HU3" s="495"/>
      <c r="HV3" s="495"/>
      <c r="HW3" s="495"/>
      <c r="HX3" s="495"/>
      <c r="HY3" s="495"/>
      <c r="HZ3" s="495"/>
      <c r="IA3" s="495"/>
      <c r="IB3" s="495"/>
      <c r="IC3" s="495"/>
      <c r="ID3" s="495"/>
      <c r="IE3" s="495"/>
      <c r="IF3" s="495"/>
      <c r="IG3" s="495"/>
      <c r="IH3" s="495"/>
      <c r="II3" s="495"/>
      <c r="IJ3" s="495"/>
      <c r="IK3" s="495"/>
      <c r="IL3" s="495"/>
      <c r="IM3" s="495"/>
      <c r="IN3" s="495"/>
      <c r="IO3" s="495"/>
      <c r="IP3" s="495"/>
      <c r="IQ3" s="495"/>
      <c r="IR3" s="495"/>
      <c r="IS3" s="495"/>
      <c r="IT3" s="495"/>
      <c r="IU3" s="495"/>
      <c r="IV3" s="495"/>
      <c r="IW3" s="495"/>
      <c r="IX3" s="495"/>
      <c r="IY3" s="495"/>
      <c r="IZ3" s="495"/>
      <c r="JA3" s="495"/>
      <c r="JB3" s="495"/>
      <c r="JC3" s="495"/>
      <c r="JD3" s="495"/>
      <c r="JE3" s="495"/>
      <c r="JF3" s="495"/>
      <c r="JG3" s="495"/>
      <c r="JH3" s="495"/>
      <c r="JI3" s="495"/>
      <c r="JJ3" s="495"/>
      <c r="JK3" s="495"/>
      <c r="JL3" s="495"/>
      <c r="JM3" s="495"/>
      <c r="JN3" s="495"/>
      <c r="JO3" s="495"/>
      <c r="JP3" s="495"/>
      <c r="JQ3" s="495"/>
      <c r="JR3" s="495"/>
      <c r="JS3" s="495"/>
      <c r="JT3" s="495"/>
      <c r="JU3" s="495"/>
      <c r="JV3" s="495"/>
      <c r="JW3" s="495"/>
      <c r="JX3" s="495"/>
      <c r="JY3" s="495"/>
      <c r="JZ3" s="495"/>
      <c r="KA3" s="495"/>
      <c r="KB3" s="495"/>
      <c r="KC3" s="495"/>
      <c r="KD3" s="495"/>
      <c r="KE3" s="495"/>
      <c r="KF3" s="495"/>
      <c r="KG3" s="495"/>
      <c r="KH3" s="495"/>
      <c r="KI3" s="495"/>
      <c r="KJ3" s="495"/>
      <c r="KK3" s="495"/>
      <c r="KL3" s="495"/>
      <c r="KM3" s="496"/>
    </row>
    <row r="4" spans="2:299" ht="21" customHeight="1" thickBot="1" x14ac:dyDescent="0.25">
      <c r="B4" s="501"/>
      <c r="C4" s="497" t="s">
        <v>39</v>
      </c>
      <c r="D4" s="498"/>
      <c r="E4" s="498"/>
      <c r="F4" s="498"/>
      <c r="G4" s="498"/>
      <c r="H4" s="498"/>
      <c r="I4" s="498"/>
      <c r="J4" s="498"/>
      <c r="K4" s="498"/>
      <c r="L4" s="498"/>
      <c r="M4" s="498"/>
      <c r="N4" s="498"/>
      <c r="O4" s="498"/>
      <c r="P4" s="498"/>
      <c r="Q4" s="498"/>
      <c r="R4" s="498"/>
      <c r="S4" s="498"/>
      <c r="T4" s="498"/>
      <c r="U4" s="498"/>
      <c r="V4" s="498"/>
      <c r="W4" s="498"/>
      <c r="X4" s="498"/>
      <c r="Y4" s="498"/>
      <c r="Z4" s="498"/>
      <c r="AA4" s="498"/>
      <c r="AB4" s="498"/>
      <c r="AC4" s="498"/>
      <c r="AD4" s="498"/>
      <c r="AE4" s="498"/>
      <c r="AF4" s="498"/>
      <c r="AG4" s="498"/>
      <c r="AH4" s="498"/>
      <c r="AI4" s="498"/>
      <c r="AJ4" s="498"/>
      <c r="AK4" s="498"/>
      <c r="AL4" s="498"/>
      <c r="AM4" s="498"/>
      <c r="AN4" s="498"/>
      <c r="AO4" s="498"/>
      <c r="AP4" s="498"/>
      <c r="AQ4" s="498"/>
      <c r="AR4" s="498"/>
      <c r="AS4" s="498"/>
      <c r="AT4" s="498"/>
      <c r="AU4" s="498"/>
      <c r="AV4" s="498"/>
      <c r="AW4" s="498"/>
      <c r="AX4" s="498"/>
      <c r="AY4" s="498"/>
      <c r="AZ4" s="498"/>
      <c r="BA4" s="498"/>
      <c r="BB4" s="498"/>
      <c r="BC4" s="498"/>
      <c r="BD4" s="498"/>
      <c r="BE4" s="498"/>
      <c r="BF4" s="498"/>
      <c r="BG4" s="498"/>
      <c r="BH4" s="498"/>
      <c r="BI4" s="498"/>
      <c r="BJ4" s="498"/>
      <c r="BK4" s="498"/>
      <c r="BL4" s="498"/>
      <c r="BM4" s="498"/>
      <c r="BN4" s="498"/>
      <c r="BO4" s="498"/>
      <c r="BP4" s="498"/>
      <c r="BQ4" s="498"/>
      <c r="BR4" s="498"/>
      <c r="BS4" s="498"/>
      <c r="BT4" s="498"/>
      <c r="BU4" s="498"/>
      <c r="BV4" s="498"/>
      <c r="BW4" s="498"/>
      <c r="BX4" s="498"/>
      <c r="BY4" s="498"/>
      <c r="BZ4" s="498"/>
      <c r="CA4" s="499"/>
      <c r="CB4" s="483" t="s">
        <v>40</v>
      </c>
      <c r="CC4" s="484"/>
      <c r="CD4" s="484"/>
      <c r="CE4" s="484"/>
      <c r="CF4" s="484"/>
      <c r="CG4" s="484"/>
      <c r="CH4" s="484"/>
      <c r="CI4" s="484"/>
      <c r="CJ4" s="484"/>
      <c r="CK4" s="484"/>
      <c r="CL4" s="485"/>
      <c r="CM4" s="483" t="s">
        <v>41</v>
      </c>
      <c r="CN4" s="484"/>
      <c r="CO4" s="484"/>
      <c r="CP4" s="484"/>
      <c r="CQ4" s="484"/>
      <c r="CR4" s="484"/>
      <c r="CS4" s="484"/>
      <c r="CT4" s="484"/>
      <c r="CU4" s="484"/>
      <c r="CV4" s="484"/>
      <c r="CW4" s="485"/>
      <c r="CX4" s="497" t="s">
        <v>39</v>
      </c>
      <c r="CY4" s="498"/>
      <c r="CZ4" s="498"/>
      <c r="DA4" s="498"/>
      <c r="DB4" s="498"/>
      <c r="DC4" s="498"/>
      <c r="DD4" s="498"/>
      <c r="DE4" s="498"/>
      <c r="DF4" s="498"/>
      <c r="DG4" s="498"/>
      <c r="DH4" s="498"/>
      <c r="DI4" s="498"/>
      <c r="DJ4" s="498"/>
      <c r="DK4" s="498"/>
      <c r="DL4" s="498"/>
      <c r="DM4" s="498"/>
      <c r="DN4" s="498"/>
      <c r="DO4" s="498"/>
      <c r="DP4" s="498"/>
      <c r="DQ4" s="498"/>
      <c r="DR4" s="498"/>
      <c r="DS4" s="498"/>
      <c r="DT4" s="498"/>
      <c r="DU4" s="498"/>
      <c r="DV4" s="498"/>
      <c r="DW4" s="498"/>
      <c r="DX4" s="498"/>
      <c r="DY4" s="498"/>
      <c r="DZ4" s="498"/>
      <c r="EA4" s="498"/>
      <c r="EB4" s="498"/>
      <c r="EC4" s="498"/>
      <c r="ED4" s="498"/>
      <c r="EE4" s="498"/>
      <c r="EF4" s="498"/>
      <c r="EG4" s="498"/>
      <c r="EH4" s="498"/>
      <c r="EI4" s="498"/>
      <c r="EJ4" s="498"/>
      <c r="EK4" s="498"/>
      <c r="EL4" s="498"/>
      <c r="EM4" s="498"/>
      <c r="EN4" s="498"/>
      <c r="EO4" s="498"/>
      <c r="EP4" s="498"/>
      <c r="EQ4" s="498"/>
      <c r="ER4" s="498"/>
      <c r="ES4" s="498"/>
      <c r="ET4" s="498"/>
      <c r="EU4" s="498"/>
      <c r="EV4" s="498"/>
      <c r="EW4" s="498"/>
      <c r="EX4" s="498"/>
      <c r="EY4" s="498"/>
      <c r="EZ4" s="498"/>
      <c r="FA4" s="498"/>
      <c r="FB4" s="498"/>
      <c r="FC4" s="498"/>
      <c r="FD4" s="498"/>
      <c r="FE4" s="498"/>
      <c r="FF4" s="498"/>
      <c r="FG4" s="498"/>
      <c r="FH4" s="498"/>
      <c r="FI4" s="498"/>
      <c r="FJ4" s="498"/>
      <c r="FK4" s="498"/>
      <c r="FL4" s="498"/>
      <c r="FM4" s="498"/>
      <c r="FN4" s="498"/>
      <c r="FO4" s="498"/>
      <c r="FP4" s="498"/>
      <c r="FQ4" s="498"/>
      <c r="FR4" s="498"/>
      <c r="FS4" s="498"/>
      <c r="FT4" s="498"/>
      <c r="FU4" s="498"/>
      <c r="FV4" s="499"/>
      <c r="FW4" s="483" t="s">
        <v>40</v>
      </c>
      <c r="FX4" s="484"/>
      <c r="FY4" s="484"/>
      <c r="FZ4" s="484"/>
      <c r="GA4" s="484"/>
      <c r="GB4" s="484"/>
      <c r="GC4" s="484"/>
      <c r="GD4" s="484"/>
      <c r="GE4" s="484"/>
      <c r="GF4" s="484"/>
      <c r="GG4" s="485"/>
      <c r="GH4" s="483" t="s">
        <v>41</v>
      </c>
      <c r="GI4" s="484"/>
      <c r="GJ4" s="484"/>
      <c r="GK4" s="484"/>
      <c r="GL4" s="484"/>
      <c r="GM4" s="484"/>
      <c r="GN4" s="484"/>
      <c r="GO4" s="484"/>
      <c r="GP4" s="484"/>
      <c r="GQ4" s="484"/>
      <c r="GR4" s="485"/>
      <c r="GS4" s="497" t="s">
        <v>39</v>
      </c>
      <c r="GT4" s="498"/>
      <c r="GU4" s="498"/>
      <c r="GV4" s="498"/>
      <c r="GW4" s="498"/>
      <c r="GX4" s="498"/>
      <c r="GY4" s="498"/>
      <c r="GZ4" s="498"/>
      <c r="HA4" s="498"/>
      <c r="HB4" s="498"/>
      <c r="HC4" s="498"/>
      <c r="HD4" s="498"/>
      <c r="HE4" s="498"/>
      <c r="HF4" s="498"/>
      <c r="HG4" s="498"/>
      <c r="HH4" s="498"/>
      <c r="HI4" s="498"/>
      <c r="HJ4" s="498"/>
      <c r="HK4" s="498"/>
      <c r="HL4" s="498"/>
      <c r="HM4" s="498"/>
      <c r="HN4" s="498"/>
      <c r="HO4" s="498"/>
      <c r="HP4" s="498"/>
      <c r="HQ4" s="498"/>
      <c r="HR4" s="498"/>
      <c r="HS4" s="498"/>
      <c r="HT4" s="498"/>
      <c r="HU4" s="498"/>
      <c r="HV4" s="498"/>
      <c r="HW4" s="498"/>
      <c r="HX4" s="498"/>
      <c r="HY4" s="498"/>
      <c r="HZ4" s="498"/>
      <c r="IA4" s="498"/>
      <c r="IB4" s="498"/>
      <c r="IC4" s="498"/>
      <c r="ID4" s="498"/>
      <c r="IE4" s="498"/>
      <c r="IF4" s="498"/>
      <c r="IG4" s="498"/>
      <c r="IH4" s="498"/>
      <c r="II4" s="498"/>
      <c r="IJ4" s="498"/>
      <c r="IK4" s="498"/>
      <c r="IL4" s="498"/>
      <c r="IM4" s="498"/>
      <c r="IN4" s="498"/>
      <c r="IO4" s="498"/>
      <c r="IP4" s="498"/>
      <c r="IQ4" s="498"/>
      <c r="IR4" s="498"/>
      <c r="IS4" s="498"/>
      <c r="IT4" s="498"/>
      <c r="IU4" s="498"/>
      <c r="IV4" s="498"/>
      <c r="IW4" s="498"/>
      <c r="IX4" s="498"/>
      <c r="IY4" s="498"/>
      <c r="IZ4" s="498"/>
      <c r="JA4" s="498"/>
      <c r="JB4" s="498"/>
      <c r="JC4" s="498"/>
      <c r="JD4" s="498"/>
      <c r="JE4" s="498"/>
      <c r="JF4" s="498"/>
      <c r="JG4" s="498"/>
      <c r="JH4" s="498"/>
      <c r="JI4" s="498"/>
      <c r="JJ4" s="498"/>
      <c r="JK4" s="498"/>
      <c r="JL4" s="498"/>
      <c r="JM4" s="498"/>
      <c r="JN4" s="498"/>
      <c r="JO4" s="498"/>
      <c r="JP4" s="498"/>
      <c r="JQ4" s="499"/>
      <c r="JR4" s="483" t="s">
        <v>40</v>
      </c>
      <c r="JS4" s="484"/>
      <c r="JT4" s="484"/>
      <c r="JU4" s="484"/>
      <c r="JV4" s="484"/>
      <c r="JW4" s="484"/>
      <c r="JX4" s="484"/>
      <c r="JY4" s="484"/>
      <c r="JZ4" s="484"/>
      <c r="KA4" s="484"/>
      <c r="KB4" s="485"/>
      <c r="KC4" s="483" t="s">
        <v>41</v>
      </c>
      <c r="KD4" s="484"/>
      <c r="KE4" s="484"/>
      <c r="KF4" s="484"/>
      <c r="KG4" s="484"/>
      <c r="KH4" s="484"/>
      <c r="KI4" s="484"/>
      <c r="KJ4" s="484"/>
      <c r="KK4" s="484"/>
      <c r="KL4" s="484"/>
      <c r="KM4" s="485"/>
    </row>
    <row r="5" spans="2:299" ht="21" customHeight="1" thickBot="1" x14ac:dyDescent="0.25">
      <c r="B5" s="489"/>
      <c r="C5" s="489"/>
      <c r="D5" s="490"/>
      <c r="E5" s="490"/>
      <c r="F5" s="490"/>
      <c r="G5" s="490"/>
      <c r="H5" s="490"/>
      <c r="I5" s="490"/>
      <c r="J5" s="490"/>
      <c r="K5" s="490"/>
      <c r="L5" s="490"/>
      <c r="M5" s="491"/>
      <c r="N5" s="492" t="s">
        <v>97</v>
      </c>
      <c r="O5" s="493"/>
      <c r="P5" s="493"/>
      <c r="Q5" s="493"/>
      <c r="R5" s="493"/>
      <c r="S5" s="493"/>
      <c r="T5" s="493"/>
      <c r="U5" s="493"/>
      <c r="V5" s="493"/>
      <c r="W5" s="493"/>
      <c r="X5" s="494"/>
      <c r="Y5" s="492" t="s">
        <v>98</v>
      </c>
      <c r="Z5" s="493"/>
      <c r="AA5" s="493"/>
      <c r="AB5" s="493"/>
      <c r="AC5" s="493"/>
      <c r="AD5" s="493"/>
      <c r="AE5" s="493"/>
      <c r="AF5" s="493"/>
      <c r="AG5" s="493"/>
      <c r="AH5" s="493"/>
      <c r="AI5" s="494"/>
      <c r="AJ5" s="492" t="s">
        <v>99</v>
      </c>
      <c r="AK5" s="493"/>
      <c r="AL5" s="493"/>
      <c r="AM5" s="493"/>
      <c r="AN5" s="493"/>
      <c r="AO5" s="493"/>
      <c r="AP5" s="493"/>
      <c r="AQ5" s="493"/>
      <c r="AR5" s="493"/>
      <c r="AS5" s="493"/>
      <c r="AT5" s="494"/>
      <c r="AU5" s="492" t="s">
        <v>100</v>
      </c>
      <c r="AV5" s="493"/>
      <c r="AW5" s="493"/>
      <c r="AX5" s="493"/>
      <c r="AY5" s="493"/>
      <c r="AZ5" s="493"/>
      <c r="BA5" s="493"/>
      <c r="BB5" s="493"/>
      <c r="BC5" s="493"/>
      <c r="BD5" s="493"/>
      <c r="BE5" s="494"/>
      <c r="BF5" s="492" t="s">
        <v>101</v>
      </c>
      <c r="BG5" s="493"/>
      <c r="BH5" s="493"/>
      <c r="BI5" s="493"/>
      <c r="BJ5" s="493"/>
      <c r="BK5" s="493"/>
      <c r="BL5" s="493"/>
      <c r="BM5" s="493"/>
      <c r="BN5" s="493"/>
      <c r="BO5" s="493"/>
      <c r="BP5" s="494"/>
      <c r="BQ5" s="492" t="s">
        <v>102</v>
      </c>
      <c r="BR5" s="493"/>
      <c r="BS5" s="493"/>
      <c r="BT5" s="493"/>
      <c r="BU5" s="493"/>
      <c r="BV5" s="493"/>
      <c r="BW5" s="493"/>
      <c r="BX5" s="493"/>
      <c r="BY5" s="493"/>
      <c r="BZ5" s="493"/>
      <c r="CA5" s="494"/>
      <c r="CB5" s="486"/>
      <c r="CC5" s="487"/>
      <c r="CD5" s="487"/>
      <c r="CE5" s="487"/>
      <c r="CF5" s="487"/>
      <c r="CG5" s="487"/>
      <c r="CH5" s="487"/>
      <c r="CI5" s="487"/>
      <c r="CJ5" s="487"/>
      <c r="CK5" s="487"/>
      <c r="CL5" s="488"/>
      <c r="CM5" s="486"/>
      <c r="CN5" s="487"/>
      <c r="CO5" s="487"/>
      <c r="CP5" s="487"/>
      <c r="CQ5" s="487"/>
      <c r="CR5" s="487"/>
      <c r="CS5" s="487"/>
      <c r="CT5" s="487"/>
      <c r="CU5" s="487"/>
      <c r="CV5" s="487"/>
      <c r="CW5" s="488"/>
      <c r="CX5" s="489"/>
      <c r="CY5" s="490"/>
      <c r="CZ5" s="490"/>
      <c r="DA5" s="490"/>
      <c r="DB5" s="490"/>
      <c r="DC5" s="490"/>
      <c r="DD5" s="490"/>
      <c r="DE5" s="490"/>
      <c r="DF5" s="490"/>
      <c r="DG5" s="490"/>
      <c r="DH5" s="491"/>
      <c r="DI5" s="492" t="s">
        <v>97</v>
      </c>
      <c r="DJ5" s="493"/>
      <c r="DK5" s="493"/>
      <c r="DL5" s="493"/>
      <c r="DM5" s="493"/>
      <c r="DN5" s="493"/>
      <c r="DO5" s="493"/>
      <c r="DP5" s="493"/>
      <c r="DQ5" s="493"/>
      <c r="DR5" s="493"/>
      <c r="DS5" s="494"/>
      <c r="DT5" s="492" t="s">
        <v>98</v>
      </c>
      <c r="DU5" s="493"/>
      <c r="DV5" s="493"/>
      <c r="DW5" s="493"/>
      <c r="DX5" s="493"/>
      <c r="DY5" s="493"/>
      <c r="DZ5" s="493"/>
      <c r="EA5" s="493"/>
      <c r="EB5" s="493"/>
      <c r="EC5" s="493"/>
      <c r="ED5" s="494"/>
      <c r="EE5" s="492" t="s">
        <v>99</v>
      </c>
      <c r="EF5" s="493"/>
      <c r="EG5" s="493"/>
      <c r="EH5" s="493"/>
      <c r="EI5" s="493"/>
      <c r="EJ5" s="493"/>
      <c r="EK5" s="493"/>
      <c r="EL5" s="493"/>
      <c r="EM5" s="493"/>
      <c r="EN5" s="493"/>
      <c r="EO5" s="494"/>
      <c r="EP5" s="492" t="s">
        <v>100</v>
      </c>
      <c r="EQ5" s="493"/>
      <c r="ER5" s="493"/>
      <c r="ES5" s="493"/>
      <c r="ET5" s="493"/>
      <c r="EU5" s="493"/>
      <c r="EV5" s="493"/>
      <c r="EW5" s="493"/>
      <c r="EX5" s="493"/>
      <c r="EY5" s="493"/>
      <c r="EZ5" s="494"/>
      <c r="FA5" s="492" t="s">
        <v>101</v>
      </c>
      <c r="FB5" s="493"/>
      <c r="FC5" s="493"/>
      <c r="FD5" s="493"/>
      <c r="FE5" s="493"/>
      <c r="FF5" s="493"/>
      <c r="FG5" s="493"/>
      <c r="FH5" s="493"/>
      <c r="FI5" s="493"/>
      <c r="FJ5" s="493"/>
      <c r="FK5" s="494"/>
      <c r="FL5" s="492" t="s">
        <v>102</v>
      </c>
      <c r="FM5" s="493"/>
      <c r="FN5" s="493"/>
      <c r="FO5" s="493"/>
      <c r="FP5" s="493"/>
      <c r="FQ5" s="493"/>
      <c r="FR5" s="493"/>
      <c r="FS5" s="493"/>
      <c r="FT5" s="493"/>
      <c r="FU5" s="493"/>
      <c r="FV5" s="494"/>
      <c r="FW5" s="486"/>
      <c r="FX5" s="487"/>
      <c r="FY5" s="487"/>
      <c r="FZ5" s="487"/>
      <c r="GA5" s="487"/>
      <c r="GB5" s="487"/>
      <c r="GC5" s="487"/>
      <c r="GD5" s="487"/>
      <c r="GE5" s="487"/>
      <c r="GF5" s="487"/>
      <c r="GG5" s="488"/>
      <c r="GH5" s="486"/>
      <c r="GI5" s="487"/>
      <c r="GJ5" s="487"/>
      <c r="GK5" s="487"/>
      <c r="GL5" s="487"/>
      <c r="GM5" s="487"/>
      <c r="GN5" s="487"/>
      <c r="GO5" s="487"/>
      <c r="GP5" s="487"/>
      <c r="GQ5" s="487"/>
      <c r="GR5" s="488"/>
      <c r="GS5" s="489"/>
      <c r="GT5" s="490"/>
      <c r="GU5" s="490"/>
      <c r="GV5" s="490"/>
      <c r="GW5" s="490"/>
      <c r="GX5" s="490"/>
      <c r="GY5" s="490"/>
      <c r="GZ5" s="490"/>
      <c r="HA5" s="490"/>
      <c r="HB5" s="490"/>
      <c r="HC5" s="491"/>
      <c r="HD5" s="492" t="s">
        <v>97</v>
      </c>
      <c r="HE5" s="493"/>
      <c r="HF5" s="493"/>
      <c r="HG5" s="493"/>
      <c r="HH5" s="493"/>
      <c r="HI5" s="493"/>
      <c r="HJ5" s="493"/>
      <c r="HK5" s="493"/>
      <c r="HL5" s="493"/>
      <c r="HM5" s="493"/>
      <c r="HN5" s="494"/>
      <c r="HO5" s="492" t="s">
        <v>98</v>
      </c>
      <c r="HP5" s="493"/>
      <c r="HQ5" s="493"/>
      <c r="HR5" s="493"/>
      <c r="HS5" s="493"/>
      <c r="HT5" s="493"/>
      <c r="HU5" s="493"/>
      <c r="HV5" s="493"/>
      <c r="HW5" s="493"/>
      <c r="HX5" s="493"/>
      <c r="HY5" s="494"/>
      <c r="HZ5" s="492" t="s">
        <v>99</v>
      </c>
      <c r="IA5" s="493"/>
      <c r="IB5" s="493"/>
      <c r="IC5" s="493"/>
      <c r="ID5" s="493"/>
      <c r="IE5" s="493"/>
      <c r="IF5" s="493"/>
      <c r="IG5" s="493"/>
      <c r="IH5" s="493"/>
      <c r="II5" s="493"/>
      <c r="IJ5" s="494"/>
      <c r="IK5" s="492" t="s">
        <v>100</v>
      </c>
      <c r="IL5" s="493"/>
      <c r="IM5" s="493"/>
      <c r="IN5" s="493"/>
      <c r="IO5" s="493"/>
      <c r="IP5" s="493"/>
      <c r="IQ5" s="493"/>
      <c r="IR5" s="493"/>
      <c r="IS5" s="493"/>
      <c r="IT5" s="493"/>
      <c r="IU5" s="494"/>
      <c r="IV5" s="492" t="s">
        <v>101</v>
      </c>
      <c r="IW5" s="493"/>
      <c r="IX5" s="493"/>
      <c r="IY5" s="493"/>
      <c r="IZ5" s="493"/>
      <c r="JA5" s="493"/>
      <c r="JB5" s="493"/>
      <c r="JC5" s="493"/>
      <c r="JD5" s="493"/>
      <c r="JE5" s="493"/>
      <c r="JF5" s="494"/>
      <c r="JG5" s="492" t="s">
        <v>102</v>
      </c>
      <c r="JH5" s="493"/>
      <c r="JI5" s="493"/>
      <c r="JJ5" s="493"/>
      <c r="JK5" s="493"/>
      <c r="JL5" s="493"/>
      <c r="JM5" s="493"/>
      <c r="JN5" s="493"/>
      <c r="JO5" s="493"/>
      <c r="JP5" s="493"/>
      <c r="JQ5" s="494"/>
      <c r="JR5" s="486"/>
      <c r="JS5" s="487"/>
      <c r="JT5" s="487"/>
      <c r="JU5" s="487"/>
      <c r="JV5" s="487"/>
      <c r="JW5" s="487"/>
      <c r="JX5" s="487"/>
      <c r="JY5" s="487"/>
      <c r="JZ5" s="487"/>
      <c r="KA5" s="487"/>
      <c r="KB5" s="488"/>
      <c r="KC5" s="486"/>
      <c r="KD5" s="487"/>
      <c r="KE5" s="487"/>
      <c r="KF5" s="487"/>
      <c r="KG5" s="487"/>
      <c r="KH5" s="487"/>
      <c r="KI5" s="487"/>
      <c r="KJ5" s="487"/>
      <c r="KK5" s="487"/>
      <c r="KL5" s="487"/>
      <c r="KM5" s="488"/>
    </row>
    <row r="6" spans="2:299" ht="30" customHeight="1" thickBot="1" x14ac:dyDescent="0.25">
      <c r="B6" s="329" t="s">
        <v>42</v>
      </c>
      <c r="C6" s="43" t="s">
        <v>43</v>
      </c>
      <c r="D6" s="41" t="s">
        <v>44</v>
      </c>
      <c r="E6" s="42" t="s">
        <v>45</v>
      </c>
      <c r="F6" s="44" t="s">
        <v>46</v>
      </c>
      <c r="G6" s="41" t="s">
        <v>47</v>
      </c>
      <c r="H6" s="41" t="s">
        <v>48</v>
      </c>
      <c r="I6" s="41" t="s">
        <v>49</v>
      </c>
      <c r="J6" s="41" t="s">
        <v>50</v>
      </c>
      <c r="K6" s="41" t="s">
        <v>51</v>
      </c>
      <c r="L6" s="42" t="s">
        <v>45</v>
      </c>
      <c r="M6" s="328" t="s">
        <v>52</v>
      </c>
      <c r="N6" s="332" t="s">
        <v>43</v>
      </c>
      <c r="O6" s="333" t="s">
        <v>44</v>
      </c>
      <c r="P6" s="334" t="s">
        <v>45</v>
      </c>
      <c r="Q6" s="335" t="s">
        <v>46</v>
      </c>
      <c r="R6" s="333" t="s">
        <v>47</v>
      </c>
      <c r="S6" s="333" t="s">
        <v>48</v>
      </c>
      <c r="T6" s="333" t="s">
        <v>49</v>
      </c>
      <c r="U6" s="333" t="s">
        <v>50</v>
      </c>
      <c r="V6" s="333" t="s">
        <v>51</v>
      </c>
      <c r="W6" s="334" t="s">
        <v>45</v>
      </c>
      <c r="X6" s="331" t="s">
        <v>52</v>
      </c>
      <c r="Y6" s="332" t="s">
        <v>43</v>
      </c>
      <c r="Z6" s="333" t="s">
        <v>44</v>
      </c>
      <c r="AA6" s="334" t="s">
        <v>45</v>
      </c>
      <c r="AB6" s="335" t="s">
        <v>46</v>
      </c>
      <c r="AC6" s="333" t="s">
        <v>47</v>
      </c>
      <c r="AD6" s="333" t="s">
        <v>48</v>
      </c>
      <c r="AE6" s="333" t="s">
        <v>49</v>
      </c>
      <c r="AF6" s="333" t="s">
        <v>50</v>
      </c>
      <c r="AG6" s="333" t="s">
        <v>51</v>
      </c>
      <c r="AH6" s="334" t="s">
        <v>45</v>
      </c>
      <c r="AI6" s="336" t="s">
        <v>52</v>
      </c>
      <c r="AJ6" s="332" t="s">
        <v>43</v>
      </c>
      <c r="AK6" s="333" t="s">
        <v>44</v>
      </c>
      <c r="AL6" s="334" t="s">
        <v>45</v>
      </c>
      <c r="AM6" s="335" t="s">
        <v>46</v>
      </c>
      <c r="AN6" s="333" t="s">
        <v>47</v>
      </c>
      <c r="AO6" s="333" t="s">
        <v>48</v>
      </c>
      <c r="AP6" s="333" t="s">
        <v>49</v>
      </c>
      <c r="AQ6" s="333" t="s">
        <v>50</v>
      </c>
      <c r="AR6" s="333" t="s">
        <v>51</v>
      </c>
      <c r="AS6" s="334" t="s">
        <v>45</v>
      </c>
      <c r="AT6" s="336" t="s">
        <v>52</v>
      </c>
      <c r="AU6" s="332" t="s">
        <v>43</v>
      </c>
      <c r="AV6" s="333" t="s">
        <v>44</v>
      </c>
      <c r="AW6" s="334" t="s">
        <v>45</v>
      </c>
      <c r="AX6" s="335" t="s">
        <v>46</v>
      </c>
      <c r="AY6" s="333" t="s">
        <v>47</v>
      </c>
      <c r="AZ6" s="333" t="s">
        <v>48</v>
      </c>
      <c r="BA6" s="333" t="s">
        <v>49</v>
      </c>
      <c r="BB6" s="333" t="s">
        <v>50</v>
      </c>
      <c r="BC6" s="333" t="s">
        <v>51</v>
      </c>
      <c r="BD6" s="334" t="s">
        <v>45</v>
      </c>
      <c r="BE6" s="336" t="s">
        <v>52</v>
      </c>
      <c r="BF6" s="332" t="s">
        <v>43</v>
      </c>
      <c r="BG6" s="333" t="s">
        <v>44</v>
      </c>
      <c r="BH6" s="334" t="s">
        <v>45</v>
      </c>
      <c r="BI6" s="335" t="s">
        <v>46</v>
      </c>
      <c r="BJ6" s="333" t="s">
        <v>47</v>
      </c>
      <c r="BK6" s="333" t="s">
        <v>48</v>
      </c>
      <c r="BL6" s="333" t="s">
        <v>49</v>
      </c>
      <c r="BM6" s="333" t="s">
        <v>50</v>
      </c>
      <c r="BN6" s="333" t="s">
        <v>51</v>
      </c>
      <c r="BO6" s="334" t="s">
        <v>45</v>
      </c>
      <c r="BP6" s="336" t="s">
        <v>52</v>
      </c>
      <c r="BQ6" s="332" t="s">
        <v>43</v>
      </c>
      <c r="BR6" s="333" t="s">
        <v>44</v>
      </c>
      <c r="BS6" s="334" t="s">
        <v>45</v>
      </c>
      <c r="BT6" s="335" t="s">
        <v>46</v>
      </c>
      <c r="BU6" s="333" t="s">
        <v>47</v>
      </c>
      <c r="BV6" s="333" t="s">
        <v>48</v>
      </c>
      <c r="BW6" s="333" t="s">
        <v>49</v>
      </c>
      <c r="BX6" s="333" t="s">
        <v>50</v>
      </c>
      <c r="BY6" s="333" t="s">
        <v>51</v>
      </c>
      <c r="BZ6" s="334" t="s">
        <v>45</v>
      </c>
      <c r="CA6" s="336" t="s">
        <v>52</v>
      </c>
      <c r="CB6" s="332" t="s">
        <v>43</v>
      </c>
      <c r="CC6" s="333" t="s">
        <v>44</v>
      </c>
      <c r="CD6" s="334" t="s">
        <v>45</v>
      </c>
      <c r="CE6" s="335" t="s">
        <v>46</v>
      </c>
      <c r="CF6" s="333" t="s">
        <v>47</v>
      </c>
      <c r="CG6" s="333" t="s">
        <v>48</v>
      </c>
      <c r="CH6" s="333" t="s">
        <v>49</v>
      </c>
      <c r="CI6" s="333" t="s">
        <v>50</v>
      </c>
      <c r="CJ6" s="333" t="s">
        <v>51</v>
      </c>
      <c r="CK6" s="334" t="s">
        <v>45</v>
      </c>
      <c r="CL6" s="336" t="s">
        <v>52</v>
      </c>
      <c r="CM6" s="332" t="s">
        <v>43</v>
      </c>
      <c r="CN6" s="333" t="s">
        <v>44</v>
      </c>
      <c r="CO6" s="334" t="s">
        <v>45</v>
      </c>
      <c r="CP6" s="335" t="s">
        <v>46</v>
      </c>
      <c r="CQ6" s="333" t="s">
        <v>47</v>
      </c>
      <c r="CR6" s="333" t="s">
        <v>48</v>
      </c>
      <c r="CS6" s="333" t="s">
        <v>49</v>
      </c>
      <c r="CT6" s="333" t="s">
        <v>50</v>
      </c>
      <c r="CU6" s="333" t="s">
        <v>51</v>
      </c>
      <c r="CV6" s="334" t="s">
        <v>45</v>
      </c>
      <c r="CW6" s="336" t="s">
        <v>52</v>
      </c>
      <c r="CX6" s="43" t="s">
        <v>43</v>
      </c>
      <c r="CY6" s="41" t="s">
        <v>44</v>
      </c>
      <c r="CZ6" s="42" t="s">
        <v>45</v>
      </c>
      <c r="DA6" s="44" t="s">
        <v>46</v>
      </c>
      <c r="DB6" s="41" t="s">
        <v>47</v>
      </c>
      <c r="DC6" s="41" t="s">
        <v>48</v>
      </c>
      <c r="DD6" s="41" t="s">
        <v>49</v>
      </c>
      <c r="DE6" s="41" t="s">
        <v>50</v>
      </c>
      <c r="DF6" s="41" t="s">
        <v>51</v>
      </c>
      <c r="DG6" s="42" t="s">
        <v>45</v>
      </c>
      <c r="DH6" s="328" t="s">
        <v>52</v>
      </c>
      <c r="DI6" s="332" t="s">
        <v>43</v>
      </c>
      <c r="DJ6" s="333" t="s">
        <v>44</v>
      </c>
      <c r="DK6" s="334" t="s">
        <v>45</v>
      </c>
      <c r="DL6" s="335" t="s">
        <v>46</v>
      </c>
      <c r="DM6" s="333" t="s">
        <v>47</v>
      </c>
      <c r="DN6" s="333" t="s">
        <v>48</v>
      </c>
      <c r="DO6" s="333" t="s">
        <v>49</v>
      </c>
      <c r="DP6" s="333" t="s">
        <v>50</v>
      </c>
      <c r="DQ6" s="333" t="s">
        <v>51</v>
      </c>
      <c r="DR6" s="334" t="s">
        <v>45</v>
      </c>
      <c r="DS6" s="336" t="s">
        <v>52</v>
      </c>
      <c r="DT6" s="332" t="s">
        <v>43</v>
      </c>
      <c r="DU6" s="333" t="s">
        <v>44</v>
      </c>
      <c r="DV6" s="334" t="s">
        <v>45</v>
      </c>
      <c r="DW6" s="335" t="s">
        <v>46</v>
      </c>
      <c r="DX6" s="333" t="s">
        <v>47</v>
      </c>
      <c r="DY6" s="333" t="s">
        <v>48</v>
      </c>
      <c r="DZ6" s="333" t="s">
        <v>49</v>
      </c>
      <c r="EA6" s="333" t="s">
        <v>50</v>
      </c>
      <c r="EB6" s="333" t="s">
        <v>51</v>
      </c>
      <c r="EC6" s="334" t="s">
        <v>45</v>
      </c>
      <c r="ED6" s="336" t="s">
        <v>52</v>
      </c>
      <c r="EE6" s="332" t="s">
        <v>43</v>
      </c>
      <c r="EF6" s="333" t="s">
        <v>44</v>
      </c>
      <c r="EG6" s="334" t="s">
        <v>45</v>
      </c>
      <c r="EH6" s="335" t="s">
        <v>46</v>
      </c>
      <c r="EI6" s="333" t="s">
        <v>47</v>
      </c>
      <c r="EJ6" s="333" t="s">
        <v>48</v>
      </c>
      <c r="EK6" s="333" t="s">
        <v>49</v>
      </c>
      <c r="EL6" s="333" t="s">
        <v>50</v>
      </c>
      <c r="EM6" s="333" t="s">
        <v>51</v>
      </c>
      <c r="EN6" s="334" t="s">
        <v>45</v>
      </c>
      <c r="EO6" s="336" t="s">
        <v>52</v>
      </c>
      <c r="EP6" s="332" t="s">
        <v>43</v>
      </c>
      <c r="EQ6" s="333" t="s">
        <v>44</v>
      </c>
      <c r="ER6" s="334" t="s">
        <v>45</v>
      </c>
      <c r="ES6" s="335" t="s">
        <v>46</v>
      </c>
      <c r="ET6" s="333" t="s">
        <v>47</v>
      </c>
      <c r="EU6" s="333" t="s">
        <v>48</v>
      </c>
      <c r="EV6" s="333" t="s">
        <v>49</v>
      </c>
      <c r="EW6" s="333" t="s">
        <v>50</v>
      </c>
      <c r="EX6" s="333" t="s">
        <v>51</v>
      </c>
      <c r="EY6" s="334" t="s">
        <v>45</v>
      </c>
      <c r="EZ6" s="336" t="s">
        <v>52</v>
      </c>
      <c r="FA6" s="332" t="s">
        <v>43</v>
      </c>
      <c r="FB6" s="333" t="s">
        <v>44</v>
      </c>
      <c r="FC6" s="334" t="s">
        <v>45</v>
      </c>
      <c r="FD6" s="335" t="s">
        <v>46</v>
      </c>
      <c r="FE6" s="333" t="s">
        <v>47</v>
      </c>
      <c r="FF6" s="333" t="s">
        <v>48</v>
      </c>
      <c r="FG6" s="333" t="s">
        <v>49</v>
      </c>
      <c r="FH6" s="333" t="s">
        <v>50</v>
      </c>
      <c r="FI6" s="333" t="s">
        <v>51</v>
      </c>
      <c r="FJ6" s="334" t="s">
        <v>45</v>
      </c>
      <c r="FK6" s="336" t="s">
        <v>52</v>
      </c>
      <c r="FL6" s="332" t="s">
        <v>43</v>
      </c>
      <c r="FM6" s="333" t="s">
        <v>44</v>
      </c>
      <c r="FN6" s="334" t="s">
        <v>45</v>
      </c>
      <c r="FO6" s="335" t="s">
        <v>46</v>
      </c>
      <c r="FP6" s="333" t="s">
        <v>47</v>
      </c>
      <c r="FQ6" s="333" t="s">
        <v>48</v>
      </c>
      <c r="FR6" s="333" t="s">
        <v>49</v>
      </c>
      <c r="FS6" s="333" t="s">
        <v>50</v>
      </c>
      <c r="FT6" s="333" t="s">
        <v>51</v>
      </c>
      <c r="FU6" s="334" t="s">
        <v>45</v>
      </c>
      <c r="FV6" s="336" t="s">
        <v>52</v>
      </c>
      <c r="FW6" s="332" t="s">
        <v>43</v>
      </c>
      <c r="FX6" s="333" t="s">
        <v>44</v>
      </c>
      <c r="FY6" s="334" t="s">
        <v>45</v>
      </c>
      <c r="FZ6" s="335" t="s">
        <v>46</v>
      </c>
      <c r="GA6" s="333" t="s">
        <v>47</v>
      </c>
      <c r="GB6" s="333" t="s">
        <v>48</v>
      </c>
      <c r="GC6" s="333" t="s">
        <v>49</v>
      </c>
      <c r="GD6" s="333" t="s">
        <v>50</v>
      </c>
      <c r="GE6" s="333" t="s">
        <v>51</v>
      </c>
      <c r="GF6" s="334" t="s">
        <v>45</v>
      </c>
      <c r="GG6" s="336" t="s">
        <v>52</v>
      </c>
      <c r="GH6" s="332" t="s">
        <v>43</v>
      </c>
      <c r="GI6" s="333" t="s">
        <v>44</v>
      </c>
      <c r="GJ6" s="334" t="s">
        <v>45</v>
      </c>
      <c r="GK6" s="335" t="s">
        <v>46</v>
      </c>
      <c r="GL6" s="333" t="s">
        <v>47</v>
      </c>
      <c r="GM6" s="333" t="s">
        <v>48</v>
      </c>
      <c r="GN6" s="333" t="s">
        <v>49</v>
      </c>
      <c r="GO6" s="333" t="s">
        <v>50</v>
      </c>
      <c r="GP6" s="333" t="s">
        <v>51</v>
      </c>
      <c r="GQ6" s="334" t="s">
        <v>45</v>
      </c>
      <c r="GR6" s="336" t="s">
        <v>52</v>
      </c>
      <c r="GS6" s="43" t="s">
        <v>43</v>
      </c>
      <c r="GT6" s="41" t="s">
        <v>44</v>
      </c>
      <c r="GU6" s="42" t="s">
        <v>45</v>
      </c>
      <c r="GV6" s="44" t="s">
        <v>46</v>
      </c>
      <c r="GW6" s="41" t="s">
        <v>47</v>
      </c>
      <c r="GX6" s="41" t="s">
        <v>48</v>
      </c>
      <c r="GY6" s="41" t="s">
        <v>49</v>
      </c>
      <c r="GZ6" s="41" t="s">
        <v>50</v>
      </c>
      <c r="HA6" s="41" t="s">
        <v>51</v>
      </c>
      <c r="HB6" s="42" t="s">
        <v>45</v>
      </c>
      <c r="HC6" s="328" t="s">
        <v>52</v>
      </c>
      <c r="HD6" s="332" t="s">
        <v>43</v>
      </c>
      <c r="HE6" s="333" t="s">
        <v>44</v>
      </c>
      <c r="HF6" s="334" t="s">
        <v>45</v>
      </c>
      <c r="HG6" s="335" t="s">
        <v>46</v>
      </c>
      <c r="HH6" s="333" t="s">
        <v>47</v>
      </c>
      <c r="HI6" s="333" t="s">
        <v>48</v>
      </c>
      <c r="HJ6" s="333" t="s">
        <v>49</v>
      </c>
      <c r="HK6" s="333" t="s">
        <v>50</v>
      </c>
      <c r="HL6" s="333" t="s">
        <v>51</v>
      </c>
      <c r="HM6" s="334" t="s">
        <v>45</v>
      </c>
      <c r="HN6" s="336" t="s">
        <v>52</v>
      </c>
      <c r="HO6" s="332" t="s">
        <v>43</v>
      </c>
      <c r="HP6" s="333" t="s">
        <v>44</v>
      </c>
      <c r="HQ6" s="334" t="s">
        <v>45</v>
      </c>
      <c r="HR6" s="335" t="s">
        <v>46</v>
      </c>
      <c r="HS6" s="333" t="s">
        <v>47</v>
      </c>
      <c r="HT6" s="333" t="s">
        <v>48</v>
      </c>
      <c r="HU6" s="333" t="s">
        <v>49</v>
      </c>
      <c r="HV6" s="333" t="s">
        <v>50</v>
      </c>
      <c r="HW6" s="333" t="s">
        <v>51</v>
      </c>
      <c r="HX6" s="334" t="s">
        <v>45</v>
      </c>
      <c r="HY6" s="336" t="s">
        <v>52</v>
      </c>
      <c r="HZ6" s="332" t="s">
        <v>43</v>
      </c>
      <c r="IA6" s="333" t="s">
        <v>44</v>
      </c>
      <c r="IB6" s="334" t="s">
        <v>45</v>
      </c>
      <c r="IC6" s="335" t="s">
        <v>46</v>
      </c>
      <c r="ID6" s="333" t="s">
        <v>47</v>
      </c>
      <c r="IE6" s="333" t="s">
        <v>48</v>
      </c>
      <c r="IF6" s="333" t="s">
        <v>49</v>
      </c>
      <c r="IG6" s="333" t="s">
        <v>50</v>
      </c>
      <c r="IH6" s="333" t="s">
        <v>51</v>
      </c>
      <c r="II6" s="334" t="s">
        <v>45</v>
      </c>
      <c r="IJ6" s="336" t="s">
        <v>52</v>
      </c>
      <c r="IK6" s="332" t="s">
        <v>43</v>
      </c>
      <c r="IL6" s="333" t="s">
        <v>44</v>
      </c>
      <c r="IM6" s="334" t="s">
        <v>45</v>
      </c>
      <c r="IN6" s="335" t="s">
        <v>46</v>
      </c>
      <c r="IO6" s="333" t="s">
        <v>47</v>
      </c>
      <c r="IP6" s="333" t="s">
        <v>48</v>
      </c>
      <c r="IQ6" s="333" t="s">
        <v>49</v>
      </c>
      <c r="IR6" s="333" t="s">
        <v>50</v>
      </c>
      <c r="IS6" s="333" t="s">
        <v>51</v>
      </c>
      <c r="IT6" s="334" t="s">
        <v>45</v>
      </c>
      <c r="IU6" s="336" t="s">
        <v>52</v>
      </c>
      <c r="IV6" s="332" t="s">
        <v>43</v>
      </c>
      <c r="IW6" s="333" t="s">
        <v>44</v>
      </c>
      <c r="IX6" s="334" t="s">
        <v>45</v>
      </c>
      <c r="IY6" s="335" t="s">
        <v>46</v>
      </c>
      <c r="IZ6" s="333" t="s">
        <v>47</v>
      </c>
      <c r="JA6" s="333" t="s">
        <v>48</v>
      </c>
      <c r="JB6" s="333" t="s">
        <v>49</v>
      </c>
      <c r="JC6" s="333" t="s">
        <v>50</v>
      </c>
      <c r="JD6" s="333" t="s">
        <v>51</v>
      </c>
      <c r="JE6" s="334" t="s">
        <v>45</v>
      </c>
      <c r="JF6" s="336" t="s">
        <v>52</v>
      </c>
      <c r="JG6" s="332" t="s">
        <v>43</v>
      </c>
      <c r="JH6" s="333" t="s">
        <v>44</v>
      </c>
      <c r="JI6" s="334" t="s">
        <v>45</v>
      </c>
      <c r="JJ6" s="335" t="s">
        <v>46</v>
      </c>
      <c r="JK6" s="333" t="s">
        <v>47</v>
      </c>
      <c r="JL6" s="333" t="s">
        <v>48</v>
      </c>
      <c r="JM6" s="333" t="s">
        <v>49</v>
      </c>
      <c r="JN6" s="333" t="s">
        <v>50</v>
      </c>
      <c r="JO6" s="333" t="s">
        <v>51</v>
      </c>
      <c r="JP6" s="334" t="s">
        <v>45</v>
      </c>
      <c r="JQ6" s="336" t="s">
        <v>52</v>
      </c>
      <c r="JR6" s="332" t="s">
        <v>43</v>
      </c>
      <c r="JS6" s="333" t="s">
        <v>44</v>
      </c>
      <c r="JT6" s="334" t="s">
        <v>45</v>
      </c>
      <c r="JU6" s="335" t="s">
        <v>46</v>
      </c>
      <c r="JV6" s="333" t="s">
        <v>47</v>
      </c>
      <c r="JW6" s="333" t="s">
        <v>48</v>
      </c>
      <c r="JX6" s="333" t="s">
        <v>49</v>
      </c>
      <c r="JY6" s="333" t="s">
        <v>50</v>
      </c>
      <c r="JZ6" s="333" t="s">
        <v>51</v>
      </c>
      <c r="KA6" s="334" t="s">
        <v>45</v>
      </c>
      <c r="KB6" s="336" t="s">
        <v>52</v>
      </c>
      <c r="KC6" s="332" t="s">
        <v>43</v>
      </c>
      <c r="KD6" s="333" t="s">
        <v>44</v>
      </c>
      <c r="KE6" s="334" t="s">
        <v>45</v>
      </c>
      <c r="KF6" s="335" t="s">
        <v>46</v>
      </c>
      <c r="KG6" s="333" t="s">
        <v>47</v>
      </c>
      <c r="KH6" s="333" t="s">
        <v>48</v>
      </c>
      <c r="KI6" s="333" t="s">
        <v>49</v>
      </c>
      <c r="KJ6" s="333" t="s">
        <v>50</v>
      </c>
      <c r="KK6" s="333" t="s">
        <v>51</v>
      </c>
      <c r="KL6" s="334" t="s">
        <v>45</v>
      </c>
      <c r="KM6" s="336" t="s">
        <v>52</v>
      </c>
    </row>
    <row r="7" spans="2:299" ht="21" customHeight="1" x14ac:dyDescent="0.2">
      <c r="B7" s="470" t="s">
        <v>4</v>
      </c>
      <c r="C7" s="292">
        <v>3374</v>
      </c>
      <c r="D7" s="68">
        <v>3235</v>
      </c>
      <c r="E7" s="69">
        <v>6609</v>
      </c>
      <c r="F7" s="227"/>
      <c r="G7" s="68">
        <v>4306</v>
      </c>
      <c r="H7" s="68">
        <v>4039</v>
      </c>
      <c r="I7" s="68">
        <v>2415</v>
      </c>
      <c r="J7" s="68">
        <v>2001</v>
      </c>
      <c r="K7" s="68">
        <v>1308</v>
      </c>
      <c r="L7" s="70">
        <v>14069</v>
      </c>
      <c r="M7" s="71">
        <v>20678</v>
      </c>
      <c r="N7" s="56">
        <v>104</v>
      </c>
      <c r="O7" s="57">
        <v>123</v>
      </c>
      <c r="P7" s="58">
        <v>227</v>
      </c>
      <c r="Q7" s="227"/>
      <c r="R7" s="57">
        <v>117</v>
      </c>
      <c r="S7" s="57">
        <v>139</v>
      </c>
      <c r="T7" s="57">
        <v>86</v>
      </c>
      <c r="U7" s="57">
        <v>93</v>
      </c>
      <c r="V7" s="57">
        <v>71</v>
      </c>
      <c r="W7" s="58">
        <v>506</v>
      </c>
      <c r="X7" s="59">
        <v>733</v>
      </c>
      <c r="Y7" s="56">
        <v>250</v>
      </c>
      <c r="Z7" s="57">
        <v>257</v>
      </c>
      <c r="AA7" s="58">
        <v>507</v>
      </c>
      <c r="AB7" s="227"/>
      <c r="AC7" s="57">
        <v>269</v>
      </c>
      <c r="AD7" s="57">
        <v>296</v>
      </c>
      <c r="AE7" s="57">
        <v>150</v>
      </c>
      <c r="AF7" s="57">
        <v>133</v>
      </c>
      <c r="AG7" s="57">
        <v>130</v>
      </c>
      <c r="AH7" s="58">
        <v>978</v>
      </c>
      <c r="AI7" s="59">
        <v>1485</v>
      </c>
      <c r="AJ7" s="56">
        <v>365</v>
      </c>
      <c r="AK7" s="57">
        <v>424</v>
      </c>
      <c r="AL7" s="58">
        <v>789</v>
      </c>
      <c r="AM7" s="227"/>
      <c r="AN7" s="57">
        <v>492</v>
      </c>
      <c r="AO7" s="57">
        <v>449</v>
      </c>
      <c r="AP7" s="57">
        <v>259</v>
      </c>
      <c r="AQ7" s="57">
        <v>235</v>
      </c>
      <c r="AR7" s="57">
        <v>182</v>
      </c>
      <c r="AS7" s="58">
        <v>1617</v>
      </c>
      <c r="AT7" s="59">
        <v>2406</v>
      </c>
      <c r="AU7" s="56">
        <v>775</v>
      </c>
      <c r="AV7" s="57">
        <v>720</v>
      </c>
      <c r="AW7" s="58">
        <v>1495</v>
      </c>
      <c r="AX7" s="227"/>
      <c r="AY7" s="57">
        <v>997</v>
      </c>
      <c r="AZ7" s="57">
        <v>828</v>
      </c>
      <c r="BA7" s="57">
        <v>473</v>
      </c>
      <c r="BB7" s="57">
        <v>387</v>
      </c>
      <c r="BC7" s="57">
        <v>261</v>
      </c>
      <c r="BD7" s="58">
        <v>2946</v>
      </c>
      <c r="BE7" s="59">
        <v>4441</v>
      </c>
      <c r="BF7" s="56">
        <v>1073</v>
      </c>
      <c r="BG7" s="57">
        <v>887</v>
      </c>
      <c r="BH7" s="58">
        <v>1960</v>
      </c>
      <c r="BI7" s="227"/>
      <c r="BJ7" s="57">
        <v>1303</v>
      </c>
      <c r="BK7" s="57">
        <v>1144</v>
      </c>
      <c r="BL7" s="57">
        <v>670</v>
      </c>
      <c r="BM7" s="57">
        <v>533</v>
      </c>
      <c r="BN7" s="57">
        <v>319</v>
      </c>
      <c r="BO7" s="58">
        <v>3969</v>
      </c>
      <c r="BP7" s="59">
        <v>5929</v>
      </c>
      <c r="BQ7" s="56">
        <v>807</v>
      </c>
      <c r="BR7" s="57">
        <v>824</v>
      </c>
      <c r="BS7" s="58">
        <v>1631</v>
      </c>
      <c r="BT7" s="227"/>
      <c r="BU7" s="57">
        <v>1128</v>
      </c>
      <c r="BV7" s="57">
        <v>1183</v>
      </c>
      <c r="BW7" s="57">
        <v>777</v>
      </c>
      <c r="BX7" s="57">
        <v>620</v>
      </c>
      <c r="BY7" s="57">
        <v>345</v>
      </c>
      <c r="BZ7" s="58">
        <v>4053</v>
      </c>
      <c r="CA7" s="59">
        <v>5684</v>
      </c>
      <c r="CB7" s="56">
        <v>0</v>
      </c>
      <c r="CC7" s="57">
        <v>0</v>
      </c>
      <c r="CD7" s="58">
        <v>0</v>
      </c>
      <c r="CE7" s="227"/>
      <c r="CF7" s="57">
        <v>0</v>
      </c>
      <c r="CG7" s="57">
        <v>0</v>
      </c>
      <c r="CH7" s="57">
        <v>0</v>
      </c>
      <c r="CI7" s="57">
        <v>0</v>
      </c>
      <c r="CJ7" s="57">
        <v>0</v>
      </c>
      <c r="CK7" s="58">
        <v>0</v>
      </c>
      <c r="CL7" s="59">
        <v>0</v>
      </c>
      <c r="CM7" s="56">
        <v>3374</v>
      </c>
      <c r="CN7" s="57">
        <v>3235</v>
      </c>
      <c r="CO7" s="58">
        <v>6609</v>
      </c>
      <c r="CP7" s="227"/>
      <c r="CQ7" s="57">
        <v>4306</v>
      </c>
      <c r="CR7" s="57">
        <v>4039</v>
      </c>
      <c r="CS7" s="57">
        <v>2415</v>
      </c>
      <c r="CT7" s="57">
        <v>2001</v>
      </c>
      <c r="CU7" s="57">
        <v>1308</v>
      </c>
      <c r="CV7" s="58">
        <v>14069</v>
      </c>
      <c r="CW7" s="59">
        <v>20678</v>
      </c>
      <c r="CX7" s="112">
        <v>1201</v>
      </c>
      <c r="CY7" s="68">
        <v>1385</v>
      </c>
      <c r="CZ7" s="69">
        <v>2586</v>
      </c>
      <c r="DA7" s="227"/>
      <c r="DB7" s="68">
        <v>1770</v>
      </c>
      <c r="DC7" s="68">
        <v>1598</v>
      </c>
      <c r="DD7" s="68">
        <v>1097</v>
      </c>
      <c r="DE7" s="68">
        <v>1075</v>
      </c>
      <c r="DF7" s="68">
        <v>702</v>
      </c>
      <c r="DG7" s="70">
        <v>6242</v>
      </c>
      <c r="DH7" s="71">
        <v>8828</v>
      </c>
      <c r="DI7" s="56">
        <v>31</v>
      </c>
      <c r="DJ7" s="57">
        <v>36</v>
      </c>
      <c r="DK7" s="58">
        <v>67</v>
      </c>
      <c r="DL7" s="227"/>
      <c r="DM7" s="57">
        <v>26</v>
      </c>
      <c r="DN7" s="57">
        <v>23</v>
      </c>
      <c r="DO7" s="57">
        <v>19</v>
      </c>
      <c r="DP7" s="57">
        <v>14</v>
      </c>
      <c r="DQ7" s="57">
        <v>15</v>
      </c>
      <c r="DR7" s="58">
        <v>97</v>
      </c>
      <c r="DS7" s="59">
        <v>164</v>
      </c>
      <c r="DT7" s="56">
        <v>92</v>
      </c>
      <c r="DU7" s="57">
        <v>89</v>
      </c>
      <c r="DV7" s="58">
        <v>181</v>
      </c>
      <c r="DW7" s="227"/>
      <c r="DX7" s="57">
        <v>82</v>
      </c>
      <c r="DY7" s="57">
        <v>69</v>
      </c>
      <c r="DZ7" s="57">
        <v>49</v>
      </c>
      <c r="EA7" s="57">
        <v>29</v>
      </c>
      <c r="EB7" s="57">
        <v>27</v>
      </c>
      <c r="EC7" s="58">
        <v>256</v>
      </c>
      <c r="ED7" s="59">
        <v>437</v>
      </c>
      <c r="EE7" s="56">
        <v>166</v>
      </c>
      <c r="EF7" s="57">
        <v>198</v>
      </c>
      <c r="EG7" s="58">
        <v>364</v>
      </c>
      <c r="EH7" s="227"/>
      <c r="EI7" s="57">
        <v>201</v>
      </c>
      <c r="EJ7" s="57">
        <v>156</v>
      </c>
      <c r="EK7" s="57">
        <v>72</v>
      </c>
      <c r="EL7" s="57">
        <v>69</v>
      </c>
      <c r="EM7" s="57">
        <v>70</v>
      </c>
      <c r="EN7" s="58">
        <v>568</v>
      </c>
      <c r="EO7" s="59">
        <v>932</v>
      </c>
      <c r="EP7" s="56">
        <v>359</v>
      </c>
      <c r="EQ7" s="57">
        <v>323</v>
      </c>
      <c r="ER7" s="58">
        <v>682</v>
      </c>
      <c r="ES7" s="227"/>
      <c r="ET7" s="57">
        <v>343</v>
      </c>
      <c r="EU7" s="57">
        <v>300</v>
      </c>
      <c r="EV7" s="57">
        <v>168</v>
      </c>
      <c r="EW7" s="57">
        <v>143</v>
      </c>
      <c r="EX7" s="57">
        <v>90</v>
      </c>
      <c r="EY7" s="58">
        <v>1044</v>
      </c>
      <c r="EZ7" s="59">
        <v>1726</v>
      </c>
      <c r="FA7" s="56">
        <v>324</v>
      </c>
      <c r="FB7" s="57">
        <v>437</v>
      </c>
      <c r="FC7" s="58">
        <v>761</v>
      </c>
      <c r="FD7" s="227"/>
      <c r="FE7" s="57">
        <v>556</v>
      </c>
      <c r="FF7" s="57">
        <v>446</v>
      </c>
      <c r="FG7" s="57">
        <v>292</v>
      </c>
      <c r="FH7" s="57">
        <v>265</v>
      </c>
      <c r="FI7" s="57">
        <v>172</v>
      </c>
      <c r="FJ7" s="58">
        <v>1731</v>
      </c>
      <c r="FK7" s="59">
        <v>2492</v>
      </c>
      <c r="FL7" s="56">
        <v>229</v>
      </c>
      <c r="FM7" s="57">
        <v>302</v>
      </c>
      <c r="FN7" s="58">
        <v>531</v>
      </c>
      <c r="FO7" s="227"/>
      <c r="FP7" s="57">
        <v>562</v>
      </c>
      <c r="FQ7" s="57">
        <v>604</v>
      </c>
      <c r="FR7" s="57">
        <v>497</v>
      </c>
      <c r="FS7" s="57">
        <v>555</v>
      </c>
      <c r="FT7" s="57">
        <v>328</v>
      </c>
      <c r="FU7" s="58">
        <v>2546</v>
      </c>
      <c r="FV7" s="59">
        <v>3077</v>
      </c>
      <c r="FW7" s="56">
        <v>0</v>
      </c>
      <c r="FX7" s="57">
        <v>0</v>
      </c>
      <c r="FY7" s="58">
        <v>0</v>
      </c>
      <c r="FZ7" s="227"/>
      <c r="GA7" s="57">
        <v>0</v>
      </c>
      <c r="GB7" s="57">
        <v>0</v>
      </c>
      <c r="GC7" s="57">
        <v>0</v>
      </c>
      <c r="GD7" s="57">
        <v>0</v>
      </c>
      <c r="GE7" s="57">
        <v>0</v>
      </c>
      <c r="GF7" s="58">
        <v>0</v>
      </c>
      <c r="GG7" s="59">
        <v>0</v>
      </c>
      <c r="GH7" s="56">
        <v>1201</v>
      </c>
      <c r="GI7" s="57">
        <v>1385</v>
      </c>
      <c r="GJ7" s="58">
        <v>2586</v>
      </c>
      <c r="GK7" s="227"/>
      <c r="GL7" s="57">
        <v>1770</v>
      </c>
      <c r="GM7" s="57">
        <v>1598</v>
      </c>
      <c r="GN7" s="57">
        <v>1097</v>
      </c>
      <c r="GO7" s="57">
        <v>1075</v>
      </c>
      <c r="GP7" s="57">
        <v>702</v>
      </c>
      <c r="GQ7" s="58">
        <v>6242</v>
      </c>
      <c r="GR7" s="59">
        <v>8828</v>
      </c>
      <c r="GS7" s="112">
        <v>4575</v>
      </c>
      <c r="GT7" s="68">
        <v>4620</v>
      </c>
      <c r="GU7" s="69">
        <v>9195</v>
      </c>
      <c r="GV7" s="227"/>
      <c r="GW7" s="68">
        <v>6076</v>
      </c>
      <c r="GX7" s="68">
        <v>5637</v>
      </c>
      <c r="GY7" s="68">
        <v>3512</v>
      </c>
      <c r="GZ7" s="68">
        <v>3076</v>
      </c>
      <c r="HA7" s="68">
        <v>2010</v>
      </c>
      <c r="HB7" s="70">
        <v>20311</v>
      </c>
      <c r="HC7" s="71">
        <v>29506</v>
      </c>
      <c r="HD7" s="56">
        <v>135</v>
      </c>
      <c r="HE7" s="57">
        <v>159</v>
      </c>
      <c r="HF7" s="58">
        <v>294</v>
      </c>
      <c r="HG7" s="227"/>
      <c r="HH7" s="57">
        <v>143</v>
      </c>
      <c r="HI7" s="57">
        <v>162</v>
      </c>
      <c r="HJ7" s="57">
        <v>105</v>
      </c>
      <c r="HK7" s="57">
        <v>107</v>
      </c>
      <c r="HL7" s="57">
        <v>86</v>
      </c>
      <c r="HM7" s="58">
        <v>603</v>
      </c>
      <c r="HN7" s="59">
        <v>897</v>
      </c>
      <c r="HO7" s="56">
        <v>342</v>
      </c>
      <c r="HP7" s="57">
        <v>346</v>
      </c>
      <c r="HQ7" s="58">
        <v>688</v>
      </c>
      <c r="HR7" s="227"/>
      <c r="HS7" s="57">
        <v>351</v>
      </c>
      <c r="HT7" s="57">
        <v>365</v>
      </c>
      <c r="HU7" s="57">
        <v>199</v>
      </c>
      <c r="HV7" s="57">
        <v>162</v>
      </c>
      <c r="HW7" s="57">
        <v>157</v>
      </c>
      <c r="HX7" s="58">
        <v>1234</v>
      </c>
      <c r="HY7" s="59">
        <v>1922</v>
      </c>
      <c r="HZ7" s="56">
        <v>531</v>
      </c>
      <c r="IA7" s="57">
        <v>622</v>
      </c>
      <c r="IB7" s="58">
        <v>1153</v>
      </c>
      <c r="IC7" s="227"/>
      <c r="ID7" s="57">
        <v>693</v>
      </c>
      <c r="IE7" s="57">
        <v>605</v>
      </c>
      <c r="IF7" s="57">
        <v>331</v>
      </c>
      <c r="IG7" s="57">
        <v>304</v>
      </c>
      <c r="IH7" s="57">
        <v>252</v>
      </c>
      <c r="II7" s="58">
        <v>2185</v>
      </c>
      <c r="IJ7" s="59">
        <v>3338</v>
      </c>
      <c r="IK7" s="56">
        <v>1134</v>
      </c>
      <c r="IL7" s="57">
        <v>1043</v>
      </c>
      <c r="IM7" s="58">
        <v>2177</v>
      </c>
      <c r="IN7" s="227"/>
      <c r="IO7" s="57">
        <v>1340</v>
      </c>
      <c r="IP7" s="57">
        <v>1128</v>
      </c>
      <c r="IQ7" s="57">
        <v>641</v>
      </c>
      <c r="IR7" s="57">
        <v>530</v>
      </c>
      <c r="IS7" s="57">
        <v>351</v>
      </c>
      <c r="IT7" s="58">
        <v>3990</v>
      </c>
      <c r="IU7" s="59">
        <v>6167</v>
      </c>
      <c r="IV7" s="56">
        <v>1397</v>
      </c>
      <c r="IW7" s="57">
        <v>1324</v>
      </c>
      <c r="IX7" s="58">
        <v>2721</v>
      </c>
      <c r="IY7" s="227"/>
      <c r="IZ7" s="57">
        <v>1859</v>
      </c>
      <c r="JA7" s="57">
        <v>1590</v>
      </c>
      <c r="JB7" s="57">
        <v>962</v>
      </c>
      <c r="JC7" s="57">
        <v>798</v>
      </c>
      <c r="JD7" s="57">
        <v>491</v>
      </c>
      <c r="JE7" s="58">
        <v>5700</v>
      </c>
      <c r="JF7" s="59">
        <v>8421</v>
      </c>
      <c r="JG7" s="56">
        <v>1036</v>
      </c>
      <c r="JH7" s="57">
        <v>1126</v>
      </c>
      <c r="JI7" s="58">
        <v>2162</v>
      </c>
      <c r="JJ7" s="227"/>
      <c r="JK7" s="57">
        <v>1690</v>
      </c>
      <c r="JL7" s="57">
        <v>1787</v>
      </c>
      <c r="JM7" s="57">
        <v>1274</v>
      </c>
      <c r="JN7" s="57">
        <v>1175</v>
      </c>
      <c r="JO7" s="57">
        <v>673</v>
      </c>
      <c r="JP7" s="58">
        <v>6599</v>
      </c>
      <c r="JQ7" s="59">
        <v>8761</v>
      </c>
      <c r="JR7" s="56">
        <v>0</v>
      </c>
      <c r="JS7" s="57">
        <v>0</v>
      </c>
      <c r="JT7" s="58">
        <v>0</v>
      </c>
      <c r="JU7" s="227"/>
      <c r="JV7" s="57">
        <v>0</v>
      </c>
      <c r="JW7" s="57">
        <v>0</v>
      </c>
      <c r="JX7" s="57">
        <v>0</v>
      </c>
      <c r="JY7" s="57">
        <v>0</v>
      </c>
      <c r="JZ7" s="57">
        <v>0</v>
      </c>
      <c r="KA7" s="58">
        <v>0</v>
      </c>
      <c r="KB7" s="59">
        <v>0</v>
      </c>
      <c r="KC7" s="56">
        <v>4575</v>
      </c>
      <c r="KD7" s="57">
        <v>4620</v>
      </c>
      <c r="KE7" s="58">
        <v>9195</v>
      </c>
      <c r="KF7" s="227"/>
      <c r="KG7" s="57">
        <v>6076</v>
      </c>
      <c r="KH7" s="57">
        <v>5637</v>
      </c>
      <c r="KI7" s="57">
        <v>3512</v>
      </c>
      <c r="KJ7" s="57">
        <v>3076</v>
      </c>
      <c r="KK7" s="57">
        <v>2010</v>
      </c>
      <c r="KL7" s="58">
        <v>20311</v>
      </c>
      <c r="KM7" s="59">
        <v>29506</v>
      </c>
    </row>
    <row r="8" spans="2:299" ht="21" customHeight="1" x14ac:dyDescent="0.2">
      <c r="B8" s="471" t="s">
        <v>5</v>
      </c>
      <c r="C8" s="293">
        <v>1519</v>
      </c>
      <c r="D8" s="72">
        <v>1618</v>
      </c>
      <c r="E8" s="73">
        <v>3137</v>
      </c>
      <c r="F8" s="228"/>
      <c r="G8" s="72">
        <v>1590</v>
      </c>
      <c r="H8" s="72">
        <v>1982</v>
      </c>
      <c r="I8" s="72">
        <v>1099</v>
      </c>
      <c r="J8" s="72">
        <v>901</v>
      </c>
      <c r="K8" s="72">
        <v>569</v>
      </c>
      <c r="L8" s="74">
        <v>6141</v>
      </c>
      <c r="M8" s="75">
        <v>9278</v>
      </c>
      <c r="N8" s="60">
        <v>49</v>
      </c>
      <c r="O8" s="61">
        <v>54</v>
      </c>
      <c r="P8" s="62">
        <v>103</v>
      </c>
      <c r="Q8" s="228"/>
      <c r="R8" s="61">
        <v>43</v>
      </c>
      <c r="S8" s="61">
        <v>62</v>
      </c>
      <c r="T8" s="61">
        <v>38</v>
      </c>
      <c r="U8" s="61">
        <v>37</v>
      </c>
      <c r="V8" s="61">
        <v>24</v>
      </c>
      <c r="W8" s="62">
        <v>204</v>
      </c>
      <c r="X8" s="63">
        <v>307</v>
      </c>
      <c r="Y8" s="60">
        <v>97</v>
      </c>
      <c r="Z8" s="61">
        <v>127</v>
      </c>
      <c r="AA8" s="62">
        <v>224</v>
      </c>
      <c r="AB8" s="228"/>
      <c r="AC8" s="61">
        <v>75</v>
      </c>
      <c r="AD8" s="61">
        <v>129</v>
      </c>
      <c r="AE8" s="61">
        <v>60</v>
      </c>
      <c r="AF8" s="61">
        <v>69</v>
      </c>
      <c r="AG8" s="61">
        <v>52</v>
      </c>
      <c r="AH8" s="62">
        <v>385</v>
      </c>
      <c r="AI8" s="63">
        <v>609</v>
      </c>
      <c r="AJ8" s="60">
        <v>157</v>
      </c>
      <c r="AK8" s="61">
        <v>208</v>
      </c>
      <c r="AL8" s="62">
        <v>365</v>
      </c>
      <c r="AM8" s="228"/>
      <c r="AN8" s="61">
        <v>166</v>
      </c>
      <c r="AO8" s="61">
        <v>202</v>
      </c>
      <c r="AP8" s="61">
        <v>105</v>
      </c>
      <c r="AQ8" s="61">
        <v>103</v>
      </c>
      <c r="AR8" s="61">
        <v>78</v>
      </c>
      <c r="AS8" s="62">
        <v>654</v>
      </c>
      <c r="AT8" s="63">
        <v>1019</v>
      </c>
      <c r="AU8" s="60">
        <v>355</v>
      </c>
      <c r="AV8" s="61">
        <v>362</v>
      </c>
      <c r="AW8" s="62">
        <v>717</v>
      </c>
      <c r="AX8" s="228"/>
      <c r="AY8" s="61">
        <v>331</v>
      </c>
      <c r="AZ8" s="61">
        <v>411</v>
      </c>
      <c r="BA8" s="61">
        <v>221</v>
      </c>
      <c r="BB8" s="61">
        <v>178</v>
      </c>
      <c r="BC8" s="61">
        <v>110</v>
      </c>
      <c r="BD8" s="62">
        <v>1251</v>
      </c>
      <c r="BE8" s="63">
        <v>1968</v>
      </c>
      <c r="BF8" s="60">
        <v>508</v>
      </c>
      <c r="BG8" s="61">
        <v>461</v>
      </c>
      <c r="BH8" s="62">
        <v>969</v>
      </c>
      <c r="BI8" s="228"/>
      <c r="BJ8" s="61">
        <v>540</v>
      </c>
      <c r="BK8" s="61">
        <v>570</v>
      </c>
      <c r="BL8" s="61">
        <v>306</v>
      </c>
      <c r="BM8" s="61">
        <v>241</v>
      </c>
      <c r="BN8" s="61">
        <v>133</v>
      </c>
      <c r="BO8" s="62">
        <v>1790</v>
      </c>
      <c r="BP8" s="63">
        <v>2759</v>
      </c>
      <c r="BQ8" s="60">
        <v>353</v>
      </c>
      <c r="BR8" s="61">
        <v>406</v>
      </c>
      <c r="BS8" s="62">
        <v>759</v>
      </c>
      <c r="BT8" s="228"/>
      <c r="BU8" s="61">
        <v>435</v>
      </c>
      <c r="BV8" s="61">
        <v>608</v>
      </c>
      <c r="BW8" s="61">
        <v>369</v>
      </c>
      <c r="BX8" s="61">
        <v>273</v>
      </c>
      <c r="BY8" s="61">
        <v>172</v>
      </c>
      <c r="BZ8" s="62">
        <v>1857</v>
      </c>
      <c r="CA8" s="63">
        <v>2616</v>
      </c>
      <c r="CB8" s="60">
        <v>0</v>
      </c>
      <c r="CC8" s="61">
        <v>0</v>
      </c>
      <c r="CD8" s="62">
        <v>0</v>
      </c>
      <c r="CE8" s="228"/>
      <c r="CF8" s="61">
        <v>0</v>
      </c>
      <c r="CG8" s="61">
        <v>0</v>
      </c>
      <c r="CH8" s="61">
        <v>0</v>
      </c>
      <c r="CI8" s="61">
        <v>0</v>
      </c>
      <c r="CJ8" s="61">
        <v>0</v>
      </c>
      <c r="CK8" s="62">
        <v>0</v>
      </c>
      <c r="CL8" s="63">
        <v>0</v>
      </c>
      <c r="CM8" s="60">
        <v>1519</v>
      </c>
      <c r="CN8" s="61">
        <v>1618</v>
      </c>
      <c r="CO8" s="62">
        <v>3137</v>
      </c>
      <c r="CP8" s="228"/>
      <c r="CQ8" s="61">
        <v>1590</v>
      </c>
      <c r="CR8" s="61">
        <v>1982</v>
      </c>
      <c r="CS8" s="61">
        <v>1099</v>
      </c>
      <c r="CT8" s="61">
        <v>901</v>
      </c>
      <c r="CU8" s="61">
        <v>569</v>
      </c>
      <c r="CV8" s="62">
        <v>6141</v>
      </c>
      <c r="CW8" s="63">
        <v>9278</v>
      </c>
      <c r="CX8" s="113">
        <v>463</v>
      </c>
      <c r="CY8" s="72">
        <v>644</v>
      </c>
      <c r="CZ8" s="73">
        <v>1107</v>
      </c>
      <c r="DA8" s="228"/>
      <c r="DB8" s="72">
        <v>656</v>
      </c>
      <c r="DC8" s="72">
        <v>754</v>
      </c>
      <c r="DD8" s="72">
        <v>481</v>
      </c>
      <c r="DE8" s="72">
        <v>469</v>
      </c>
      <c r="DF8" s="72">
        <v>302</v>
      </c>
      <c r="DG8" s="74">
        <v>2662</v>
      </c>
      <c r="DH8" s="75">
        <v>3769</v>
      </c>
      <c r="DI8" s="60">
        <v>12</v>
      </c>
      <c r="DJ8" s="61">
        <v>15</v>
      </c>
      <c r="DK8" s="62">
        <v>27</v>
      </c>
      <c r="DL8" s="228"/>
      <c r="DM8" s="61">
        <v>9</v>
      </c>
      <c r="DN8" s="61">
        <v>10</v>
      </c>
      <c r="DO8" s="61">
        <v>6</v>
      </c>
      <c r="DP8" s="61">
        <v>8</v>
      </c>
      <c r="DQ8" s="61">
        <v>8</v>
      </c>
      <c r="DR8" s="62">
        <v>41</v>
      </c>
      <c r="DS8" s="63">
        <v>68</v>
      </c>
      <c r="DT8" s="60">
        <v>40</v>
      </c>
      <c r="DU8" s="61">
        <v>43</v>
      </c>
      <c r="DV8" s="62">
        <v>83</v>
      </c>
      <c r="DW8" s="228"/>
      <c r="DX8" s="61">
        <v>17</v>
      </c>
      <c r="DY8" s="61">
        <v>31</v>
      </c>
      <c r="DZ8" s="61">
        <v>22</v>
      </c>
      <c r="EA8" s="61">
        <v>14</v>
      </c>
      <c r="EB8" s="61">
        <v>11</v>
      </c>
      <c r="EC8" s="62">
        <v>95</v>
      </c>
      <c r="ED8" s="63">
        <v>178</v>
      </c>
      <c r="EE8" s="60">
        <v>55</v>
      </c>
      <c r="EF8" s="61">
        <v>89</v>
      </c>
      <c r="EG8" s="62">
        <v>144</v>
      </c>
      <c r="EH8" s="228"/>
      <c r="EI8" s="61">
        <v>79</v>
      </c>
      <c r="EJ8" s="61">
        <v>79</v>
      </c>
      <c r="EK8" s="61">
        <v>33</v>
      </c>
      <c r="EL8" s="61">
        <v>33</v>
      </c>
      <c r="EM8" s="61">
        <v>30</v>
      </c>
      <c r="EN8" s="62">
        <v>254</v>
      </c>
      <c r="EO8" s="63">
        <v>398</v>
      </c>
      <c r="EP8" s="60">
        <v>140</v>
      </c>
      <c r="EQ8" s="61">
        <v>158</v>
      </c>
      <c r="ER8" s="62">
        <v>298</v>
      </c>
      <c r="ES8" s="228"/>
      <c r="ET8" s="61">
        <v>135</v>
      </c>
      <c r="EU8" s="61">
        <v>130</v>
      </c>
      <c r="EV8" s="61">
        <v>69</v>
      </c>
      <c r="EW8" s="61">
        <v>65</v>
      </c>
      <c r="EX8" s="61">
        <v>28</v>
      </c>
      <c r="EY8" s="62">
        <v>427</v>
      </c>
      <c r="EZ8" s="63">
        <v>725</v>
      </c>
      <c r="FA8" s="60">
        <v>123</v>
      </c>
      <c r="FB8" s="61">
        <v>209</v>
      </c>
      <c r="FC8" s="62">
        <v>332</v>
      </c>
      <c r="FD8" s="228"/>
      <c r="FE8" s="61">
        <v>217</v>
      </c>
      <c r="FF8" s="61">
        <v>220</v>
      </c>
      <c r="FG8" s="61">
        <v>129</v>
      </c>
      <c r="FH8" s="61">
        <v>119</v>
      </c>
      <c r="FI8" s="61">
        <v>71</v>
      </c>
      <c r="FJ8" s="62">
        <v>756</v>
      </c>
      <c r="FK8" s="63">
        <v>1088</v>
      </c>
      <c r="FL8" s="60">
        <v>93</v>
      </c>
      <c r="FM8" s="61">
        <v>130</v>
      </c>
      <c r="FN8" s="62">
        <v>223</v>
      </c>
      <c r="FO8" s="228"/>
      <c r="FP8" s="61">
        <v>199</v>
      </c>
      <c r="FQ8" s="61">
        <v>284</v>
      </c>
      <c r="FR8" s="61">
        <v>222</v>
      </c>
      <c r="FS8" s="61">
        <v>230</v>
      </c>
      <c r="FT8" s="61">
        <v>154</v>
      </c>
      <c r="FU8" s="62">
        <v>1089</v>
      </c>
      <c r="FV8" s="63">
        <v>1312</v>
      </c>
      <c r="FW8" s="60">
        <v>0</v>
      </c>
      <c r="FX8" s="61">
        <v>0</v>
      </c>
      <c r="FY8" s="62">
        <v>0</v>
      </c>
      <c r="FZ8" s="228"/>
      <c r="GA8" s="61">
        <v>0</v>
      </c>
      <c r="GB8" s="61">
        <v>0</v>
      </c>
      <c r="GC8" s="61">
        <v>0</v>
      </c>
      <c r="GD8" s="61">
        <v>0</v>
      </c>
      <c r="GE8" s="61">
        <v>0</v>
      </c>
      <c r="GF8" s="62">
        <v>0</v>
      </c>
      <c r="GG8" s="63">
        <v>0</v>
      </c>
      <c r="GH8" s="60">
        <v>463</v>
      </c>
      <c r="GI8" s="61">
        <v>644</v>
      </c>
      <c r="GJ8" s="62">
        <v>1107</v>
      </c>
      <c r="GK8" s="228"/>
      <c r="GL8" s="61">
        <v>656</v>
      </c>
      <c r="GM8" s="61">
        <v>754</v>
      </c>
      <c r="GN8" s="61">
        <v>481</v>
      </c>
      <c r="GO8" s="61">
        <v>469</v>
      </c>
      <c r="GP8" s="61">
        <v>302</v>
      </c>
      <c r="GQ8" s="62">
        <v>2662</v>
      </c>
      <c r="GR8" s="63">
        <v>3769</v>
      </c>
      <c r="GS8" s="113">
        <v>1982</v>
      </c>
      <c r="GT8" s="72">
        <v>2262</v>
      </c>
      <c r="GU8" s="73">
        <v>4244</v>
      </c>
      <c r="GV8" s="228"/>
      <c r="GW8" s="72">
        <v>2246</v>
      </c>
      <c r="GX8" s="72">
        <v>2736</v>
      </c>
      <c r="GY8" s="72">
        <v>1580</v>
      </c>
      <c r="GZ8" s="72">
        <v>1370</v>
      </c>
      <c r="HA8" s="72">
        <v>871</v>
      </c>
      <c r="HB8" s="74">
        <v>8803</v>
      </c>
      <c r="HC8" s="75">
        <v>13047</v>
      </c>
      <c r="HD8" s="60">
        <v>61</v>
      </c>
      <c r="HE8" s="61">
        <v>69</v>
      </c>
      <c r="HF8" s="62">
        <v>130</v>
      </c>
      <c r="HG8" s="228"/>
      <c r="HH8" s="61">
        <v>52</v>
      </c>
      <c r="HI8" s="61">
        <v>72</v>
      </c>
      <c r="HJ8" s="61">
        <v>44</v>
      </c>
      <c r="HK8" s="61">
        <v>45</v>
      </c>
      <c r="HL8" s="61">
        <v>32</v>
      </c>
      <c r="HM8" s="62">
        <v>245</v>
      </c>
      <c r="HN8" s="63">
        <v>375</v>
      </c>
      <c r="HO8" s="60">
        <v>137</v>
      </c>
      <c r="HP8" s="61">
        <v>170</v>
      </c>
      <c r="HQ8" s="62">
        <v>307</v>
      </c>
      <c r="HR8" s="228"/>
      <c r="HS8" s="61">
        <v>92</v>
      </c>
      <c r="HT8" s="61">
        <v>160</v>
      </c>
      <c r="HU8" s="61">
        <v>82</v>
      </c>
      <c r="HV8" s="61">
        <v>83</v>
      </c>
      <c r="HW8" s="61">
        <v>63</v>
      </c>
      <c r="HX8" s="62">
        <v>480</v>
      </c>
      <c r="HY8" s="63">
        <v>787</v>
      </c>
      <c r="HZ8" s="60">
        <v>212</v>
      </c>
      <c r="IA8" s="61">
        <v>297</v>
      </c>
      <c r="IB8" s="62">
        <v>509</v>
      </c>
      <c r="IC8" s="228"/>
      <c r="ID8" s="61">
        <v>245</v>
      </c>
      <c r="IE8" s="61">
        <v>281</v>
      </c>
      <c r="IF8" s="61">
        <v>138</v>
      </c>
      <c r="IG8" s="61">
        <v>136</v>
      </c>
      <c r="IH8" s="61">
        <v>108</v>
      </c>
      <c r="II8" s="62">
        <v>908</v>
      </c>
      <c r="IJ8" s="63">
        <v>1417</v>
      </c>
      <c r="IK8" s="60">
        <v>495</v>
      </c>
      <c r="IL8" s="61">
        <v>520</v>
      </c>
      <c r="IM8" s="62">
        <v>1015</v>
      </c>
      <c r="IN8" s="228"/>
      <c r="IO8" s="61">
        <v>466</v>
      </c>
      <c r="IP8" s="61">
        <v>541</v>
      </c>
      <c r="IQ8" s="61">
        <v>290</v>
      </c>
      <c r="IR8" s="61">
        <v>243</v>
      </c>
      <c r="IS8" s="61">
        <v>138</v>
      </c>
      <c r="IT8" s="62">
        <v>1678</v>
      </c>
      <c r="IU8" s="63">
        <v>2693</v>
      </c>
      <c r="IV8" s="60">
        <v>631</v>
      </c>
      <c r="IW8" s="61">
        <v>670</v>
      </c>
      <c r="IX8" s="62">
        <v>1301</v>
      </c>
      <c r="IY8" s="228"/>
      <c r="IZ8" s="61">
        <v>757</v>
      </c>
      <c r="JA8" s="61">
        <v>790</v>
      </c>
      <c r="JB8" s="61">
        <v>435</v>
      </c>
      <c r="JC8" s="61">
        <v>360</v>
      </c>
      <c r="JD8" s="61">
        <v>204</v>
      </c>
      <c r="JE8" s="62">
        <v>2546</v>
      </c>
      <c r="JF8" s="63">
        <v>3847</v>
      </c>
      <c r="JG8" s="60">
        <v>446</v>
      </c>
      <c r="JH8" s="61">
        <v>536</v>
      </c>
      <c r="JI8" s="62">
        <v>982</v>
      </c>
      <c r="JJ8" s="228"/>
      <c r="JK8" s="61">
        <v>634</v>
      </c>
      <c r="JL8" s="61">
        <v>892</v>
      </c>
      <c r="JM8" s="61">
        <v>591</v>
      </c>
      <c r="JN8" s="61">
        <v>503</v>
      </c>
      <c r="JO8" s="61">
        <v>326</v>
      </c>
      <c r="JP8" s="62">
        <v>2946</v>
      </c>
      <c r="JQ8" s="63">
        <v>3928</v>
      </c>
      <c r="JR8" s="60">
        <v>0</v>
      </c>
      <c r="JS8" s="61">
        <v>0</v>
      </c>
      <c r="JT8" s="62">
        <v>0</v>
      </c>
      <c r="JU8" s="228"/>
      <c r="JV8" s="61">
        <v>0</v>
      </c>
      <c r="JW8" s="61">
        <v>0</v>
      </c>
      <c r="JX8" s="61">
        <v>0</v>
      </c>
      <c r="JY8" s="61">
        <v>0</v>
      </c>
      <c r="JZ8" s="61">
        <v>0</v>
      </c>
      <c r="KA8" s="62">
        <v>0</v>
      </c>
      <c r="KB8" s="63">
        <v>0</v>
      </c>
      <c r="KC8" s="60">
        <v>1982</v>
      </c>
      <c r="KD8" s="61">
        <v>2262</v>
      </c>
      <c r="KE8" s="62">
        <v>4244</v>
      </c>
      <c r="KF8" s="228"/>
      <c r="KG8" s="61">
        <v>2246</v>
      </c>
      <c r="KH8" s="61">
        <v>2736</v>
      </c>
      <c r="KI8" s="61">
        <v>1580</v>
      </c>
      <c r="KJ8" s="61">
        <v>1370</v>
      </c>
      <c r="KK8" s="61">
        <v>871</v>
      </c>
      <c r="KL8" s="62">
        <v>8803</v>
      </c>
      <c r="KM8" s="63">
        <v>13047</v>
      </c>
    </row>
    <row r="9" spans="2:299" ht="21" customHeight="1" x14ac:dyDescent="0.2">
      <c r="B9" s="472" t="s">
        <v>6</v>
      </c>
      <c r="C9" s="293">
        <v>411</v>
      </c>
      <c r="D9" s="72">
        <v>420</v>
      </c>
      <c r="E9" s="73">
        <v>831</v>
      </c>
      <c r="F9" s="228"/>
      <c r="G9" s="72">
        <v>751</v>
      </c>
      <c r="H9" s="72">
        <v>564</v>
      </c>
      <c r="I9" s="72">
        <v>369</v>
      </c>
      <c r="J9" s="72">
        <v>305</v>
      </c>
      <c r="K9" s="72">
        <v>221</v>
      </c>
      <c r="L9" s="74">
        <v>2210</v>
      </c>
      <c r="M9" s="75">
        <v>3041</v>
      </c>
      <c r="N9" s="60">
        <v>19</v>
      </c>
      <c r="O9" s="61">
        <v>21</v>
      </c>
      <c r="P9" s="62">
        <v>40</v>
      </c>
      <c r="Q9" s="228"/>
      <c r="R9" s="61">
        <v>21</v>
      </c>
      <c r="S9" s="61">
        <v>30</v>
      </c>
      <c r="T9" s="61">
        <v>10</v>
      </c>
      <c r="U9" s="61">
        <v>13</v>
      </c>
      <c r="V9" s="61">
        <v>16</v>
      </c>
      <c r="W9" s="62">
        <v>90</v>
      </c>
      <c r="X9" s="63">
        <v>130</v>
      </c>
      <c r="Y9" s="60">
        <v>34</v>
      </c>
      <c r="Z9" s="61">
        <v>32</v>
      </c>
      <c r="AA9" s="62">
        <v>66</v>
      </c>
      <c r="AB9" s="228"/>
      <c r="AC9" s="61">
        <v>45</v>
      </c>
      <c r="AD9" s="61">
        <v>48</v>
      </c>
      <c r="AE9" s="61">
        <v>23</v>
      </c>
      <c r="AF9" s="61">
        <v>19</v>
      </c>
      <c r="AG9" s="61">
        <v>20</v>
      </c>
      <c r="AH9" s="62">
        <v>155</v>
      </c>
      <c r="AI9" s="63">
        <v>221</v>
      </c>
      <c r="AJ9" s="60">
        <v>52</v>
      </c>
      <c r="AK9" s="61">
        <v>51</v>
      </c>
      <c r="AL9" s="62">
        <v>103</v>
      </c>
      <c r="AM9" s="228"/>
      <c r="AN9" s="61">
        <v>91</v>
      </c>
      <c r="AO9" s="61">
        <v>69</v>
      </c>
      <c r="AP9" s="61">
        <v>53</v>
      </c>
      <c r="AQ9" s="61">
        <v>38</v>
      </c>
      <c r="AR9" s="61">
        <v>28</v>
      </c>
      <c r="AS9" s="62">
        <v>279</v>
      </c>
      <c r="AT9" s="63">
        <v>382</v>
      </c>
      <c r="AU9" s="60">
        <v>93</v>
      </c>
      <c r="AV9" s="61">
        <v>82</v>
      </c>
      <c r="AW9" s="62">
        <v>175</v>
      </c>
      <c r="AX9" s="228"/>
      <c r="AY9" s="61">
        <v>178</v>
      </c>
      <c r="AZ9" s="61">
        <v>112</v>
      </c>
      <c r="BA9" s="61">
        <v>60</v>
      </c>
      <c r="BB9" s="61">
        <v>55</v>
      </c>
      <c r="BC9" s="61">
        <v>40</v>
      </c>
      <c r="BD9" s="62">
        <v>445</v>
      </c>
      <c r="BE9" s="63">
        <v>620</v>
      </c>
      <c r="BF9" s="60">
        <v>112</v>
      </c>
      <c r="BG9" s="61">
        <v>110</v>
      </c>
      <c r="BH9" s="62">
        <v>222</v>
      </c>
      <c r="BI9" s="228"/>
      <c r="BJ9" s="61">
        <v>214</v>
      </c>
      <c r="BK9" s="61">
        <v>142</v>
      </c>
      <c r="BL9" s="61">
        <v>103</v>
      </c>
      <c r="BM9" s="61">
        <v>83</v>
      </c>
      <c r="BN9" s="61">
        <v>56</v>
      </c>
      <c r="BO9" s="62">
        <v>598</v>
      </c>
      <c r="BP9" s="63">
        <v>820</v>
      </c>
      <c r="BQ9" s="60">
        <v>101</v>
      </c>
      <c r="BR9" s="61">
        <v>124</v>
      </c>
      <c r="BS9" s="62">
        <v>225</v>
      </c>
      <c r="BT9" s="228"/>
      <c r="BU9" s="61">
        <v>202</v>
      </c>
      <c r="BV9" s="61">
        <v>163</v>
      </c>
      <c r="BW9" s="61">
        <v>120</v>
      </c>
      <c r="BX9" s="61">
        <v>97</v>
      </c>
      <c r="BY9" s="61">
        <v>61</v>
      </c>
      <c r="BZ9" s="62">
        <v>643</v>
      </c>
      <c r="CA9" s="63">
        <v>868</v>
      </c>
      <c r="CB9" s="60">
        <v>0</v>
      </c>
      <c r="CC9" s="61">
        <v>0</v>
      </c>
      <c r="CD9" s="62">
        <v>0</v>
      </c>
      <c r="CE9" s="228"/>
      <c r="CF9" s="61">
        <v>0</v>
      </c>
      <c r="CG9" s="61">
        <v>0</v>
      </c>
      <c r="CH9" s="61">
        <v>0</v>
      </c>
      <c r="CI9" s="61">
        <v>0</v>
      </c>
      <c r="CJ9" s="61">
        <v>0</v>
      </c>
      <c r="CK9" s="62">
        <v>0</v>
      </c>
      <c r="CL9" s="63">
        <v>0</v>
      </c>
      <c r="CM9" s="60">
        <v>411</v>
      </c>
      <c r="CN9" s="61">
        <v>420</v>
      </c>
      <c r="CO9" s="62">
        <v>831</v>
      </c>
      <c r="CP9" s="228"/>
      <c r="CQ9" s="61">
        <v>751</v>
      </c>
      <c r="CR9" s="61">
        <v>564</v>
      </c>
      <c r="CS9" s="61">
        <v>369</v>
      </c>
      <c r="CT9" s="61">
        <v>305</v>
      </c>
      <c r="CU9" s="61">
        <v>221</v>
      </c>
      <c r="CV9" s="62">
        <v>2210</v>
      </c>
      <c r="CW9" s="63">
        <v>3041</v>
      </c>
      <c r="CX9" s="113">
        <v>220</v>
      </c>
      <c r="CY9" s="72">
        <v>229</v>
      </c>
      <c r="CZ9" s="73">
        <v>449</v>
      </c>
      <c r="DA9" s="228"/>
      <c r="DB9" s="72">
        <v>368</v>
      </c>
      <c r="DC9" s="72">
        <v>278</v>
      </c>
      <c r="DD9" s="72">
        <v>181</v>
      </c>
      <c r="DE9" s="72">
        <v>189</v>
      </c>
      <c r="DF9" s="72">
        <v>119</v>
      </c>
      <c r="DG9" s="74">
        <v>1135</v>
      </c>
      <c r="DH9" s="75">
        <v>1584</v>
      </c>
      <c r="DI9" s="60">
        <v>3</v>
      </c>
      <c r="DJ9" s="61">
        <v>8</v>
      </c>
      <c r="DK9" s="62">
        <v>11</v>
      </c>
      <c r="DL9" s="228"/>
      <c r="DM9" s="61">
        <v>6</v>
      </c>
      <c r="DN9" s="61">
        <v>4</v>
      </c>
      <c r="DO9" s="61">
        <v>6</v>
      </c>
      <c r="DP9" s="61">
        <v>1</v>
      </c>
      <c r="DQ9" s="61">
        <v>2</v>
      </c>
      <c r="DR9" s="62">
        <v>19</v>
      </c>
      <c r="DS9" s="63">
        <v>30</v>
      </c>
      <c r="DT9" s="60">
        <v>10</v>
      </c>
      <c r="DU9" s="61">
        <v>19</v>
      </c>
      <c r="DV9" s="62">
        <v>29</v>
      </c>
      <c r="DW9" s="228"/>
      <c r="DX9" s="61">
        <v>20</v>
      </c>
      <c r="DY9" s="61">
        <v>11</v>
      </c>
      <c r="DZ9" s="61">
        <v>11</v>
      </c>
      <c r="EA9" s="61">
        <v>6</v>
      </c>
      <c r="EB9" s="61">
        <v>1</v>
      </c>
      <c r="EC9" s="62">
        <v>49</v>
      </c>
      <c r="ED9" s="63">
        <v>78</v>
      </c>
      <c r="EE9" s="60">
        <v>36</v>
      </c>
      <c r="EF9" s="61">
        <v>28</v>
      </c>
      <c r="EG9" s="62">
        <v>64</v>
      </c>
      <c r="EH9" s="228"/>
      <c r="EI9" s="61">
        <v>40</v>
      </c>
      <c r="EJ9" s="61">
        <v>19</v>
      </c>
      <c r="EK9" s="61">
        <v>11</v>
      </c>
      <c r="EL9" s="61">
        <v>11</v>
      </c>
      <c r="EM9" s="61">
        <v>15</v>
      </c>
      <c r="EN9" s="62">
        <v>96</v>
      </c>
      <c r="EO9" s="63">
        <v>160</v>
      </c>
      <c r="EP9" s="60">
        <v>69</v>
      </c>
      <c r="EQ9" s="61">
        <v>39</v>
      </c>
      <c r="ER9" s="62">
        <v>108</v>
      </c>
      <c r="ES9" s="228"/>
      <c r="ET9" s="61">
        <v>70</v>
      </c>
      <c r="EU9" s="61">
        <v>61</v>
      </c>
      <c r="EV9" s="61">
        <v>28</v>
      </c>
      <c r="EW9" s="61">
        <v>22</v>
      </c>
      <c r="EX9" s="61">
        <v>22</v>
      </c>
      <c r="EY9" s="62">
        <v>203</v>
      </c>
      <c r="EZ9" s="63">
        <v>311</v>
      </c>
      <c r="FA9" s="60">
        <v>55</v>
      </c>
      <c r="FB9" s="61">
        <v>81</v>
      </c>
      <c r="FC9" s="62">
        <v>136</v>
      </c>
      <c r="FD9" s="228"/>
      <c r="FE9" s="61">
        <v>109</v>
      </c>
      <c r="FF9" s="61">
        <v>73</v>
      </c>
      <c r="FG9" s="61">
        <v>59</v>
      </c>
      <c r="FH9" s="61">
        <v>46</v>
      </c>
      <c r="FI9" s="61">
        <v>34</v>
      </c>
      <c r="FJ9" s="62">
        <v>321</v>
      </c>
      <c r="FK9" s="63">
        <v>457</v>
      </c>
      <c r="FL9" s="60">
        <v>47</v>
      </c>
      <c r="FM9" s="61">
        <v>54</v>
      </c>
      <c r="FN9" s="62">
        <v>101</v>
      </c>
      <c r="FO9" s="228"/>
      <c r="FP9" s="61">
        <v>123</v>
      </c>
      <c r="FQ9" s="61">
        <v>110</v>
      </c>
      <c r="FR9" s="61">
        <v>66</v>
      </c>
      <c r="FS9" s="61">
        <v>103</v>
      </c>
      <c r="FT9" s="61">
        <v>45</v>
      </c>
      <c r="FU9" s="62">
        <v>447</v>
      </c>
      <c r="FV9" s="63">
        <v>548</v>
      </c>
      <c r="FW9" s="60">
        <v>0</v>
      </c>
      <c r="FX9" s="61">
        <v>0</v>
      </c>
      <c r="FY9" s="62">
        <v>0</v>
      </c>
      <c r="FZ9" s="228"/>
      <c r="GA9" s="61">
        <v>0</v>
      </c>
      <c r="GB9" s="61">
        <v>0</v>
      </c>
      <c r="GC9" s="61">
        <v>0</v>
      </c>
      <c r="GD9" s="61">
        <v>0</v>
      </c>
      <c r="GE9" s="61">
        <v>0</v>
      </c>
      <c r="GF9" s="62">
        <v>0</v>
      </c>
      <c r="GG9" s="63">
        <v>0</v>
      </c>
      <c r="GH9" s="60">
        <v>220</v>
      </c>
      <c r="GI9" s="61">
        <v>229</v>
      </c>
      <c r="GJ9" s="62">
        <v>449</v>
      </c>
      <c r="GK9" s="228"/>
      <c r="GL9" s="61">
        <v>368</v>
      </c>
      <c r="GM9" s="61">
        <v>278</v>
      </c>
      <c r="GN9" s="61">
        <v>181</v>
      </c>
      <c r="GO9" s="61">
        <v>189</v>
      </c>
      <c r="GP9" s="61">
        <v>119</v>
      </c>
      <c r="GQ9" s="62">
        <v>1135</v>
      </c>
      <c r="GR9" s="63">
        <v>1584</v>
      </c>
      <c r="GS9" s="113">
        <v>631</v>
      </c>
      <c r="GT9" s="72">
        <v>649</v>
      </c>
      <c r="GU9" s="73">
        <v>1280</v>
      </c>
      <c r="GV9" s="228"/>
      <c r="GW9" s="72">
        <v>1119</v>
      </c>
      <c r="GX9" s="72">
        <v>842</v>
      </c>
      <c r="GY9" s="72">
        <v>550</v>
      </c>
      <c r="GZ9" s="72">
        <v>494</v>
      </c>
      <c r="HA9" s="72">
        <v>340</v>
      </c>
      <c r="HB9" s="74">
        <v>3345</v>
      </c>
      <c r="HC9" s="75">
        <v>4625</v>
      </c>
      <c r="HD9" s="60">
        <v>22</v>
      </c>
      <c r="HE9" s="61">
        <v>29</v>
      </c>
      <c r="HF9" s="62">
        <v>51</v>
      </c>
      <c r="HG9" s="228"/>
      <c r="HH9" s="61">
        <v>27</v>
      </c>
      <c r="HI9" s="61">
        <v>34</v>
      </c>
      <c r="HJ9" s="61">
        <v>16</v>
      </c>
      <c r="HK9" s="61">
        <v>14</v>
      </c>
      <c r="HL9" s="61">
        <v>18</v>
      </c>
      <c r="HM9" s="62">
        <v>109</v>
      </c>
      <c r="HN9" s="63">
        <v>160</v>
      </c>
      <c r="HO9" s="60">
        <v>44</v>
      </c>
      <c r="HP9" s="61">
        <v>51</v>
      </c>
      <c r="HQ9" s="62">
        <v>95</v>
      </c>
      <c r="HR9" s="228"/>
      <c r="HS9" s="61">
        <v>65</v>
      </c>
      <c r="HT9" s="61">
        <v>59</v>
      </c>
      <c r="HU9" s="61">
        <v>34</v>
      </c>
      <c r="HV9" s="61">
        <v>25</v>
      </c>
      <c r="HW9" s="61">
        <v>21</v>
      </c>
      <c r="HX9" s="62">
        <v>204</v>
      </c>
      <c r="HY9" s="63">
        <v>299</v>
      </c>
      <c r="HZ9" s="60">
        <v>88</v>
      </c>
      <c r="IA9" s="61">
        <v>79</v>
      </c>
      <c r="IB9" s="62">
        <v>167</v>
      </c>
      <c r="IC9" s="228"/>
      <c r="ID9" s="61">
        <v>131</v>
      </c>
      <c r="IE9" s="61">
        <v>88</v>
      </c>
      <c r="IF9" s="61">
        <v>64</v>
      </c>
      <c r="IG9" s="61">
        <v>49</v>
      </c>
      <c r="IH9" s="61">
        <v>43</v>
      </c>
      <c r="II9" s="62">
        <v>375</v>
      </c>
      <c r="IJ9" s="63">
        <v>542</v>
      </c>
      <c r="IK9" s="60">
        <v>162</v>
      </c>
      <c r="IL9" s="61">
        <v>121</v>
      </c>
      <c r="IM9" s="62">
        <v>283</v>
      </c>
      <c r="IN9" s="228"/>
      <c r="IO9" s="61">
        <v>248</v>
      </c>
      <c r="IP9" s="61">
        <v>173</v>
      </c>
      <c r="IQ9" s="61">
        <v>88</v>
      </c>
      <c r="IR9" s="61">
        <v>77</v>
      </c>
      <c r="IS9" s="61">
        <v>62</v>
      </c>
      <c r="IT9" s="62">
        <v>648</v>
      </c>
      <c r="IU9" s="63">
        <v>931</v>
      </c>
      <c r="IV9" s="60">
        <v>167</v>
      </c>
      <c r="IW9" s="61">
        <v>191</v>
      </c>
      <c r="IX9" s="62">
        <v>358</v>
      </c>
      <c r="IY9" s="228"/>
      <c r="IZ9" s="61">
        <v>323</v>
      </c>
      <c r="JA9" s="61">
        <v>215</v>
      </c>
      <c r="JB9" s="61">
        <v>162</v>
      </c>
      <c r="JC9" s="61">
        <v>129</v>
      </c>
      <c r="JD9" s="61">
        <v>90</v>
      </c>
      <c r="JE9" s="62">
        <v>919</v>
      </c>
      <c r="JF9" s="63">
        <v>1277</v>
      </c>
      <c r="JG9" s="60">
        <v>148</v>
      </c>
      <c r="JH9" s="61">
        <v>178</v>
      </c>
      <c r="JI9" s="62">
        <v>326</v>
      </c>
      <c r="JJ9" s="228"/>
      <c r="JK9" s="61">
        <v>325</v>
      </c>
      <c r="JL9" s="61">
        <v>273</v>
      </c>
      <c r="JM9" s="61">
        <v>186</v>
      </c>
      <c r="JN9" s="61">
        <v>200</v>
      </c>
      <c r="JO9" s="61">
        <v>106</v>
      </c>
      <c r="JP9" s="62">
        <v>1090</v>
      </c>
      <c r="JQ9" s="63">
        <v>1416</v>
      </c>
      <c r="JR9" s="60">
        <v>0</v>
      </c>
      <c r="JS9" s="61">
        <v>0</v>
      </c>
      <c r="JT9" s="62">
        <v>0</v>
      </c>
      <c r="JU9" s="228"/>
      <c r="JV9" s="61">
        <v>0</v>
      </c>
      <c r="JW9" s="61">
        <v>0</v>
      </c>
      <c r="JX9" s="61">
        <v>0</v>
      </c>
      <c r="JY9" s="61">
        <v>0</v>
      </c>
      <c r="JZ9" s="61">
        <v>0</v>
      </c>
      <c r="KA9" s="62">
        <v>0</v>
      </c>
      <c r="KB9" s="63">
        <v>0</v>
      </c>
      <c r="KC9" s="60">
        <v>631</v>
      </c>
      <c r="KD9" s="61">
        <v>649</v>
      </c>
      <c r="KE9" s="62">
        <v>1280</v>
      </c>
      <c r="KF9" s="228"/>
      <c r="KG9" s="61">
        <v>1119</v>
      </c>
      <c r="KH9" s="61">
        <v>842</v>
      </c>
      <c r="KI9" s="61">
        <v>550</v>
      </c>
      <c r="KJ9" s="61">
        <v>494</v>
      </c>
      <c r="KK9" s="61">
        <v>340</v>
      </c>
      <c r="KL9" s="62">
        <v>3345</v>
      </c>
      <c r="KM9" s="63">
        <v>4625</v>
      </c>
    </row>
    <row r="10" spans="2:299" ht="21" customHeight="1" x14ac:dyDescent="0.2">
      <c r="B10" s="472" t="s">
        <v>14</v>
      </c>
      <c r="C10" s="293">
        <v>186</v>
      </c>
      <c r="D10" s="72">
        <v>198</v>
      </c>
      <c r="E10" s="73">
        <v>384</v>
      </c>
      <c r="F10" s="228"/>
      <c r="G10" s="72">
        <v>227</v>
      </c>
      <c r="H10" s="72">
        <v>256</v>
      </c>
      <c r="I10" s="72">
        <v>160</v>
      </c>
      <c r="J10" s="72">
        <v>134</v>
      </c>
      <c r="K10" s="72">
        <v>82</v>
      </c>
      <c r="L10" s="74">
        <v>859</v>
      </c>
      <c r="M10" s="75">
        <v>1243</v>
      </c>
      <c r="N10" s="60">
        <v>0</v>
      </c>
      <c r="O10" s="61">
        <v>7</v>
      </c>
      <c r="P10" s="62">
        <v>7</v>
      </c>
      <c r="Q10" s="228"/>
      <c r="R10" s="61">
        <v>6</v>
      </c>
      <c r="S10" s="61">
        <v>7</v>
      </c>
      <c r="T10" s="61">
        <v>9</v>
      </c>
      <c r="U10" s="61">
        <v>9</v>
      </c>
      <c r="V10" s="61">
        <v>4</v>
      </c>
      <c r="W10" s="62">
        <v>35</v>
      </c>
      <c r="X10" s="63">
        <v>42</v>
      </c>
      <c r="Y10" s="60">
        <v>21</v>
      </c>
      <c r="Z10" s="61">
        <v>22</v>
      </c>
      <c r="AA10" s="62">
        <v>43</v>
      </c>
      <c r="AB10" s="228"/>
      <c r="AC10" s="61">
        <v>23</v>
      </c>
      <c r="AD10" s="61">
        <v>21</v>
      </c>
      <c r="AE10" s="61">
        <v>12</v>
      </c>
      <c r="AF10" s="61">
        <v>7</v>
      </c>
      <c r="AG10" s="61">
        <v>9</v>
      </c>
      <c r="AH10" s="62">
        <v>72</v>
      </c>
      <c r="AI10" s="63">
        <v>115</v>
      </c>
      <c r="AJ10" s="60">
        <v>21</v>
      </c>
      <c r="AK10" s="61">
        <v>37</v>
      </c>
      <c r="AL10" s="62">
        <v>58</v>
      </c>
      <c r="AM10" s="228"/>
      <c r="AN10" s="61">
        <v>23</v>
      </c>
      <c r="AO10" s="61">
        <v>37</v>
      </c>
      <c r="AP10" s="61">
        <v>14</v>
      </c>
      <c r="AQ10" s="61">
        <v>15</v>
      </c>
      <c r="AR10" s="61">
        <v>15</v>
      </c>
      <c r="AS10" s="62">
        <v>104</v>
      </c>
      <c r="AT10" s="63">
        <v>162</v>
      </c>
      <c r="AU10" s="60">
        <v>44</v>
      </c>
      <c r="AV10" s="61">
        <v>41</v>
      </c>
      <c r="AW10" s="62">
        <v>85</v>
      </c>
      <c r="AX10" s="228"/>
      <c r="AY10" s="61">
        <v>62</v>
      </c>
      <c r="AZ10" s="61">
        <v>50</v>
      </c>
      <c r="BA10" s="61">
        <v>29</v>
      </c>
      <c r="BB10" s="61">
        <v>26</v>
      </c>
      <c r="BC10" s="61">
        <v>18</v>
      </c>
      <c r="BD10" s="62">
        <v>185</v>
      </c>
      <c r="BE10" s="63">
        <v>270</v>
      </c>
      <c r="BF10" s="60">
        <v>58</v>
      </c>
      <c r="BG10" s="61">
        <v>49</v>
      </c>
      <c r="BH10" s="62">
        <v>107</v>
      </c>
      <c r="BI10" s="228"/>
      <c r="BJ10" s="61">
        <v>59</v>
      </c>
      <c r="BK10" s="61">
        <v>82</v>
      </c>
      <c r="BL10" s="61">
        <v>56</v>
      </c>
      <c r="BM10" s="61">
        <v>33</v>
      </c>
      <c r="BN10" s="61">
        <v>23</v>
      </c>
      <c r="BO10" s="62">
        <v>253</v>
      </c>
      <c r="BP10" s="63">
        <v>360</v>
      </c>
      <c r="BQ10" s="60">
        <v>42</v>
      </c>
      <c r="BR10" s="61">
        <v>42</v>
      </c>
      <c r="BS10" s="62">
        <v>84</v>
      </c>
      <c r="BT10" s="228"/>
      <c r="BU10" s="61">
        <v>54</v>
      </c>
      <c r="BV10" s="61">
        <v>59</v>
      </c>
      <c r="BW10" s="61">
        <v>40</v>
      </c>
      <c r="BX10" s="61">
        <v>44</v>
      </c>
      <c r="BY10" s="61">
        <v>13</v>
      </c>
      <c r="BZ10" s="62">
        <v>210</v>
      </c>
      <c r="CA10" s="63">
        <v>294</v>
      </c>
      <c r="CB10" s="60">
        <v>0</v>
      </c>
      <c r="CC10" s="61">
        <v>0</v>
      </c>
      <c r="CD10" s="62">
        <v>0</v>
      </c>
      <c r="CE10" s="228"/>
      <c r="CF10" s="61">
        <v>0</v>
      </c>
      <c r="CG10" s="61">
        <v>0</v>
      </c>
      <c r="CH10" s="61">
        <v>0</v>
      </c>
      <c r="CI10" s="61">
        <v>0</v>
      </c>
      <c r="CJ10" s="61">
        <v>0</v>
      </c>
      <c r="CK10" s="62">
        <v>0</v>
      </c>
      <c r="CL10" s="63">
        <v>0</v>
      </c>
      <c r="CM10" s="60">
        <v>186</v>
      </c>
      <c r="CN10" s="61">
        <v>198</v>
      </c>
      <c r="CO10" s="62">
        <v>384</v>
      </c>
      <c r="CP10" s="228"/>
      <c r="CQ10" s="61">
        <v>227</v>
      </c>
      <c r="CR10" s="61">
        <v>256</v>
      </c>
      <c r="CS10" s="61">
        <v>160</v>
      </c>
      <c r="CT10" s="61">
        <v>134</v>
      </c>
      <c r="CU10" s="61">
        <v>82</v>
      </c>
      <c r="CV10" s="62">
        <v>859</v>
      </c>
      <c r="CW10" s="63">
        <v>1243</v>
      </c>
      <c r="CX10" s="113">
        <v>59</v>
      </c>
      <c r="CY10" s="72">
        <v>76</v>
      </c>
      <c r="CZ10" s="73">
        <v>135</v>
      </c>
      <c r="DA10" s="228"/>
      <c r="DB10" s="72">
        <v>100</v>
      </c>
      <c r="DC10" s="72">
        <v>122</v>
      </c>
      <c r="DD10" s="72">
        <v>74</v>
      </c>
      <c r="DE10" s="72">
        <v>75</v>
      </c>
      <c r="DF10" s="72">
        <v>45</v>
      </c>
      <c r="DG10" s="74">
        <v>416</v>
      </c>
      <c r="DH10" s="75">
        <v>551</v>
      </c>
      <c r="DI10" s="60">
        <v>0</v>
      </c>
      <c r="DJ10" s="61">
        <v>2</v>
      </c>
      <c r="DK10" s="62">
        <v>2</v>
      </c>
      <c r="DL10" s="228"/>
      <c r="DM10" s="61">
        <v>3</v>
      </c>
      <c r="DN10" s="61">
        <v>4</v>
      </c>
      <c r="DO10" s="61">
        <v>1</v>
      </c>
      <c r="DP10" s="61">
        <v>2</v>
      </c>
      <c r="DQ10" s="61">
        <v>2</v>
      </c>
      <c r="DR10" s="62">
        <v>12</v>
      </c>
      <c r="DS10" s="63">
        <v>14</v>
      </c>
      <c r="DT10" s="60">
        <v>4</v>
      </c>
      <c r="DU10" s="61">
        <v>2</v>
      </c>
      <c r="DV10" s="62">
        <v>6</v>
      </c>
      <c r="DW10" s="228"/>
      <c r="DX10" s="61">
        <v>6</v>
      </c>
      <c r="DY10" s="61">
        <v>6</v>
      </c>
      <c r="DZ10" s="61">
        <v>4</v>
      </c>
      <c r="EA10" s="61">
        <v>0</v>
      </c>
      <c r="EB10" s="61">
        <v>0</v>
      </c>
      <c r="EC10" s="62">
        <v>16</v>
      </c>
      <c r="ED10" s="63">
        <v>22</v>
      </c>
      <c r="EE10" s="60">
        <v>13</v>
      </c>
      <c r="EF10" s="61">
        <v>14</v>
      </c>
      <c r="EG10" s="62">
        <v>27</v>
      </c>
      <c r="EH10" s="228"/>
      <c r="EI10" s="61">
        <v>10</v>
      </c>
      <c r="EJ10" s="61">
        <v>11</v>
      </c>
      <c r="EK10" s="61">
        <v>4</v>
      </c>
      <c r="EL10" s="61">
        <v>5</v>
      </c>
      <c r="EM10" s="61">
        <v>7</v>
      </c>
      <c r="EN10" s="62">
        <v>37</v>
      </c>
      <c r="EO10" s="63">
        <v>64</v>
      </c>
      <c r="EP10" s="60">
        <v>20</v>
      </c>
      <c r="EQ10" s="61">
        <v>16</v>
      </c>
      <c r="ER10" s="62">
        <v>36</v>
      </c>
      <c r="ES10" s="228"/>
      <c r="ET10" s="61">
        <v>13</v>
      </c>
      <c r="EU10" s="61">
        <v>27</v>
      </c>
      <c r="EV10" s="61">
        <v>13</v>
      </c>
      <c r="EW10" s="61">
        <v>11</v>
      </c>
      <c r="EX10" s="61">
        <v>8</v>
      </c>
      <c r="EY10" s="62">
        <v>72</v>
      </c>
      <c r="EZ10" s="63">
        <v>108</v>
      </c>
      <c r="FA10" s="60">
        <v>11</v>
      </c>
      <c r="FB10" s="61">
        <v>26</v>
      </c>
      <c r="FC10" s="62">
        <v>37</v>
      </c>
      <c r="FD10" s="228"/>
      <c r="FE10" s="61">
        <v>35</v>
      </c>
      <c r="FF10" s="61">
        <v>31</v>
      </c>
      <c r="FG10" s="61">
        <v>13</v>
      </c>
      <c r="FH10" s="61">
        <v>23</v>
      </c>
      <c r="FI10" s="61">
        <v>11</v>
      </c>
      <c r="FJ10" s="62">
        <v>113</v>
      </c>
      <c r="FK10" s="63">
        <v>150</v>
      </c>
      <c r="FL10" s="60">
        <v>11</v>
      </c>
      <c r="FM10" s="61">
        <v>16</v>
      </c>
      <c r="FN10" s="62">
        <v>27</v>
      </c>
      <c r="FO10" s="228"/>
      <c r="FP10" s="61">
        <v>33</v>
      </c>
      <c r="FQ10" s="61">
        <v>43</v>
      </c>
      <c r="FR10" s="61">
        <v>39</v>
      </c>
      <c r="FS10" s="61">
        <v>34</v>
      </c>
      <c r="FT10" s="61">
        <v>17</v>
      </c>
      <c r="FU10" s="62">
        <v>166</v>
      </c>
      <c r="FV10" s="63">
        <v>193</v>
      </c>
      <c r="FW10" s="60">
        <v>0</v>
      </c>
      <c r="FX10" s="61">
        <v>0</v>
      </c>
      <c r="FY10" s="62">
        <v>0</v>
      </c>
      <c r="FZ10" s="228"/>
      <c r="GA10" s="61">
        <v>0</v>
      </c>
      <c r="GB10" s="61">
        <v>0</v>
      </c>
      <c r="GC10" s="61">
        <v>0</v>
      </c>
      <c r="GD10" s="61">
        <v>0</v>
      </c>
      <c r="GE10" s="61">
        <v>0</v>
      </c>
      <c r="GF10" s="62">
        <v>0</v>
      </c>
      <c r="GG10" s="63">
        <v>0</v>
      </c>
      <c r="GH10" s="60">
        <v>59</v>
      </c>
      <c r="GI10" s="61">
        <v>76</v>
      </c>
      <c r="GJ10" s="62">
        <v>135</v>
      </c>
      <c r="GK10" s="228"/>
      <c r="GL10" s="61">
        <v>100</v>
      </c>
      <c r="GM10" s="61">
        <v>122</v>
      </c>
      <c r="GN10" s="61">
        <v>74</v>
      </c>
      <c r="GO10" s="61">
        <v>75</v>
      </c>
      <c r="GP10" s="61">
        <v>45</v>
      </c>
      <c r="GQ10" s="62">
        <v>416</v>
      </c>
      <c r="GR10" s="63">
        <v>551</v>
      </c>
      <c r="GS10" s="113">
        <v>245</v>
      </c>
      <c r="GT10" s="72">
        <v>274</v>
      </c>
      <c r="GU10" s="73">
        <v>519</v>
      </c>
      <c r="GV10" s="228"/>
      <c r="GW10" s="72">
        <v>327</v>
      </c>
      <c r="GX10" s="72">
        <v>378</v>
      </c>
      <c r="GY10" s="72">
        <v>234</v>
      </c>
      <c r="GZ10" s="72">
        <v>209</v>
      </c>
      <c r="HA10" s="72">
        <v>127</v>
      </c>
      <c r="HB10" s="74">
        <v>1275</v>
      </c>
      <c r="HC10" s="75">
        <v>1794</v>
      </c>
      <c r="HD10" s="60">
        <v>0</v>
      </c>
      <c r="HE10" s="61">
        <v>9</v>
      </c>
      <c r="HF10" s="62">
        <v>9</v>
      </c>
      <c r="HG10" s="228"/>
      <c r="HH10" s="61">
        <v>9</v>
      </c>
      <c r="HI10" s="61">
        <v>11</v>
      </c>
      <c r="HJ10" s="61">
        <v>10</v>
      </c>
      <c r="HK10" s="61">
        <v>11</v>
      </c>
      <c r="HL10" s="61">
        <v>6</v>
      </c>
      <c r="HM10" s="62">
        <v>47</v>
      </c>
      <c r="HN10" s="63">
        <v>56</v>
      </c>
      <c r="HO10" s="60">
        <v>25</v>
      </c>
      <c r="HP10" s="61">
        <v>24</v>
      </c>
      <c r="HQ10" s="62">
        <v>49</v>
      </c>
      <c r="HR10" s="228"/>
      <c r="HS10" s="61">
        <v>29</v>
      </c>
      <c r="HT10" s="61">
        <v>27</v>
      </c>
      <c r="HU10" s="61">
        <v>16</v>
      </c>
      <c r="HV10" s="61">
        <v>7</v>
      </c>
      <c r="HW10" s="61">
        <v>9</v>
      </c>
      <c r="HX10" s="62">
        <v>88</v>
      </c>
      <c r="HY10" s="63">
        <v>137</v>
      </c>
      <c r="HZ10" s="60">
        <v>34</v>
      </c>
      <c r="IA10" s="61">
        <v>51</v>
      </c>
      <c r="IB10" s="62">
        <v>85</v>
      </c>
      <c r="IC10" s="228"/>
      <c r="ID10" s="61">
        <v>33</v>
      </c>
      <c r="IE10" s="61">
        <v>48</v>
      </c>
      <c r="IF10" s="61">
        <v>18</v>
      </c>
      <c r="IG10" s="61">
        <v>20</v>
      </c>
      <c r="IH10" s="61">
        <v>22</v>
      </c>
      <c r="II10" s="62">
        <v>141</v>
      </c>
      <c r="IJ10" s="63">
        <v>226</v>
      </c>
      <c r="IK10" s="60">
        <v>64</v>
      </c>
      <c r="IL10" s="61">
        <v>57</v>
      </c>
      <c r="IM10" s="62">
        <v>121</v>
      </c>
      <c r="IN10" s="228"/>
      <c r="IO10" s="61">
        <v>75</v>
      </c>
      <c r="IP10" s="61">
        <v>77</v>
      </c>
      <c r="IQ10" s="61">
        <v>42</v>
      </c>
      <c r="IR10" s="61">
        <v>37</v>
      </c>
      <c r="IS10" s="61">
        <v>26</v>
      </c>
      <c r="IT10" s="62">
        <v>257</v>
      </c>
      <c r="IU10" s="63">
        <v>378</v>
      </c>
      <c r="IV10" s="60">
        <v>69</v>
      </c>
      <c r="IW10" s="61">
        <v>75</v>
      </c>
      <c r="IX10" s="62">
        <v>144</v>
      </c>
      <c r="IY10" s="228"/>
      <c r="IZ10" s="61">
        <v>94</v>
      </c>
      <c r="JA10" s="61">
        <v>113</v>
      </c>
      <c r="JB10" s="61">
        <v>69</v>
      </c>
      <c r="JC10" s="61">
        <v>56</v>
      </c>
      <c r="JD10" s="61">
        <v>34</v>
      </c>
      <c r="JE10" s="62">
        <v>366</v>
      </c>
      <c r="JF10" s="63">
        <v>510</v>
      </c>
      <c r="JG10" s="60">
        <v>53</v>
      </c>
      <c r="JH10" s="61">
        <v>58</v>
      </c>
      <c r="JI10" s="62">
        <v>111</v>
      </c>
      <c r="JJ10" s="228"/>
      <c r="JK10" s="61">
        <v>87</v>
      </c>
      <c r="JL10" s="61">
        <v>102</v>
      </c>
      <c r="JM10" s="61">
        <v>79</v>
      </c>
      <c r="JN10" s="61">
        <v>78</v>
      </c>
      <c r="JO10" s="61">
        <v>30</v>
      </c>
      <c r="JP10" s="62">
        <v>376</v>
      </c>
      <c r="JQ10" s="63">
        <v>487</v>
      </c>
      <c r="JR10" s="60">
        <v>0</v>
      </c>
      <c r="JS10" s="61">
        <v>0</v>
      </c>
      <c r="JT10" s="62">
        <v>0</v>
      </c>
      <c r="JU10" s="228"/>
      <c r="JV10" s="61">
        <v>0</v>
      </c>
      <c r="JW10" s="61">
        <v>0</v>
      </c>
      <c r="JX10" s="61">
        <v>0</v>
      </c>
      <c r="JY10" s="61">
        <v>0</v>
      </c>
      <c r="JZ10" s="61">
        <v>0</v>
      </c>
      <c r="KA10" s="62">
        <v>0</v>
      </c>
      <c r="KB10" s="63">
        <v>0</v>
      </c>
      <c r="KC10" s="60">
        <v>245</v>
      </c>
      <c r="KD10" s="61">
        <v>274</v>
      </c>
      <c r="KE10" s="62">
        <v>519</v>
      </c>
      <c r="KF10" s="228"/>
      <c r="KG10" s="61">
        <v>327</v>
      </c>
      <c r="KH10" s="61">
        <v>378</v>
      </c>
      <c r="KI10" s="61">
        <v>234</v>
      </c>
      <c r="KJ10" s="61">
        <v>209</v>
      </c>
      <c r="KK10" s="61">
        <v>127</v>
      </c>
      <c r="KL10" s="62">
        <v>1275</v>
      </c>
      <c r="KM10" s="63">
        <v>1794</v>
      </c>
    </row>
    <row r="11" spans="2:299" ht="21" customHeight="1" x14ac:dyDescent="0.2">
      <c r="B11" s="472" t="s">
        <v>7</v>
      </c>
      <c r="C11" s="293">
        <v>151</v>
      </c>
      <c r="D11" s="72">
        <v>79</v>
      </c>
      <c r="E11" s="73">
        <v>230</v>
      </c>
      <c r="F11" s="228"/>
      <c r="G11" s="72">
        <v>226</v>
      </c>
      <c r="H11" s="72">
        <v>122</v>
      </c>
      <c r="I11" s="72">
        <v>60</v>
      </c>
      <c r="J11" s="72">
        <v>67</v>
      </c>
      <c r="K11" s="72">
        <v>43</v>
      </c>
      <c r="L11" s="74">
        <v>518</v>
      </c>
      <c r="M11" s="75">
        <v>748</v>
      </c>
      <c r="N11" s="60">
        <v>4</v>
      </c>
      <c r="O11" s="61">
        <v>3</v>
      </c>
      <c r="P11" s="62">
        <v>7</v>
      </c>
      <c r="Q11" s="228"/>
      <c r="R11" s="61">
        <v>2</v>
      </c>
      <c r="S11" s="61">
        <v>5</v>
      </c>
      <c r="T11" s="61">
        <v>4</v>
      </c>
      <c r="U11" s="61">
        <v>4</v>
      </c>
      <c r="V11" s="61">
        <v>2</v>
      </c>
      <c r="W11" s="62">
        <v>17</v>
      </c>
      <c r="X11" s="63">
        <v>24</v>
      </c>
      <c r="Y11" s="60">
        <v>14</v>
      </c>
      <c r="Z11" s="61">
        <v>7</v>
      </c>
      <c r="AA11" s="62">
        <v>21</v>
      </c>
      <c r="AB11" s="228"/>
      <c r="AC11" s="61">
        <v>16</v>
      </c>
      <c r="AD11" s="61">
        <v>4</v>
      </c>
      <c r="AE11" s="61">
        <v>6</v>
      </c>
      <c r="AF11" s="61">
        <v>3</v>
      </c>
      <c r="AG11" s="61">
        <v>7</v>
      </c>
      <c r="AH11" s="62">
        <v>36</v>
      </c>
      <c r="AI11" s="63">
        <v>57</v>
      </c>
      <c r="AJ11" s="60">
        <v>14</v>
      </c>
      <c r="AK11" s="61">
        <v>14</v>
      </c>
      <c r="AL11" s="62">
        <v>28</v>
      </c>
      <c r="AM11" s="228"/>
      <c r="AN11" s="61">
        <v>20</v>
      </c>
      <c r="AO11" s="61">
        <v>15</v>
      </c>
      <c r="AP11" s="61">
        <v>8</v>
      </c>
      <c r="AQ11" s="61">
        <v>10</v>
      </c>
      <c r="AR11" s="61">
        <v>6</v>
      </c>
      <c r="AS11" s="62">
        <v>59</v>
      </c>
      <c r="AT11" s="63">
        <v>87</v>
      </c>
      <c r="AU11" s="60">
        <v>36</v>
      </c>
      <c r="AV11" s="61">
        <v>19</v>
      </c>
      <c r="AW11" s="62">
        <v>55</v>
      </c>
      <c r="AX11" s="228"/>
      <c r="AY11" s="61">
        <v>57</v>
      </c>
      <c r="AZ11" s="61">
        <v>21</v>
      </c>
      <c r="BA11" s="61">
        <v>13</v>
      </c>
      <c r="BB11" s="61">
        <v>6</v>
      </c>
      <c r="BC11" s="61">
        <v>8</v>
      </c>
      <c r="BD11" s="62">
        <v>105</v>
      </c>
      <c r="BE11" s="63">
        <v>160</v>
      </c>
      <c r="BF11" s="60">
        <v>46</v>
      </c>
      <c r="BG11" s="61">
        <v>18</v>
      </c>
      <c r="BH11" s="62">
        <v>64</v>
      </c>
      <c r="BI11" s="228"/>
      <c r="BJ11" s="61">
        <v>69</v>
      </c>
      <c r="BK11" s="61">
        <v>40</v>
      </c>
      <c r="BL11" s="61">
        <v>9</v>
      </c>
      <c r="BM11" s="61">
        <v>21</v>
      </c>
      <c r="BN11" s="61">
        <v>13</v>
      </c>
      <c r="BO11" s="62">
        <v>152</v>
      </c>
      <c r="BP11" s="63">
        <v>216</v>
      </c>
      <c r="BQ11" s="60">
        <v>37</v>
      </c>
      <c r="BR11" s="61">
        <v>18</v>
      </c>
      <c r="BS11" s="62">
        <v>55</v>
      </c>
      <c r="BT11" s="228"/>
      <c r="BU11" s="61">
        <v>62</v>
      </c>
      <c r="BV11" s="61">
        <v>37</v>
      </c>
      <c r="BW11" s="61">
        <v>20</v>
      </c>
      <c r="BX11" s="61">
        <v>23</v>
      </c>
      <c r="BY11" s="61">
        <v>7</v>
      </c>
      <c r="BZ11" s="62">
        <v>149</v>
      </c>
      <c r="CA11" s="63">
        <v>204</v>
      </c>
      <c r="CB11" s="60">
        <v>0</v>
      </c>
      <c r="CC11" s="61">
        <v>0</v>
      </c>
      <c r="CD11" s="62">
        <v>0</v>
      </c>
      <c r="CE11" s="228"/>
      <c r="CF11" s="61">
        <v>0</v>
      </c>
      <c r="CG11" s="61">
        <v>0</v>
      </c>
      <c r="CH11" s="61">
        <v>0</v>
      </c>
      <c r="CI11" s="61">
        <v>0</v>
      </c>
      <c r="CJ11" s="61">
        <v>0</v>
      </c>
      <c r="CK11" s="62">
        <v>0</v>
      </c>
      <c r="CL11" s="63">
        <v>0</v>
      </c>
      <c r="CM11" s="60">
        <v>151</v>
      </c>
      <c r="CN11" s="61">
        <v>79</v>
      </c>
      <c r="CO11" s="62">
        <v>230</v>
      </c>
      <c r="CP11" s="228"/>
      <c r="CQ11" s="61">
        <v>226</v>
      </c>
      <c r="CR11" s="61">
        <v>122</v>
      </c>
      <c r="CS11" s="61">
        <v>60</v>
      </c>
      <c r="CT11" s="61">
        <v>67</v>
      </c>
      <c r="CU11" s="61">
        <v>43</v>
      </c>
      <c r="CV11" s="62">
        <v>518</v>
      </c>
      <c r="CW11" s="63">
        <v>748</v>
      </c>
      <c r="CX11" s="113">
        <v>42</v>
      </c>
      <c r="CY11" s="72">
        <v>44</v>
      </c>
      <c r="CZ11" s="73">
        <v>86</v>
      </c>
      <c r="DA11" s="228"/>
      <c r="DB11" s="72">
        <v>65</v>
      </c>
      <c r="DC11" s="72">
        <v>35</v>
      </c>
      <c r="DD11" s="72">
        <v>30</v>
      </c>
      <c r="DE11" s="72">
        <v>26</v>
      </c>
      <c r="DF11" s="72">
        <v>21</v>
      </c>
      <c r="DG11" s="74">
        <v>177</v>
      </c>
      <c r="DH11" s="75">
        <v>263</v>
      </c>
      <c r="DI11" s="60">
        <v>0</v>
      </c>
      <c r="DJ11" s="61">
        <v>0</v>
      </c>
      <c r="DK11" s="62">
        <v>0</v>
      </c>
      <c r="DL11" s="228"/>
      <c r="DM11" s="61">
        <v>2</v>
      </c>
      <c r="DN11" s="61">
        <v>1</v>
      </c>
      <c r="DO11" s="61">
        <v>2</v>
      </c>
      <c r="DP11" s="61">
        <v>0</v>
      </c>
      <c r="DQ11" s="61">
        <v>0</v>
      </c>
      <c r="DR11" s="62">
        <v>5</v>
      </c>
      <c r="DS11" s="63">
        <v>5</v>
      </c>
      <c r="DT11" s="60">
        <v>1</v>
      </c>
      <c r="DU11" s="61">
        <v>1</v>
      </c>
      <c r="DV11" s="62">
        <v>2</v>
      </c>
      <c r="DW11" s="228"/>
      <c r="DX11" s="61">
        <v>3</v>
      </c>
      <c r="DY11" s="61">
        <v>2</v>
      </c>
      <c r="DZ11" s="61">
        <v>3</v>
      </c>
      <c r="EA11" s="61">
        <v>0</v>
      </c>
      <c r="EB11" s="61">
        <v>2</v>
      </c>
      <c r="EC11" s="62">
        <v>10</v>
      </c>
      <c r="ED11" s="63">
        <v>12</v>
      </c>
      <c r="EE11" s="60">
        <v>4</v>
      </c>
      <c r="EF11" s="61">
        <v>10</v>
      </c>
      <c r="EG11" s="62">
        <v>14</v>
      </c>
      <c r="EH11" s="228"/>
      <c r="EI11" s="61">
        <v>13</v>
      </c>
      <c r="EJ11" s="61">
        <v>2</v>
      </c>
      <c r="EK11" s="61">
        <v>1</v>
      </c>
      <c r="EL11" s="61">
        <v>3</v>
      </c>
      <c r="EM11" s="61">
        <v>2</v>
      </c>
      <c r="EN11" s="62">
        <v>21</v>
      </c>
      <c r="EO11" s="63">
        <v>35</v>
      </c>
      <c r="EP11" s="60">
        <v>14</v>
      </c>
      <c r="EQ11" s="61">
        <v>11</v>
      </c>
      <c r="ER11" s="62">
        <v>25</v>
      </c>
      <c r="ES11" s="228"/>
      <c r="ET11" s="61">
        <v>11</v>
      </c>
      <c r="EU11" s="61">
        <v>10</v>
      </c>
      <c r="EV11" s="61">
        <v>4</v>
      </c>
      <c r="EW11" s="61">
        <v>3</v>
      </c>
      <c r="EX11" s="61">
        <v>3</v>
      </c>
      <c r="EY11" s="62">
        <v>31</v>
      </c>
      <c r="EZ11" s="63">
        <v>56</v>
      </c>
      <c r="FA11" s="60">
        <v>11</v>
      </c>
      <c r="FB11" s="61">
        <v>13</v>
      </c>
      <c r="FC11" s="62">
        <v>24</v>
      </c>
      <c r="FD11" s="228"/>
      <c r="FE11" s="61">
        <v>23</v>
      </c>
      <c r="FF11" s="61">
        <v>4</v>
      </c>
      <c r="FG11" s="61">
        <v>7</v>
      </c>
      <c r="FH11" s="61">
        <v>10</v>
      </c>
      <c r="FI11" s="61">
        <v>9</v>
      </c>
      <c r="FJ11" s="62">
        <v>53</v>
      </c>
      <c r="FK11" s="63">
        <v>77</v>
      </c>
      <c r="FL11" s="60">
        <v>12</v>
      </c>
      <c r="FM11" s="61">
        <v>9</v>
      </c>
      <c r="FN11" s="62">
        <v>21</v>
      </c>
      <c r="FO11" s="228"/>
      <c r="FP11" s="61">
        <v>13</v>
      </c>
      <c r="FQ11" s="61">
        <v>16</v>
      </c>
      <c r="FR11" s="61">
        <v>13</v>
      </c>
      <c r="FS11" s="61">
        <v>10</v>
      </c>
      <c r="FT11" s="61">
        <v>5</v>
      </c>
      <c r="FU11" s="62">
        <v>57</v>
      </c>
      <c r="FV11" s="63">
        <v>78</v>
      </c>
      <c r="FW11" s="60">
        <v>0</v>
      </c>
      <c r="FX11" s="61">
        <v>0</v>
      </c>
      <c r="FY11" s="62">
        <v>0</v>
      </c>
      <c r="FZ11" s="228"/>
      <c r="GA11" s="61">
        <v>0</v>
      </c>
      <c r="GB11" s="61">
        <v>0</v>
      </c>
      <c r="GC11" s="61">
        <v>0</v>
      </c>
      <c r="GD11" s="61">
        <v>0</v>
      </c>
      <c r="GE11" s="61">
        <v>0</v>
      </c>
      <c r="GF11" s="62">
        <v>0</v>
      </c>
      <c r="GG11" s="63">
        <v>0</v>
      </c>
      <c r="GH11" s="60">
        <v>42</v>
      </c>
      <c r="GI11" s="61">
        <v>44</v>
      </c>
      <c r="GJ11" s="62">
        <v>86</v>
      </c>
      <c r="GK11" s="228"/>
      <c r="GL11" s="61">
        <v>65</v>
      </c>
      <c r="GM11" s="61">
        <v>35</v>
      </c>
      <c r="GN11" s="61">
        <v>30</v>
      </c>
      <c r="GO11" s="61">
        <v>26</v>
      </c>
      <c r="GP11" s="61">
        <v>21</v>
      </c>
      <c r="GQ11" s="62">
        <v>177</v>
      </c>
      <c r="GR11" s="63">
        <v>263</v>
      </c>
      <c r="GS11" s="113">
        <v>193</v>
      </c>
      <c r="GT11" s="72">
        <v>123</v>
      </c>
      <c r="GU11" s="73">
        <v>316</v>
      </c>
      <c r="GV11" s="228"/>
      <c r="GW11" s="72">
        <v>291</v>
      </c>
      <c r="GX11" s="72">
        <v>157</v>
      </c>
      <c r="GY11" s="72">
        <v>90</v>
      </c>
      <c r="GZ11" s="72">
        <v>93</v>
      </c>
      <c r="HA11" s="72">
        <v>64</v>
      </c>
      <c r="HB11" s="74">
        <v>695</v>
      </c>
      <c r="HC11" s="75">
        <v>1011</v>
      </c>
      <c r="HD11" s="60">
        <v>4</v>
      </c>
      <c r="HE11" s="61">
        <v>3</v>
      </c>
      <c r="HF11" s="62">
        <v>7</v>
      </c>
      <c r="HG11" s="228"/>
      <c r="HH11" s="61">
        <v>4</v>
      </c>
      <c r="HI11" s="61">
        <v>6</v>
      </c>
      <c r="HJ11" s="61">
        <v>6</v>
      </c>
      <c r="HK11" s="61">
        <v>4</v>
      </c>
      <c r="HL11" s="61">
        <v>2</v>
      </c>
      <c r="HM11" s="62">
        <v>22</v>
      </c>
      <c r="HN11" s="63">
        <v>29</v>
      </c>
      <c r="HO11" s="60">
        <v>15</v>
      </c>
      <c r="HP11" s="61">
        <v>8</v>
      </c>
      <c r="HQ11" s="62">
        <v>23</v>
      </c>
      <c r="HR11" s="228"/>
      <c r="HS11" s="61">
        <v>19</v>
      </c>
      <c r="HT11" s="61">
        <v>6</v>
      </c>
      <c r="HU11" s="61">
        <v>9</v>
      </c>
      <c r="HV11" s="61">
        <v>3</v>
      </c>
      <c r="HW11" s="61">
        <v>9</v>
      </c>
      <c r="HX11" s="62">
        <v>46</v>
      </c>
      <c r="HY11" s="63">
        <v>69</v>
      </c>
      <c r="HZ11" s="60">
        <v>18</v>
      </c>
      <c r="IA11" s="61">
        <v>24</v>
      </c>
      <c r="IB11" s="62">
        <v>42</v>
      </c>
      <c r="IC11" s="228"/>
      <c r="ID11" s="61">
        <v>33</v>
      </c>
      <c r="IE11" s="61">
        <v>17</v>
      </c>
      <c r="IF11" s="61">
        <v>9</v>
      </c>
      <c r="IG11" s="61">
        <v>13</v>
      </c>
      <c r="IH11" s="61">
        <v>8</v>
      </c>
      <c r="II11" s="62">
        <v>80</v>
      </c>
      <c r="IJ11" s="63">
        <v>122</v>
      </c>
      <c r="IK11" s="60">
        <v>50</v>
      </c>
      <c r="IL11" s="61">
        <v>30</v>
      </c>
      <c r="IM11" s="62">
        <v>80</v>
      </c>
      <c r="IN11" s="228"/>
      <c r="IO11" s="61">
        <v>68</v>
      </c>
      <c r="IP11" s="61">
        <v>31</v>
      </c>
      <c r="IQ11" s="61">
        <v>17</v>
      </c>
      <c r="IR11" s="61">
        <v>9</v>
      </c>
      <c r="IS11" s="61">
        <v>11</v>
      </c>
      <c r="IT11" s="62">
        <v>136</v>
      </c>
      <c r="IU11" s="63">
        <v>216</v>
      </c>
      <c r="IV11" s="60">
        <v>57</v>
      </c>
      <c r="IW11" s="61">
        <v>31</v>
      </c>
      <c r="IX11" s="62">
        <v>88</v>
      </c>
      <c r="IY11" s="228"/>
      <c r="IZ11" s="61">
        <v>92</v>
      </c>
      <c r="JA11" s="61">
        <v>44</v>
      </c>
      <c r="JB11" s="61">
        <v>16</v>
      </c>
      <c r="JC11" s="61">
        <v>31</v>
      </c>
      <c r="JD11" s="61">
        <v>22</v>
      </c>
      <c r="JE11" s="62">
        <v>205</v>
      </c>
      <c r="JF11" s="63">
        <v>293</v>
      </c>
      <c r="JG11" s="60">
        <v>49</v>
      </c>
      <c r="JH11" s="61">
        <v>27</v>
      </c>
      <c r="JI11" s="62">
        <v>76</v>
      </c>
      <c r="JJ11" s="228"/>
      <c r="JK11" s="61">
        <v>75</v>
      </c>
      <c r="JL11" s="61">
        <v>53</v>
      </c>
      <c r="JM11" s="61">
        <v>33</v>
      </c>
      <c r="JN11" s="61">
        <v>33</v>
      </c>
      <c r="JO11" s="61">
        <v>12</v>
      </c>
      <c r="JP11" s="62">
        <v>206</v>
      </c>
      <c r="JQ11" s="63">
        <v>282</v>
      </c>
      <c r="JR11" s="60">
        <v>0</v>
      </c>
      <c r="JS11" s="61">
        <v>0</v>
      </c>
      <c r="JT11" s="62">
        <v>0</v>
      </c>
      <c r="JU11" s="228"/>
      <c r="JV11" s="61">
        <v>0</v>
      </c>
      <c r="JW11" s="61">
        <v>0</v>
      </c>
      <c r="JX11" s="61">
        <v>0</v>
      </c>
      <c r="JY11" s="61">
        <v>0</v>
      </c>
      <c r="JZ11" s="61">
        <v>0</v>
      </c>
      <c r="KA11" s="62">
        <v>0</v>
      </c>
      <c r="KB11" s="63">
        <v>0</v>
      </c>
      <c r="KC11" s="60">
        <v>193</v>
      </c>
      <c r="KD11" s="61">
        <v>123</v>
      </c>
      <c r="KE11" s="62">
        <v>316</v>
      </c>
      <c r="KF11" s="228"/>
      <c r="KG11" s="61">
        <v>291</v>
      </c>
      <c r="KH11" s="61">
        <v>157</v>
      </c>
      <c r="KI11" s="61">
        <v>90</v>
      </c>
      <c r="KJ11" s="61">
        <v>93</v>
      </c>
      <c r="KK11" s="61">
        <v>64</v>
      </c>
      <c r="KL11" s="62">
        <v>695</v>
      </c>
      <c r="KM11" s="63">
        <v>1011</v>
      </c>
    </row>
    <row r="12" spans="2:299" ht="21" customHeight="1" x14ac:dyDescent="0.2">
      <c r="B12" s="472" t="s">
        <v>8</v>
      </c>
      <c r="C12" s="293">
        <v>55</v>
      </c>
      <c r="D12" s="72">
        <v>32</v>
      </c>
      <c r="E12" s="73">
        <v>87</v>
      </c>
      <c r="F12" s="228"/>
      <c r="G12" s="72">
        <v>111</v>
      </c>
      <c r="H12" s="72">
        <v>82</v>
      </c>
      <c r="I12" s="72">
        <v>55</v>
      </c>
      <c r="J12" s="72">
        <v>50</v>
      </c>
      <c r="K12" s="72">
        <v>22</v>
      </c>
      <c r="L12" s="74">
        <v>320</v>
      </c>
      <c r="M12" s="75">
        <v>407</v>
      </c>
      <c r="N12" s="60">
        <v>2</v>
      </c>
      <c r="O12" s="61">
        <v>3</v>
      </c>
      <c r="P12" s="62">
        <v>5</v>
      </c>
      <c r="Q12" s="228"/>
      <c r="R12" s="61">
        <v>4</v>
      </c>
      <c r="S12" s="61">
        <v>3</v>
      </c>
      <c r="T12" s="61">
        <v>2</v>
      </c>
      <c r="U12" s="61">
        <v>2</v>
      </c>
      <c r="V12" s="61">
        <v>2</v>
      </c>
      <c r="W12" s="62">
        <v>13</v>
      </c>
      <c r="X12" s="63">
        <v>18</v>
      </c>
      <c r="Y12" s="60">
        <v>5</v>
      </c>
      <c r="Z12" s="61">
        <v>5</v>
      </c>
      <c r="AA12" s="62">
        <v>10</v>
      </c>
      <c r="AB12" s="228"/>
      <c r="AC12" s="61">
        <v>8</v>
      </c>
      <c r="AD12" s="61">
        <v>7</v>
      </c>
      <c r="AE12" s="61">
        <v>5</v>
      </c>
      <c r="AF12" s="61">
        <v>3</v>
      </c>
      <c r="AG12" s="61">
        <v>2</v>
      </c>
      <c r="AH12" s="62">
        <v>25</v>
      </c>
      <c r="AI12" s="63">
        <v>35</v>
      </c>
      <c r="AJ12" s="60">
        <v>7</v>
      </c>
      <c r="AK12" s="61">
        <v>5</v>
      </c>
      <c r="AL12" s="62">
        <v>12</v>
      </c>
      <c r="AM12" s="228"/>
      <c r="AN12" s="61">
        <v>14</v>
      </c>
      <c r="AO12" s="61">
        <v>9</v>
      </c>
      <c r="AP12" s="61">
        <v>6</v>
      </c>
      <c r="AQ12" s="61">
        <v>5</v>
      </c>
      <c r="AR12" s="61">
        <v>2</v>
      </c>
      <c r="AS12" s="62">
        <v>36</v>
      </c>
      <c r="AT12" s="63">
        <v>48</v>
      </c>
      <c r="AU12" s="60">
        <v>13</v>
      </c>
      <c r="AV12" s="61">
        <v>5</v>
      </c>
      <c r="AW12" s="62">
        <v>18</v>
      </c>
      <c r="AX12" s="228"/>
      <c r="AY12" s="61">
        <v>20</v>
      </c>
      <c r="AZ12" s="61">
        <v>16</v>
      </c>
      <c r="BA12" s="61">
        <v>8</v>
      </c>
      <c r="BB12" s="61">
        <v>10</v>
      </c>
      <c r="BC12" s="61">
        <v>6</v>
      </c>
      <c r="BD12" s="62">
        <v>60</v>
      </c>
      <c r="BE12" s="63">
        <v>78</v>
      </c>
      <c r="BF12" s="60">
        <v>18</v>
      </c>
      <c r="BG12" s="61">
        <v>7</v>
      </c>
      <c r="BH12" s="62">
        <v>25</v>
      </c>
      <c r="BI12" s="228"/>
      <c r="BJ12" s="61">
        <v>35</v>
      </c>
      <c r="BK12" s="61">
        <v>26</v>
      </c>
      <c r="BL12" s="61">
        <v>16</v>
      </c>
      <c r="BM12" s="61">
        <v>12</v>
      </c>
      <c r="BN12" s="61">
        <v>5</v>
      </c>
      <c r="BO12" s="62">
        <v>94</v>
      </c>
      <c r="BP12" s="63">
        <v>119</v>
      </c>
      <c r="BQ12" s="60">
        <v>10</v>
      </c>
      <c r="BR12" s="61">
        <v>7</v>
      </c>
      <c r="BS12" s="62">
        <v>17</v>
      </c>
      <c r="BT12" s="228"/>
      <c r="BU12" s="61">
        <v>30</v>
      </c>
      <c r="BV12" s="61">
        <v>21</v>
      </c>
      <c r="BW12" s="61">
        <v>18</v>
      </c>
      <c r="BX12" s="61">
        <v>18</v>
      </c>
      <c r="BY12" s="61">
        <v>5</v>
      </c>
      <c r="BZ12" s="62">
        <v>92</v>
      </c>
      <c r="CA12" s="63">
        <v>109</v>
      </c>
      <c r="CB12" s="60">
        <v>0</v>
      </c>
      <c r="CC12" s="61">
        <v>0</v>
      </c>
      <c r="CD12" s="62">
        <v>0</v>
      </c>
      <c r="CE12" s="228"/>
      <c r="CF12" s="61">
        <v>0</v>
      </c>
      <c r="CG12" s="61">
        <v>0</v>
      </c>
      <c r="CH12" s="61">
        <v>0</v>
      </c>
      <c r="CI12" s="61">
        <v>0</v>
      </c>
      <c r="CJ12" s="61">
        <v>0</v>
      </c>
      <c r="CK12" s="62">
        <v>0</v>
      </c>
      <c r="CL12" s="63">
        <v>0</v>
      </c>
      <c r="CM12" s="60">
        <v>55</v>
      </c>
      <c r="CN12" s="61">
        <v>32</v>
      </c>
      <c r="CO12" s="62">
        <v>87</v>
      </c>
      <c r="CP12" s="228"/>
      <c r="CQ12" s="61">
        <v>111</v>
      </c>
      <c r="CR12" s="61">
        <v>82</v>
      </c>
      <c r="CS12" s="61">
        <v>55</v>
      </c>
      <c r="CT12" s="61">
        <v>50</v>
      </c>
      <c r="CU12" s="61">
        <v>22</v>
      </c>
      <c r="CV12" s="62">
        <v>320</v>
      </c>
      <c r="CW12" s="63">
        <v>407</v>
      </c>
      <c r="CX12" s="113">
        <v>22</v>
      </c>
      <c r="CY12" s="72">
        <v>24</v>
      </c>
      <c r="CZ12" s="73">
        <v>46</v>
      </c>
      <c r="DA12" s="228"/>
      <c r="DB12" s="72">
        <v>53</v>
      </c>
      <c r="DC12" s="72">
        <v>39</v>
      </c>
      <c r="DD12" s="72">
        <v>22</v>
      </c>
      <c r="DE12" s="72">
        <v>21</v>
      </c>
      <c r="DF12" s="72">
        <v>13</v>
      </c>
      <c r="DG12" s="74">
        <v>148</v>
      </c>
      <c r="DH12" s="75">
        <v>194</v>
      </c>
      <c r="DI12" s="60">
        <v>2</v>
      </c>
      <c r="DJ12" s="61">
        <v>0</v>
      </c>
      <c r="DK12" s="62">
        <v>2</v>
      </c>
      <c r="DL12" s="228"/>
      <c r="DM12" s="61">
        <v>0</v>
      </c>
      <c r="DN12" s="61">
        <v>0</v>
      </c>
      <c r="DO12" s="61">
        <v>0</v>
      </c>
      <c r="DP12" s="61">
        <v>1</v>
      </c>
      <c r="DQ12" s="61">
        <v>0</v>
      </c>
      <c r="DR12" s="62">
        <v>1</v>
      </c>
      <c r="DS12" s="63">
        <v>3</v>
      </c>
      <c r="DT12" s="60">
        <v>3</v>
      </c>
      <c r="DU12" s="61">
        <v>2</v>
      </c>
      <c r="DV12" s="62">
        <v>5</v>
      </c>
      <c r="DW12" s="228"/>
      <c r="DX12" s="61">
        <v>2</v>
      </c>
      <c r="DY12" s="61">
        <v>3</v>
      </c>
      <c r="DZ12" s="61">
        <v>3</v>
      </c>
      <c r="EA12" s="61">
        <v>1</v>
      </c>
      <c r="EB12" s="61">
        <v>1</v>
      </c>
      <c r="EC12" s="62">
        <v>10</v>
      </c>
      <c r="ED12" s="63">
        <v>15</v>
      </c>
      <c r="EE12" s="60">
        <v>4</v>
      </c>
      <c r="EF12" s="61">
        <v>3</v>
      </c>
      <c r="EG12" s="62">
        <v>7</v>
      </c>
      <c r="EH12" s="228"/>
      <c r="EI12" s="61">
        <v>5</v>
      </c>
      <c r="EJ12" s="61">
        <v>4</v>
      </c>
      <c r="EK12" s="61">
        <v>1</v>
      </c>
      <c r="EL12" s="61">
        <v>2</v>
      </c>
      <c r="EM12" s="61">
        <v>2</v>
      </c>
      <c r="EN12" s="62">
        <v>14</v>
      </c>
      <c r="EO12" s="63">
        <v>21</v>
      </c>
      <c r="EP12" s="60">
        <v>4</v>
      </c>
      <c r="EQ12" s="61">
        <v>7</v>
      </c>
      <c r="ER12" s="62">
        <v>11</v>
      </c>
      <c r="ES12" s="228"/>
      <c r="ET12" s="61">
        <v>12</v>
      </c>
      <c r="EU12" s="61">
        <v>4</v>
      </c>
      <c r="EV12" s="61">
        <v>4</v>
      </c>
      <c r="EW12" s="61">
        <v>4</v>
      </c>
      <c r="EX12" s="61">
        <v>2</v>
      </c>
      <c r="EY12" s="62">
        <v>26</v>
      </c>
      <c r="EZ12" s="63">
        <v>37</v>
      </c>
      <c r="FA12" s="60">
        <v>5</v>
      </c>
      <c r="FB12" s="61">
        <v>4</v>
      </c>
      <c r="FC12" s="62">
        <v>9</v>
      </c>
      <c r="FD12" s="228"/>
      <c r="FE12" s="61">
        <v>16</v>
      </c>
      <c r="FF12" s="61">
        <v>13</v>
      </c>
      <c r="FG12" s="61">
        <v>6</v>
      </c>
      <c r="FH12" s="61">
        <v>3</v>
      </c>
      <c r="FI12" s="61">
        <v>4</v>
      </c>
      <c r="FJ12" s="62">
        <v>42</v>
      </c>
      <c r="FK12" s="63">
        <v>51</v>
      </c>
      <c r="FL12" s="60">
        <v>4</v>
      </c>
      <c r="FM12" s="61">
        <v>8</v>
      </c>
      <c r="FN12" s="62">
        <v>12</v>
      </c>
      <c r="FO12" s="228"/>
      <c r="FP12" s="61">
        <v>18</v>
      </c>
      <c r="FQ12" s="61">
        <v>15</v>
      </c>
      <c r="FR12" s="61">
        <v>8</v>
      </c>
      <c r="FS12" s="61">
        <v>10</v>
      </c>
      <c r="FT12" s="61">
        <v>4</v>
      </c>
      <c r="FU12" s="62">
        <v>55</v>
      </c>
      <c r="FV12" s="63">
        <v>67</v>
      </c>
      <c r="FW12" s="60">
        <v>0</v>
      </c>
      <c r="FX12" s="61">
        <v>0</v>
      </c>
      <c r="FY12" s="62">
        <v>0</v>
      </c>
      <c r="FZ12" s="228"/>
      <c r="GA12" s="61">
        <v>0</v>
      </c>
      <c r="GB12" s="61">
        <v>0</v>
      </c>
      <c r="GC12" s="61">
        <v>0</v>
      </c>
      <c r="GD12" s="61">
        <v>0</v>
      </c>
      <c r="GE12" s="61">
        <v>0</v>
      </c>
      <c r="GF12" s="62">
        <v>0</v>
      </c>
      <c r="GG12" s="63">
        <v>0</v>
      </c>
      <c r="GH12" s="60">
        <v>22</v>
      </c>
      <c r="GI12" s="61">
        <v>24</v>
      </c>
      <c r="GJ12" s="62">
        <v>46</v>
      </c>
      <c r="GK12" s="228"/>
      <c r="GL12" s="61">
        <v>53</v>
      </c>
      <c r="GM12" s="61">
        <v>39</v>
      </c>
      <c r="GN12" s="61">
        <v>22</v>
      </c>
      <c r="GO12" s="61">
        <v>21</v>
      </c>
      <c r="GP12" s="61">
        <v>13</v>
      </c>
      <c r="GQ12" s="62">
        <v>148</v>
      </c>
      <c r="GR12" s="63">
        <v>194</v>
      </c>
      <c r="GS12" s="113">
        <v>77</v>
      </c>
      <c r="GT12" s="72">
        <v>56</v>
      </c>
      <c r="GU12" s="73">
        <v>133</v>
      </c>
      <c r="GV12" s="228"/>
      <c r="GW12" s="72">
        <v>164</v>
      </c>
      <c r="GX12" s="72">
        <v>121</v>
      </c>
      <c r="GY12" s="72">
        <v>77</v>
      </c>
      <c r="GZ12" s="72">
        <v>71</v>
      </c>
      <c r="HA12" s="72">
        <v>35</v>
      </c>
      <c r="HB12" s="74">
        <v>468</v>
      </c>
      <c r="HC12" s="75">
        <v>601</v>
      </c>
      <c r="HD12" s="60">
        <v>4</v>
      </c>
      <c r="HE12" s="61">
        <v>3</v>
      </c>
      <c r="HF12" s="62">
        <v>7</v>
      </c>
      <c r="HG12" s="228"/>
      <c r="HH12" s="61">
        <v>4</v>
      </c>
      <c r="HI12" s="61">
        <v>3</v>
      </c>
      <c r="HJ12" s="61">
        <v>2</v>
      </c>
      <c r="HK12" s="61">
        <v>3</v>
      </c>
      <c r="HL12" s="61">
        <v>2</v>
      </c>
      <c r="HM12" s="62">
        <v>14</v>
      </c>
      <c r="HN12" s="63">
        <v>21</v>
      </c>
      <c r="HO12" s="60">
        <v>8</v>
      </c>
      <c r="HP12" s="61">
        <v>7</v>
      </c>
      <c r="HQ12" s="62">
        <v>15</v>
      </c>
      <c r="HR12" s="228"/>
      <c r="HS12" s="61">
        <v>10</v>
      </c>
      <c r="HT12" s="61">
        <v>10</v>
      </c>
      <c r="HU12" s="61">
        <v>8</v>
      </c>
      <c r="HV12" s="61">
        <v>4</v>
      </c>
      <c r="HW12" s="61">
        <v>3</v>
      </c>
      <c r="HX12" s="62">
        <v>35</v>
      </c>
      <c r="HY12" s="63">
        <v>50</v>
      </c>
      <c r="HZ12" s="60">
        <v>11</v>
      </c>
      <c r="IA12" s="61">
        <v>8</v>
      </c>
      <c r="IB12" s="62">
        <v>19</v>
      </c>
      <c r="IC12" s="228"/>
      <c r="ID12" s="61">
        <v>19</v>
      </c>
      <c r="IE12" s="61">
        <v>13</v>
      </c>
      <c r="IF12" s="61">
        <v>7</v>
      </c>
      <c r="IG12" s="61">
        <v>7</v>
      </c>
      <c r="IH12" s="61">
        <v>4</v>
      </c>
      <c r="II12" s="62">
        <v>50</v>
      </c>
      <c r="IJ12" s="63">
        <v>69</v>
      </c>
      <c r="IK12" s="60">
        <v>17</v>
      </c>
      <c r="IL12" s="61">
        <v>12</v>
      </c>
      <c r="IM12" s="62">
        <v>29</v>
      </c>
      <c r="IN12" s="228"/>
      <c r="IO12" s="61">
        <v>32</v>
      </c>
      <c r="IP12" s="61">
        <v>20</v>
      </c>
      <c r="IQ12" s="61">
        <v>12</v>
      </c>
      <c r="IR12" s="61">
        <v>14</v>
      </c>
      <c r="IS12" s="61">
        <v>8</v>
      </c>
      <c r="IT12" s="62">
        <v>86</v>
      </c>
      <c r="IU12" s="63">
        <v>115</v>
      </c>
      <c r="IV12" s="60">
        <v>23</v>
      </c>
      <c r="IW12" s="61">
        <v>11</v>
      </c>
      <c r="IX12" s="62">
        <v>34</v>
      </c>
      <c r="IY12" s="228"/>
      <c r="IZ12" s="61">
        <v>51</v>
      </c>
      <c r="JA12" s="61">
        <v>39</v>
      </c>
      <c r="JB12" s="61">
        <v>22</v>
      </c>
      <c r="JC12" s="61">
        <v>15</v>
      </c>
      <c r="JD12" s="61">
        <v>9</v>
      </c>
      <c r="JE12" s="62">
        <v>136</v>
      </c>
      <c r="JF12" s="63">
        <v>170</v>
      </c>
      <c r="JG12" s="60">
        <v>14</v>
      </c>
      <c r="JH12" s="61">
        <v>15</v>
      </c>
      <c r="JI12" s="62">
        <v>29</v>
      </c>
      <c r="JJ12" s="228"/>
      <c r="JK12" s="61">
        <v>48</v>
      </c>
      <c r="JL12" s="61">
        <v>36</v>
      </c>
      <c r="JM12" s="61">
        <v>26</v>
      </c>
      <c r="JN12" s="61">
        <v>28</v>
      </c>
      <c r="JO12" s="61">
        <v>9</v>
      </c>
      <c r="JP12" s="62">
        <v>147</v>
      </c>
      <c r="JQ12" s="63">
        <v>176</v>
      </c>
      <c r="JR12" s="60">
        <v>0</v>
      </c>
      <c r="JS12" s="61">
        <v>0</v>
      </c>
      <c r="JT12" s="62">
        <v>0</v>
      </c>
      <c r="JU12" s="228"/>
      <c r="JV12" s="61">
        <v>0</v>
      </c>
      <c r="JW12" s="61">
        <v>0</v>
      </c>
      <c r="JX12" s="61">
        <v>0</v>
      </c>
      <c r="JY12" s="61">
        <v>0</v>
      </c>
      <c r="JZ12" s="61">
        <v>0</v>
      </c>
      <c r="KA12" s="62">
        <v>0</v>
      </c>
      <c r="KB12" s="63">
        <v>0</v>
      </c>
      <c r="KC12" s="60">
        <v>77</v>
      </c>
      <c r="KD12" s="61">
        <v>56</v>
      </c>
      <c r="KE12" s="62">
        <v>133</v>
      </c>
      <c r="KF12" s="228"/>
      <c r="KG12" s="61">
        <v>164</v>
      </c>
      <c r="KH12" s="61">
        <v>121</v>
      </c>
      <c r="KI12" s="61">
        <v>77</v>
      </c>
      <c r="KJ12" s="61">
        <v>71</v>
      </c>
      <c r="KK12" s="61">
        <v>35</v>
      </c>
      <c r="KL12" s="62">
        <v>468</v>
      </c>
      <c r="KM12" s="63">
        <v>601</v>
      </c>
    </row>
    <row r="13" spans="2:299" ht="21" customHeight="1" x14ac:dyDescent="0.2">
      <c r="B13" s="472" t="s">
        <v>9</v>
      </c>
      <c r="C13" s="293">
        <v>196</v>
      </c>
      <c r="D13" s="72">
        <v>110</v>
      </c>
      <c r="E13" s="73">
        <v>306</v>
      </c>
      <c r="F13" s="228"/>
      <c r="G13" s="72">
        <v>226</v>
      </c>
      <c r="H13" s="72">
        <v>141</v>
      </c>
      <c r="I13" s="72">
        <v>101</v>
      </c>
      <c r="J13" s="72">
        <v>75</v>
      </c>
      <c r="K13" s="72">
        <v>52</v>
      </c>
      <c r="L13" s="74">
        <v>595</v>
      </c>
      <c r="M13" s="75">
        <v>901</v>
      </c>
      <c r="N13" s="60">
        <v>5</v>
      </c>
      <c r="O13" s="61">
        <v>1</v>
      </c>
      <c r="P13" s="62">
        <v>6</v>
      </c>
      <c r="Q13" s="228"/>
      <c r="R13" s="61">
        <v>3</v>
      </c>
      <c r="S13" s="61">
        <v>4</v>
      </c>
      <c r="T13" s="61">
        <v>4</v>
      </c>
      <c r="U13" s="61">
        <v>1</v>
      </c>
      <c r="V13" s="61">
        <v>7</v>
      </c>
      <c r="W13" s="62">
        <v>19</v>
      </c>
      <c r="X13" s="63">
        <v>25</v>
      </c>
      <c r="Y13" s="60">
        <v>3</v>
      </c>
      <c r="Z13" s="61">
        <v>7</v>
      </c>
      <c r="AA13" s="62">
        <v>10</v>
      </c>
      <c r="AB13" s="228"/>
      <c r="AC13" s="61">
        <v>12</v>
      </c>
      <c r="AD13" s="61">
        <v>5</v>
      </c>
      <c r="AE13" s="61">
        <v>1</v>
      </c>
      <c r="AF13" s="61">
        <v>2</v>
      </c>
      <c r="AG13" s="61">
        <v>3</v>
      </c>
      <c r="AH13" s="62">
        <v>23</v>
      </c>
      <c r="AI13" s="63">
        <v>33</v>
      </c>
      <c r="AJ13" s="60">
        <v>21</v>
      </c>
      <c r="AK13" s="61">
        <v>13</v>
      </c>
      <c r="AL13" s="62">
        <v>34</v>
      </c>
      <c r="AM13" s="228"/>
      <c r="AN13" s="61">
        <v>20</v>
      </c>
      <c r="AO13" s="61">
        <v>11</v>
      </c>
      <c r="AP13" s="61">
        <v>10</v>
      </c>
      <c r="AQ13" s="61">
        <v>4</v>
      </c>
      <c r="AR13" s="61">
        <v>7</v>
      </c>
      <c r="AS13" s="62">
        <v>52</v>
      </c>
      <c r="AT13" s="63">
        <v>86</v>
      </c>
      <c r="AU13" s="60">
        <v>46</v>
      </c>
      <c r="AV13" s="61">
        <v>17</v>
      </c>
      <c r="AW13" s="62">
        <v>63</v>
      </c>
      <c r="AX13" s="228"/>
      <c r="AY13" s="61">
        <v>52</v>
      </c>
      <c r="AZ13" s="61">
        <v>18</v>
      </c>
      <c r="BA13" s="61">
        <v>17</v>
      </c>
      <c r="BB13" s="61">
        <v>10</v>
      </c>
      <c r="BC13" s="61">
        <v>5</v>
      </c>
      <c r="BD13" s="62">
        <v>102</v>
      </c>
      <c r="BE13" s="63">
        <v>165</v>
      </c>
      <c r="BF13" s="60">
        <v>67</v>
      </c>
      <c r="BG13" s="61">
        <v>39</v>
      </c>
      <c r="BH13" s="62">
        <v>106</v>
      </c>
      <c r="BI13" s="228"/>
      <c r="BJ13" s="61">
        <v>72</v>
      </c>
      <c r="BK13" s="61">
        <v>43</v>
      </c>
      <c r="BL13" s="61">
        <v>26</v>
      </c>
      <c r="BM13" s="61">
        <v>25</v>
      </c>
      <c r="BN13" s="61">
        <v>14</v>
      </c>
      <c r="BO13" s="62">
        <v>180</v>
      </c>
      <c r="BP13" s="63">
        <v>286</v>
      </c>
      <c r="BQ13" s="60">
        <v>54</v>
      </c>
      <c r="BR13" s="61">
        <v>33</v>
      </c>
      <c r="BS13" s="62">
        <v>87</v>
      </c>
      <c r="BT13" s="228"/>
      <c r="BU13" s="61">
        <v>67</v>
      </c>
      <c r="BV13" s="61">
        <v>60</v>
      </c>
      <c r="BW13" s="61">
        <v>43</v>
      </c>
      <c r="BX13" s="61">
        <v>33</v>
      </c>
      <c r="BY13" s="61">
        <v>16</v>
      </c>
      <c r="BZ13" s="62">
        <v>219</v>
      </c>
      <c r="CA13" s="63">
        <v>306</v>
      </c>
      <c r="CB13" s="60">
        <v>0</v>
      </c>
      <c r="CC13" s="61">
        <v>0</v>
      </c>
      <c r="CD13" s="62">
        <v>0</v>
      </c>
      <c r="CE13" s="228"/>
      <c r="CF13" s="61">
        <v>0</v>
      </c>
      <c r="CG13" s="61">
        <v>0</v>
      </c>
      <c r="CH13" s="61">
        <v>0</v>
      </c>
      <c r="CI13" s="61">
        <v>0</v>
      </c>
      <c r="CJ13" s="61">
        <v>0</v>
      </c>
      <c r="CK13" s="62">
        <v>0</v>
      </c>
      <c r="CL13" s="63">
        <v>0</v>
      </c>
      <c r="CM13" s="60">
        <v>196</v>
      </c>
      <c r="CN13" s="61">
        <v>110</v>
      </c>
      <c r="CO13" s="62">
        <v>306</v>
      </c>
      <c r="CP13" s="228"/>
      <c r="CQ13" s="61">
        <v>226</v>
      </c>
      <c r="CR13" s="61">
        <v>141</v>
      </c>
      <c r="CS13" s="61">
        <v>101</v>
      </c>
      <c r="CT13" s="61">
        <v>75</v>
      </c>
      <c r="CU13" s="61">
        <v>52</v>
      </c>
      <c r="CV13" s="62">
        <v>595</v>
      </c>
      <c r="CW13" s="63">
        <v>901</v>
      </c>
      <c r="CX13" s="113">
        <v>81</v>
      </c>
      <c r="CY13" s="72">
        <v>53</v>
      </c>
      <c r="CZ13" s="73">
        <v>134</v>
      </c>
      <c r="DA13" s="228"/>
      <c r="DB13" s="72">
        <v>72</v>
      </c>
      <c r="DC13" s="72">
        <v>49</v>
      </c>
      <c r="DD13" s="72">
        <v>40</v>
      </c>
      <c r="DE13" s="72">
        <v>43</v>
      </c>
      <c r="DF13" s="72">
        <v>24</v>
      </c>
      <c r="DG13" s="74">
        <v>228</v>
      </c>
      <c r="DH13" s="75">
        <v>362</v>
      </c>
      <c r="DI13" s="60">
        <v>2</v>
      </c>
      <c r="DJ13" s="61">
        <v>0</v>
      </c>
      <c r="DK13" s="62">
        <v>2</v>
      </c>
      <c r="DL13" s="228"/>
      <c r="DM13" s="61">
        <v>0</v>
      </c>
      <c r="DN13" s="61">
        <v>1</v>
      </c>
      <c r="DO13" s="61">
        <v>1</v>
      </c>
      <c r="DP13" s="61">
        <v>1</v>
      </c>
      <c r="DQ13" s="61">
        <v>0</v>
      </c>
      <c r="DR13" s="62">
        <v>3</v>
      </c>
      <c r="DS13" s="63">
        <v>5</v>
      </c>
      <c r="DT13" s="60">
        <v>7</v>
      </c>
      <c r="DU13" s="61">
        <v>6</v>
      </c>
      <c r="DV13" s="62">
        <v>13</v>
      </c>
      <c r="DW13" s="228"/>
      <c r="DX13" s="61">
        <v>3</v>
      </c>
      <c r="DY13" s="61">
        <v>1</v>
      </c>
      <c r="DZ13" s="61">
        <v>0</v>
      </c>
      <c r="EA13" s="61">
        <v>1</v>
      </c>
      <c r="EB13" s="61">
        <v>1</v>
      </c>
      <c r="EC13" s="62">
        <v>6</v>
      </c>
      <c r="ED13" s="63">
        <v>19</v>
      </c>
      <c r="EE13" s="60">
        <v>7</v>
      </c>
      <c r="EF13" s="61">
        <v>7</v>
      </c>
      <c r="EG13" s="62">
        <v>14</v>
      </c>
      <c r="EH13" s="228"/>
      <c r="EI13" s="61">
        <v>11</v>
      </c>
      <c r="EJ13" s="61">
        <v>4</v>
      </c>
      <c r="EK13" s="61">
        <v>3</v>
      </c>
      <c r="EL13" s="61">
        <v>3</v>
      </c>
      <c r="EM13" s="61">
        <v>2</v>
      </c>
      <c r="EN13" s="62">
        <v>23</v>
      </c>
      <c r="EO13" s="63">
        <v>37</v>
      </c>
      <c r="EP13" s="60">
        <v>24</v>
      </c>
      <c r="EQ13" s="61">
        <v>13</v>
      </c>
      <c r="ER13" s="62">
        <v>37</v>
      </c>
      <c r="ES13" s="228"/>
      <c r="ET13" s="61">
        <v>13</v>
      </c>
      <c r="EU13" s="61">
        <v>9</v>
      </c>
      <c r="EV13" s="61">
        <v>7</v>
      </c>
      <c r="EW13" s="61">
        <v>6</v>
      </c>
      <c r="EX13" s="61">
        <v>1</v>
      </c>
      <c r="EY13" s="62">
        <v>36</v>
      </c>
      <c r="EZ13" s="63">
        <v>73</v>
      </c>
      <c r="FA13" s="60">
        <v>30</v>
      </c>
      <c r="FB13" s="61">
        <v>15</v>
      </c>
      <c r="FC13" s="62">
        <v>45</v>
      </c>
      <c r="FD13" s="228"/>
      <c r="FE13" s="61">
        <v>20</v>
      </c>
      <c r="FF13" s="61">
        <v>13</v>
      </c>
      <c r="FG13" s="61">
        <v>9</v>
      </c>
      <c r="FH13" s="61">
        <v>7</v>
      </c>
      <c r="FI13" s="61">
        <v>5</v>
      </c>
      <c r="FJ13" s="62">
        <v>54</v>
      </c>
      <c r="FK13" s="63">
        <v>99</v>
      </c>
      <c r="FL13" s="60">
        <v>11</v>
      </c>
      <c r="FM13" s="61">
        <v>12</v>
      </c>
      <c r="FN13" s="62">
        <v>23</v>
      </c>
      <c r="FO13" s="228"/>
      <c r="FP13" s="61">
        <v>25</v>
      </c>
      <c r="FQ13" s="61">
        <v>21</v>
      </c>
      <c r="FR13" s="61">
        <v>20</v>
      </c>
      <c r="FS13" s="61">
        <v>25</v>
      </c>
      <c r="FT13" s="61">
        <v>15</v>
      </c>
      <c r="FU13" s="62">
        <v>106</v>
      </c>
      <c r="FV13" s="63">
        <v>129</v>
      </c>
      <c r="FW13" s="60">
        <v>0</v>
      </c>
      <c r="FX13" s="61">
        <v>0</v>
      </c>
      <c r="FY13" s="62">
        <v>0</v>
      </c>
      <c r="FZ13" s="228"/>
      <c r="GA13" s="61">
        <v>0</v>
      </c>
      <c r="GB13" s="61">
        <v>0</v>
      </c>
      <c r="GC13" s="61">
        <v>0</v>
      </c>
      <c r="GD13" s="61">
        <v>0</v>
      </c>
      <c r="GE13" s="61">
        <v>0</v>
      </c>
      <c r="GF13" s="62">
        <v>0</v>
      </c>
      <c r="GG13" s="63">
        <v>0</v>
      </c>
      <c r="GH13" s="60">
        <v>81</v>
      </c>
      <c r="GI13" s="61">
        <v>53</v>
      </c>
      <c r="GJ13" s="62">
        <v>134</v>
      </c>
      <c r="GK13" s="228"/>
      <c r="GL13" s="61">
        <v>72</v>
      </c>
      <c r="GM13" s="61">
        <v>49</v>
      </c>
      <c r="GN13" s="61">
        <v>40</v>
      </c>
      <c r="GO13" s="61">
        <v>43</v>
      </c>
      <c r="GP13" s="61">
        <v>24</v>
      </c>
      <c r="GQ13" s="62">
        <v>228</v>
      </c>
      <c r="GR13" s="63">
        <v>362</v>
      </c>
      <c r="GS13" s="113">
        <v>277</v>
      </c>
      <c r="GT13" s="72">
        <v>163</v>
      </c>
      <c r="GU13" s="73">
        <v>440</v>
      </c>
      <c r="GV13" s="228"/>
      <c r="GW13" s="72">
        <v>298</v>
      </c>
      <c r="GX13" s="72">
        <v>190</v>
      </c>
      <c r="GY13" s="72">
        <v>141</v>
      </c>
      <c r="GZ13" s="72">
        <v>118</v>
      </c>
      <c r="HA13" s="72">
        <v>76</v>
      </c>
      <c r="HB13" s="74">
        <v>823</v>
      </c>
      <c r="HC13" s="75">
        <v>1263</v>
      </c>
      <c r="HD13" s="60">
        <v>7</v>
      </c>
      <c r="HE13" s="61">
        <v>1</v>
      </c>
      <c r="HF13" s="62">
        <v>8</v>
      </c>
      <c r="HG13" s="228"/>
      <c r="HH13" s="61">
        <v>3</v>
      </c>
      <c r="HI13" s="61">
        <v>5</v>
      </c>
      <c r="HJ13" s="61">
        <v>5</v>
      </c>
      <c r="HK13" s="61">
        <v>2</v>
      </c>
      <c r="HL13" s="61">
        <v>7</v>
      </c>
      <c r="HM13" s="62">
        <v>22</v>
      </c>
      <c r="HN13" s="63">
        <v>30</v>
      </c>
      <c r="HO13" s="60">
        <v>10</v>
      </c>
      <c r="HP13" s="61">
        <v>13</v>
      </c>
      <c r="HQ13" s="62">
        <v>23</v>
      </c>
      <c r="HR13" s="228"/>
      <c r="HS13" s="61">
        <v>15</v>
      </c>
      <c r="HT13" s="61">
        <v>6</v>
      </c>
      <c r="HU13" s="61">
        <v>1</v>
      </c>
      <c r="HV13" s="61">
        <v>3</v>
      </c>
      <c r="HW13" s="61">
        <v>4</v>
      </c>
      <c r="HX13" s="62">
        <v>29</v>
      </c>
      <c r="HY13" s="63">
        <v>52</v>
      </c>
      <c r="HZ13" s="60">
        <v>28</v>
      </c>
      <c r="IA13" s="61">
        <v>20</v>
      </c>
      <c r="IB13" s="62">
        <v>48</v>
      </c>
      <c r="IC13" s="228"/>
      <c r="ID13" s="61">
        <v>31</v>
      </c>
      <c r="IE13" s="61">
        <v>15</v>
      </c>
      <c r="IF13" s="61">
        <v>13</v>
      </c>
      <c r="IG13" s="61">
        <v>7</v>
      </c>
      <c r="IH13" s="61">
        <v>9</v>
      </c>
      <c r="II13" s="62">
        <v>75</v>
      </c>
      <c r="IJ13" s="63">
        <v>123</v>
      </c>
      <c r="IK13" s="60">
        <v>70</v>
      </c>
      <c r="IL13" s="61">
        <v>30</v>
      </c>
      <c r="IM13" s="62">
        <v>100</v>
      </c>
      <c r="IN13" s="228"/>
      <c r="IO13" s="61">
        <v>65</v>
      </c>
      <c r="IP13" s="61">
        <v>27</v>
      </c>
      <c r="IQ13" s="61">
        <v>24</v>
      </c>
      <c r="IR13" s="61">
        <v>16</v>
      </c>
      <c r="IS13" s="61">
        <v>6</v>
      </c>
      <c r="IT13" s="62">
        <v>138</v>
      </c>
      <c r="IU13" s="63">
        <v>238</v>
      </c>
      <c r="IV13" s="60">
        <v>97</v>
      </c>
      <c r="IW13" s="61">
        <v>54</v>
      </c>
      <c r="IX13" s="62">
        <v>151</v>
      </c>
      <c r="IY13" s="228"/>
      <c r="IZ13" s="61">
        <v>92</v>
      </c>
      <c r="JA13" s="61">
        <v>56</v>
      </c>
      <c r="JB13" s="61">
        <v>35</v>
      </c>
      <c r="JC13" s="61">
        <v>32</v>
      </c>
      <c r="JD13" s="61">
        <v>19</v>
      </c>
      <c r="JE13" s="62">
        <v>234</v>
      </c>
      <c r="JF13" s="63">
        <v>385</v>
      </c>
      <c r="JG13" s="60">
        <v>65</v>
      </c>
      <c r="JH13" s="61">
        <v>45</v>
      </c>
      <c r="JI13" s="62">
        <v>110</v>
      </c>
      <c r="JJ13" s="228"/>
      <c r="JK13" s="61">
        <v>92</v>
      </c>
      <c r="JL13" s="61">
        <v>81</v>
      </c>
      <c r="JM13" s="61">
        <v>63</v>
      </c>
      <c r="JN13" s="61">
        <v>58</v>
      </c>
      <c r="JO13" s="61">
        <v>31</v>
      </c>
      <c r="JP13" s="62">
        <v>325</v>
      </c>
      <c r="JQ13" s="63">
        <v>435</v>
      </c>
      <c r="JR13" s="60">
        <v>0</v>
      </c>
      <c r="JS13" s="61">
        <v>0</v>
      </c>
      <c r="JT13" s="62">
        <v>0</v>
      </c>
      <c r="JU13" s="228"/>
      <c r="JV13" s="61">
        <v>0</v>
      </c>
      <c r="JW13" s="61">
        <v>0</v>
      </c>
      <c r="JX13" s="61">
        <v>0</v>
      </c>
      <c r="JY13" s="61">
        <v>0</v>
      </c>
      <c r="JZ13" s="61">
        <v>0</v>
      </c>
      <c r="KA13" s="62">
        <v>0</v>
      </c>
      <c r="KB13" s="63">
        <v>0</v>
      </c>
      <c r="KC13" s="60">
        <v>277</v>
      </c>
      <c r="KD13" s="61">
        <v>163</v>
      </c>
      <c r="KE13" s="62">
        <v>440</v>
      </c>
      <c r="KF13" s="228"/>
      <c r="KG13" s="61">
        <v>298</v>
      </c>
      <c r="KH13" s="61">
        <v>190</v>
      </c>
      <c r="KI13" s="61">
        <v>141</v>
      </c>
      <c r="KJ13" s="61">
        <v>118</v>
      </c>
      <c r="KK13" s="61">
        <v>76</v>
      </c>
      <c r="KL13" s="62">
        <v>823</v>
      </c>
      <c r="KM13" s="63">
        <v>1263</v>
      </c>
    </row>
    <row r="14" spans="2:299" ht="21" customHeight="1" x14ac:dyDescent="0.2">
      <c r="B14" s="472" t="s">
        <v>10</v>
      </c>
      <c r="C14" s="293">
        <v>277</v>
      </c>
      <c r="D14" s="72">
        <v>191</v>
      </c>
      <c r="E14" s="73">
        <v>468</v>
      </c>
      <c r="F14" s="228"/>
      <c r="G14" s="72">
        <v>275</v>
      </c>
      <c r="H14" s="72">
        <v>165</v>
      </c>
      <c r="I14" s="72">
        <v>102</v>
      </c>
      <c r="J14" s="72">
        <v>84</v>
      </c>
      <c r="K14" s="72">
        <v>70</v>
      </c>
      <c r="L14" s="74">
        <v>696</v>
      </c>
      <c r="M14" s="75">
        <v>1164</v>
      </c>
      <c r="N14" s="60">
        <v>5</v>
      </c>
      <c r="O14" s="61">
        <v>9</v>
      </c>
      <c r="P14" s="62">
        <v>14</v>
      </c>
      <c r="Q14" s="228"/>
      <c r="R14" s="61">
        <v>9</v>
      </c>
      <c r="S14" s="61">
        <v>7</v>
      </c>
      <c r="T14" s="61">
        <v>3</v>
      </c>
      <c r="U14" s="61">
        <v>7</v>
      </c>
      <c r="V14" s="61">
        <v>1</v>
      </c>
      <c r="W14" s="62">
        <v>27</v>
      </c>
      <c r="X14" s="63">
        <v>41</v>
      </c>
      <c r="Y14" s="60">
        <v>24</v>
      </c>
      <c r="Z14" s="61">
        <v>14</v>
      </c>
      <c r="AA14" s="62">
        <v>38</v>
      </c>
      <c r="AB14" s="228"/>
      <c r="AC14" s="61">
        <v>20</v>
      </c>
      <c r="AD14" s="61">
        <v>18</v>
      </c>
      <c r="AE14" s="61">
        <v>9</v>
      </c>
      <c r="AF14" s="61">
        <v>7</v>
      </c>
      <c r="AG14" s="61">
        <v>10</v>
      </c>
      <c r="AH14" s="62">
        <v>64</v>
      </c>
      <c r="AI14" s="63">
        <v>102</v>
      </c>
      <c r="AJ14" s="60">
        <v>22</v>
      </c>
      <c r="AK14" s="61">
        <v>31</v>
      </c>
      <c r="AL14" s="62">
        <v>53</v>
      </c>
      <c r="AM14" s="228"/>
      <c r="AN14" s="61">
        <v>34</v>
      </c>
      <c r="AO14" s="61">
        <v>22</v>
      </c>
      <c r="AP14" s="61">
        <v>8</v>
      </c>
      <c r="AQ14" s="61">
        <v>9</v>
      </c>
      <c r="AR14" s="61">
        <v>11</v>
      </c>
      <c r="AS14" s="62">
        <v>84</v>
      </c>
      <c r="AT14" s="63">
        <v>137</v>
      </c>
      <c r="AU14" s="60">
        <v>63</v>
      </c>
      <c r="AV14" s="61">
        <v>42</v>
      </c>
      <c r="AW14" s="62">
        <v>105</v>
      </c>
      <c r="AX14" s="228"/>
      <c r="AY14" s="61">
        <v>67</v>
      </c>
      <c r="AZ14" s="61">
        <v>29</v>
      </c>
      <c r="BA14" s="61">
        <v>16</v>
      </c>
      <c r="BB14" s="61">
        <v>12</v>
      </c>
      <c r="BC14" s="61">
        <v>17</v>
      </c>
      <c r="BD14" s="62">
        <v>141</v>
      </c>
      <c r="BE14" s="63">
        <v>246</v>
      </c>
      <c r="BF14" s="60">
        <v>84</v>
      </c>
      <c r="BG14" s="61">
        <v>43</v>
      </c>
      <c r="BH14" s="62">
        <v>127</v>
      </c>
      <c r="BI14" s="228"/>
      <c r="BJ14" s="61">
        <v>75</v>
      </c>
      <c r="BK14" s="61">
        <v>46</v>
      </c>
      <c r="BL14" s="61">
        <v>30</v>
      </c>
      <c r="BM14" s="61">
        <v>17</v>
      </c>
      <c r="BN14" s="61">
        <v>15</v>
      </c>
      <c r="BO14" s="62">
        <v>183</v>
      </c>
      <c r="BP14" s="63">
        <v>310</v>
      </c>
      <c r="BQ14" s="60">
        <v>79</v>
      </c>
      <c r="BR14" s="61">
        <v>52</v>
      </c>
      <c r="BS14" s="62">
        <v>131</v>
      </c>
      <c r="BT14" s="228"/>
      <c r="BU14" s="61">
        <v>70</v>
      </c>
      <c r="BV14" s="61">
        <v>43</v>
      </c>
      <c r="BW14" s="61">
        <v>36</v>
      </c>
      <c r="BX14" s="61">
        <v>32</v>
      </c>
      <c r="BY14" s="61">
        <v>16</v>
      </c>
      <c r="BZ14" s="62">
        <v>197</v>
      </c>
      <c r="CA14" s="63">
        <v>328</v>
      </c>
      <c r="CB14" s="60">
        <v>0</v>
      </c>
      <c r="CC14" s="61">
        <v>0</v>
      </c>
      <c r="CD14" s="62">
        <v>0</v>
      </c>
      <c r="CE14" s="228"/>
      <c r="CF14" s="61">
        <v>0</v>
      </c>
      <c r="CG14" s="61">
        <v>0</v>
      </c>
      <c r="CH14" s="61">
        <v>0</v>
      </c>
      <c r="CI14" s="61">
        <v>0</v>
      </c>
      <c r="CJ14" s="61">
        <v>0</v>
      </c>
      <c r="CK14" s="62">
        <v>0</v>
      </c>
      <c r="CL14" s="63">
        <v>0</v>
      </c>
      <c r="CM14" s="60">
        <v>277</v>
      </c>
      <c r="CN14" s="61">
        <v>191</v>
      </c>
      <c r="CO14" s="62">
        <v>468</v>
      </c>
      <c r="CP14" s="228"/>
      <c r="CQ14" s="61">
        <v>275</v>
      </c>
      <c r="CR14" s="61">
        <v>165</v>
      </c>
      <c r="CS14" s="61">
        <v>102</v>
      </c>
      <c r="CT14" s="61">
        <v>84</v>
      </c>
      <c r="CU14" s="61">
        <v>70</v>
      </c>
      <c r="CV14" s="62">
        <v>696</v>
      </c>
      <c r="CW14" s="63">
        <v>1164</v>
      </c>
      <c r="CX14" s="113">
        <v>109</v>
      </c>
      <c r="CY14" s="72">
        <v>73</v>
      </c>
      <c r="CZ14" s="73">
        <v>182</v>
      </c>
      <c r="DA14" s="228"/>
      <c r="DB14" s="72">
        <v>110</v>
      </c>
      <c r="DC14" s="72">
        <v>60</v>
      </c>
      <c r="DD14" s="72">
        <v>49</v>
      </c>
      <c r="DE14" s="72">
        <v>45</v>
      </c>
      <c r="DF14" s="72">
        <v>40</v>
      </c>
      <c r="DG14" s="74">
        <v>304</v>
      </c>
      <c r="DH14" s="75">
        <v>486</v>
      </c>
      <c r="DI14" s="60">
        <v>3</v>
      </c>
      <c r="DJ14" s="61">
        <v>4</v>
      </c>
      <c r="DK14" s="62">
        <v>7</v>
      </c>
      <c r="DL14" s="228"/>
      <c r="DM14" s="61">
        <v>0</v>
      </c>
      <c r="DN14" s="61">
        <v>1</v>
      </c>
      <c r="DO14" s="61">
        <v>0</v>
      </c>
      <c r="DP14" s="61">
        <v>0</v>
      </c>
      <c r="DQ14" s="61">
        <v>0</v>
      </c>
      <c r="DR14" s="62">
        <v>1</v>
      </c>
      <c r="DS14" s="63">
        <v>8</v>
      </c>
      <c r="DT14" s="60">
        <v>9</v>
      </c>
      <c r="DU14" s="61">
        <v>3</v>
      </c>
      <c r="DV14" s="62">
        <v>12</v>
      </c>
      <c r="DW14" s="228"/>
      <c r="DX14" s="61">
        <v>8</v>
      </c>
      <c r="DY14" s="61">
        <v>0</v>
      </c>
      <c r="DZ14" s="61">
        <v>1</v>
      </c>
      <c r="EA14" s="61">
        <v>1</v>
      </c>
      <c r="EB14" s="61">
        <v>3</v>
      </c>
      <c r="EC14" s="62">
        <v>13</v>
      </c>
      <c r="ED14" s="63">
        <v>25</v>
      </c>
      <c r="EE14" s="60">
        <v>16</v>
      </c>
      <c r="EF14" s="61">
        <v>10</v>
      </c>
      <c r="EG14" s="62">
        <v>26</v>
      </c>
      <c r="EH14" s="228"/>
      <c r="EI14" s="61">
        <v>8</v>
      </c>
      <c r="EJ14" s="61">
        <v>6</v>
      </c>
      <c r="EK14" s="61">
        <v>5</v>
      </c>
      <c r="EL14" s="61">
        <v>2</v>
      </c>
      <c r="EM14" s="61">
        <v>0</v>
      </c>
      <c r="EN14" s="62">
        <v>21</v>
      </c>
      <c r="EO14" s="63">
        <v>47</v>
      </c>
      <c r="EP14" s="60">
        <v>27</v>
      </c>
      <c r="EQ14" s="61">
        <v>15</v>
      </c>
      <c r="ER14" s="62">
        <v>42</v>
      </c>
      <c r="ES14" s="228"/>
      <c r="ET14" s="61">
        <v>24</v>
      </c>
      <c r="EU14" s="61">
        <v>12</v>
      </c>
      <c r="EV14" s="61">
        <v>5</v>
      </c>
      <c r="EW14" s="61">
        <v>3</v>
      </c>
      <c r="EX14" s="61">
        <v>5</v>
      </c>
      <c r="EY14" s="62">
        <v>49</v>
      </c>
      <c r="EZ14" s="63">
        <v>91</v>
      </c>
      <c r="FA14" s="60">
        <v>30</v>
      </c>
      <c r="FB14" s="61">
        <v>25</v>
      </c>
      <c r="FC14" s="62">
        <v>55</v>
      </c>
      <c r="FD14" s="228"/>
      <c r="FE14" s="61">
        <v>31</v>
      </c>
      <c r="FF14" s="61">
        <v>18</v>
      </c>
      <c r="FG14" s="61">
        <v>15</v>
      </c>
      <c r="FH14" s="61">
        <v>10</v>
      </c>
      <c r="FI14" s="61">
        <v>8</v>
      </c>
      <c r="FJ14" s="62">
        <v>82</v>
      </c>
      <c r="FK14" s="63">
        <v>137</v>
      </c>
      <c r="FL14" s="60">
        <v>24</v>
      </c>
      <c r="FM14" s="61">
        <v>16</v>
      </c>
      <c r="FN14" s="62">
        <v>40</v>
      </c>
      <c r="FO14" s="228"/>
      <c r="FP14" s="61">
        <v>39</v>
      </c>
      <c r="FQ14" s="61">
        <v>23</v>
      </c>
      <c r="FR14" s="61">
        <v>23</v>
      </c>
      <c r="FS14" s="61">
        <v>29</v>
      </c>
      <c r="FT14" s="61">
        <v>24</v>
      </c>
      <c r="FU14" s="62">
        <v>138</v>
      </c>
      <c r="FV14" s="63">
        <v>178</v>
      </c>
      <c r="FW14" s="60">
        <v>0</v>
      </c>
      <c r="FX14" s="61">
        <v>0</v>
      </c>
      <c r="FY14" s="62">
        <v>0</v>
      </c>
      <c r="FZ14" s="228"/>
      <c r="GA14" s="61">
        <v>0</v>
      </c>
      <c r="GB14" s="61">
        <v>0</v>
      </c>
      <c r="GC14" s="61">
        <v>0</v>
      </c>
      <c r="GD14" s="61">
        <v>0</v>
      </c>
      <c r="GE14" s="61">
        <v>0</v>
      </c>
      <c r="GF14" s="62">
        <v>0</v>
      </c>
      <c r="GG14" s="63">
        <v>0</v>
      </c>
      <c r="GH14" s="60">
        <v>109</v>
      </c>
      <c r="GI14" s="61">
        <v>73</v>
      </c>
      <c r="GJ14" s="62">
        <v>182</v>
      </c>
      <c r="GK14" s="228"/>
      <c r="GL14" s="61">
        <v>110</v>
      </c>
      <c r="GM14" s="61">
        <v>60</v>
      </c>
      <c r="GN14" s="61">
        <v>49</v>
      </c>
      <c r="GO14" s="61">
        <v>45</v>
      </c>
      <c r="GP14" s="61">
        <v>40</v>
      </c>
      <c r="GQ14" s="62">
        <v>304</v>
      </c>
      <c r="GR14" s="63">
        <v>486</v>
      </c>
      <c r="GS14" s="113">
        <v>386</v>
      </c>
      <c r="GT14" s="72">
        <v>264</v>
      </c>
      <c r="GU14" s="73">
        <v>650</v>
      </c>
      <c r="GV14" s="228"/>
      <c r="GW14" s="72">
        <v>385</v>
      </c>
      <c r="GX14" s="72">
        <v>225</v>
      </c>
      <c r="GY14" s="72">
        <v>151</v>
      </c>
      <c r="GZ14" s="72">
        <v>129</v>
      </c>
      <c r="HA14" s="72">
        <v>110</v>
      </c>
      <c r="HB14" s="74">
        <v>1000</v>
      </c>
      <c r="HC14" s="75">
        <v>1650</v>
      </c>
      <c r="HD14" s="60">
        <v>8</v>
      </c>
      <c r="HE14" s="61">
        <v>13</v>
      </c>
      <c r="HF14" s="62">
        <v>21</v>
      </c>
      <c r="HG14" s="228"/>
      <c r="HH14" s="61">
        <v>9</v>
      </c>
      <c r="HI14" s="61">
        <v>8</v>
      </c>
      <c r="HJ14" s="61">
        <v>3</v>
      </c>
      <c r="HK14" s="61">
        <v>7</v>
      </c>
      <c r="HL14" s="61">
        <v>1</v>
      </c>
      <c r="HM14" s="62">
        <v>28</v>
      </c>
      <c r="HN14" s="63">
        <v>49</v>
      </c>
      <c r="HO14" s="60">
        <v>33</v>
      </c>
      <c r="HP14" s="61">
        <v>17</v>
      </c>
      <c r="HQ14" s="62">
        <v>50</v>
      </c>
      <c r="HR14" s="228"/>
      <c r="HS14" s="61">
        <v>28</v>
      </c>
      <c r="HT14" s="61">
        <v>18</v>
      </c>
      <c r="HU14" s="61">
        <v>10</v>
      </c>
      <c r="HV14" s="61">
        <v>8</v>
      </c>
      <c r="HW14" s="61">
        <v>13</v>
      </c>
      <c r="HX14" s="62">
        <v>77</v>
      </c>
      <c r="HY14" s="63">
        <v>127</v>
      </c>
      <c r="HZ14" s="60">
        <v>38</v>
      </c>
      <c r="IA14" s="61">
        <v>41</v>
      </c>
      <c r="IB14" s="62">
        <v>79</v>
      </c>
      <c r="IC14" s="228"/>
      <c r="ID14" s="61">
        <v>42</v>
      </c>
      <c r="IE14" s="61">
        <v>28</v>
      </c>
      <c r="IF14" s="61">
        <v>13</v>
      </c>
      <c r="IG14" s="61">
        <v>11</v>
      </c>
      <c r="IH14" s="61">
        <v>11</v>
      </c>
      <c r="II14" s="62">
        <v>105</v>
      </c>
      <c r="IJ14" s="63">
        <v>184</v>
      </c>
      <c r="IK14" s="60">
        <v>90</v>
      </c>
      <c r="IL14" s="61">
        <v>57</v>
      </c>
      <c r="IM14" s="62">
        <v>147</v>
      </c>
      <c r="IN14" s="228"/>
      <c r="IO14" s="61">
        <v>91</v>
      </c>
      <c r="IP14" s="61">
        <v>41</v>
      </c>
      <c r="IQ14" s="61">
        <v>21</v>
      </c>
      <c r="IR14" s="61">
        <v>15</v>
      </c>
      <c r="IS14" s="61">
        <v>22</v>
      </c>
      <c r="IT14" s="62">
        <v>190</v>
      </c>
      <c r="IU14" s="63">
        <v>337</v>
      </c>
      <c r="IV14" s="60">
        <v>114</v>
      </c>
      <c r="IW14" s="61">
        <v>68</v>
      </c>
      <c r="IX14" s="62">
        <v>182</v>
      </c>
      <c r="IY14" s="228"/>
      <c r="IZ14" s="61">
        <v>106</v>
      </c>
      <c r="JA14" s="61">
        <v>64</v>
      </c>
      <c r="JB14" s="61">
        <v>45</v>
      </c>
      <c r="JC14" s="61">
        <v>27</v>
      </c>
      <c r="JD14" s="61">
        <v>23</v>
      </c>
      <c r="JE14" s="62">
        <v>265</v>
      </c>
      <c r="JF14" s="63">
        <v>447</v>
      </c>
      <c r="JG14" s="60">
        <v>103</v>
      </c>
      <c r="JH14" s="61">
        <v>68</v>
      </c>
      <c r="JI14" s="62">
        <v>171</v>
      </c>
      <c r="JJ14" s="228"/>
      <c r="JK14" s="61">
        <v>109</v>
      </c>
      <c r="JL14" s="61">
        <v>66</v>
      </c>
      <c r="JM14" s="61">
        <v>59</v>
      </c>
      <c r="JN14" s="61">
        <v>61</v>
      </c>
      <c r="JO14" s="61">
        <v>40</v>
      </c>
      <c r="JP14" s="62">
        <v>335</v>
      </c>
      <c r="JQ14" s="63">
        <v>506</v>
      </c>
      <c r="JR14" s="60">
        <v>0</v>
      </c>
      <c r="JS14" s="61">
        <v>0</v>
      </c>
      <c r="JT14" s="62">
        <v>0</v>
      </c>
      <c r="JU14" s="228"/>
      <c r="JV14" s="61">
        <v>0</v>
      </c>
      <c r="JW14" s="61">
        <v>0</v>
      </c>
      <c r="JX14" s="61">
        <v>0</v>
      </c>
      <c r="JY14" s="61">
        <v>0</v>
      </c>
      <c r="JZ14" s="61">
        <v>0</v>
      </c>
      <c r="KA14" s="62">
        <v>0</v>
      </c>
      <c r="KB14" s="63">
        <v>0</v>
      </c>
      <c r="KC14" s="60">
        <v>386</v>
      </c>
      <c r="KD14" s="61">
        <v>264</v>
      </c>
      <c r="KE14" s="62">
        <v>650</v>
      </c>
      <c r="KF14" s="228"/>
      <c r="KG14" s="61">
        <v>385</v>
      </c>
      <c r="KH14" s="61">
        <v>225</v>
      </c>
      <c r="KI14" s="61">
        <v>151</v>
      </c>
      <c r="KJ14" s="61">
        <v>129</v>
      </c>
      <c r="KK14" s="61">
        <v>110</v>
      </c>
      <c r="KL14" s="62">
        <v>1000</v>
      </c>
      <c r="KM14" s="63">
        <v>1650</v>
      </c>
    </row>
    <row r="15" spans="2:299" ht="21" customHeight="1" x14ac:dyDescent="0.2">
      <c r="B15" s="472" t="s">
        <v>11</v>
      </c>
      <c r="C15" s="293">
        <v>54</v>
      </c>
      <c r="D15" s="72">
        <v>39</v>
      </c>
      <c r="E15" s="73">
        <v>93</v>
      </c>
      <c r="F15" s="228"/>
      <c r="G15" s="72">
        <v>97</v>
      </c>
      <c r="H15" s="72">
        <v>46</v>
      </c>
      <c r="I15" s="72">
        <v>39</v>
      </c>
      <c r="J15" s="72">
        <v>31</v>
      </c>
      <c r="K15" s="72">
        <v>12</v>
      </c>
      <c r="L15" s="74">
        <v>225</v>
      </c>
      <c r="M15" s="75">
        <v>318</v>
      </c>
      <c r="N15" s="60">
        <v>1</v>
      </c>
      <c r="O15" s="61">
        <v>1</v>
      </c>
      <c r="P15" s="62">
        <v>2</v>
      </c>
      <c r="Q15" s="228"/>
      <c r="R15" s="61">
        <v>5</v>
      </c>
      <c r="S15" s="61">
        <v>0</v>
      </c>
      <c r="T15" s="61">
        <v>0</v>
      </c>
      <c r="U15" s="61">
        <v>2</v>
      </c>
      <c r="V15" s="61">
        <v>1</v>
      </c>
      <c r="W15" s="62">
        <v>8</v>
      </c>
      <c r="X15" s="63">
        <v>10</v>
      </c>
      <c r="Y15" s="60">
        <v>6</v>
      </c>
      <c r="Z15" s="61">
        <v>0</v>
      </c>
      <c r="AA15" s="62">
        <v>6</v>
      </c>
      <c r="AB15" s="228"/>
      <c r="AC15" s="61">
        <v>7</v>
      </c>
      <c r="AD15" s="61">
        <v>1</v>
      </c>
      <c r="AE15" s="61">
        <v>5</v>
      </c>
      <c r="AF15" s="61">
        <v>1</v>
      </c>
      <c r="AG15" s="61">
        <v>1</v>
      </c>
      <c r="AH15" s="62">
        <v>15</v>
      </c>
      <c r="AI15" s="63">
        <v>21</v>
      </c>
      <c r="AJ15" s="60">
        <v>9</v>
      </c>
      <c r="AK15" s="61">
        <v>9</v>
      </c>
      <c r="AL15" s="62">
        <v>18</v>
      </c>
      <c r="AM15" s="228"/>
      <c r="AN15" s="61">
        <v>22</v>
      </c>
      <c r="AO15" s="61">
        <v>7</v>
      </c>
      <c r="AP15" s="61">
        <v>4</v>
      </c>
      <c r="AQ15" s="61">
        <v>3</v>
      </c>
      <c r="AR15" s="61">
        <v>1</v>
      </c>
      <c r="AS15" s="62">
        <v>37</v>
      </c>
      <c r="AT15" s="63">
        <v>55</v>
      </c>
      <c r="AU15" s="60">
        <v>9</v>
      </c>
      <c r="AV15" s="61">
        <v>7</v>
      </c>
      <c r="AW15" s="62">
        <v>16</v>
      </c>
      <c r="AX15" s="228"/>
      <c r="AY15" s="61">
        <v>22</v>
      </c>
      <c r="AZ15" s="61">
        <v>11</v>
      </c>
      <c r="BA15" s="61">
        <v>9</v>
      </c>
      <c r="BB15" s="61">
        <v>11</v>
      </c>
      <c r="BC15" s="61">
        <v>2</v>
      </c>
      <c r="BD15" s="62">
        <v>55</v>
      </c>
      <c r="BE15" s="63">
        <v>71</v>
      </c>
      <c r="BF15" s="60">
        <v>19</v>
      </c>
      <c r="BG15" s="61">
        <v>14</v>
      </c>
      <c r="BH15" s="62">
        <v>33</v>
      </c>
      <c r="BI15" s="228"/>
      <c r="BJ15" s="61">
        <v>20</v>
      </c>
      <c r="BK15" s="61">
        <v>19</v>
      </c>
      <c r="BL15" s="61">
        <v>8</v>
      </c>
      <c r="BM15" s="61">
        <v>7</v>
      </c>
      <c r="BN15" s="61">
        <v>4</v>
      </c>
      <c r="BO15" s="62">
        <v>58</v>
      </c>
      <c r="BP15" s="63">
        <v>91</v>
      </c>
      <c r="BQ15" s="60">
        <v>10</v>
      </c>
      <c r="BR15" s="61">
        <v>8</v>
      </c>
      <c r="BS15" s="62">
        <v>18</v>
      </c>
      <c r="BT15" s="228"/>
      <c r="BU15" s="61">
        <v>21</v>
      </c>
      <c r="BV15" s="61">
        <v>8</v>
      </c>
      <c r="BW15" s="61">
        <v>13</v>
      </c>
      <c r="BX15" s="61">
        <v>7</v>
      </c>
      <c r="BY15" s="61">
        <v>3</v>
      </c>
      <c r="BZ15" s="62">
        <v>52</v>
      </c>
      <c r="CA15" s="63">
        <v>70</v>
      </c>
      <c r="CB15" s="60">
        <v>0</v>
      </c>
      <c r="CC15" s="61">
        <v>0</v>
      </c>
      <c r="CD15" s="62">
        <v>0</v>
      </c>
      <c r="CE15" s="228"/>
      <c r="CF15" s="61">
        <v>0</v>
      </c>
      <c r="CG15" s="61">
        <v>0</v>
      </c>
      <c r="CH15" s="61">
        <v>0</v>
      </c>
      <c r="CI15" s="61">
        <v>0</v>
      </c>
      <c r="CJ15" s="61">
        <v>0</v>
      </c>
      <c r="CK15" s="62">
        <v>0</v>
      </c>
      <c r="CL15" s="63">
        <v>0</v>
      </c>
      <c r="CM15" s="60">
        <v>54</v>
      </c>
      <c r="CN15" s="61">
        <v>39</v>
      </c>
      <c r="CO15" s="62">
        <v>93</v>
      </c>
      <c r="CP15" s="228"/>
      <c r="CQ15" s="61">
        <v>97</v>
      </c>
      <c r="CR15" s="61">
        <v>46</v>
      </c>
      <c r="CS15" s="61">
        <v>39</v>
      </c>
      <c r="CT15" s="61">
        <v>31</v>
      </c>
      <c r="CU15" s="61">
        <v>12</v>
      </c>
      <c r="CV15" s="62">
        <v>225</v>
      </c>
      <c r="CW15" s="63">
        <v>318</v>
      </c>
      <c r="CX15" s="113">
        <v>21</v>
      </c>
      <c r="CY15" s="72">
        <v>19</v>
      </c>
      <c r="CZ15" s="73">
        <v>40</v>
      </c>
      <c r="DA15" s="228"/>
      <c r="DB15" s="72">
        <v>47</v>
      </c>
      <c r="DC15" s="72">
        <v>19</v>
      </c>
      <c r="DD15" s="72">
        <v>24</v>
      </c>
      <c r="DE15" s="72">
        <v>34</v>
      </c>
      <c r="DF15" s="72">
        <v>11</v>
      </c>
      <c r="DG15" s="74">
        <v>135</v>
      </c>
      <c r="DH15" s="75">
        <v>175</v>
      </c>
      <c r="DI15" s="60">
        <v>0</v>
      </c>
      <c r="DJ15" s="61">
        <v>1</v>
      </c>
      <c r="DK15" s="62">
        <v>1</v>
      </c>
      <c r="DL15" s="228"/>
      <c r="DM15" s="61">
        <v>2</v>
      </c>
      <c r="DN15" s="61">
        <v>1</v>
      </c>
      <c r="DO15" s="61">
        <v>0</v>
      </c>
      <c r="DP15" s="61">
        <v>0</v>
      </c>
      <c r="DQ15" s="61">
        <v>0</v>
      </c>
      <c r="DR15" s="62">
        <v>3</v>
      </c>
      <c r="DS15" s="63">
        <v>4</v>
      </c>
      <c r="DT15" s="60">
        <v>0</v>
      </c>
      <c r="DU15" s="61">
        <v>1</v>
      </c>
      <c r="DV15" s="62">
        <v>1</v>
      </c>
      <c r="DW15" s="228"/>
      <c r="DX15" s="61">
        <v>3</v>
      </c>
      <c r="DY15" s="61">
        <v>1</v>
      </c>
      <c r="DZ15" s="61">
        <v>0</v>
      </c>
      <c r="EA15" s="61">
        <v>2</v>
      </c>
      <c r="EB15" s="61">
        <v>1</v>
      </c>
      <c r="EC15" s="62">
        <v>7</v>
      </c>
      <c r="ED15" s="63">
        <v>8</v>
      </c>
      <c r="EE15" s="60">
        <v>3</v>
      </c>
      <c r="EF15" s="61">
        <v>3</v>
      </c>
      <c r="EG15" s="62">
        <v>6</v>
      </c>
      <c r="EH15" s="228"/>
      <c r="EI15" s="61">
        <v>5</v>
      </c>
      <c r="EJ15" s="61">
        <v>2</v>
      </c>
      <c r="EK15" s="61">
        <v>1</v>
      </c>
      <c r="EL15" s="61">
        <v>1</v>
      </c>
      <c r="EM15" s="61">
        <v>2</v>
      </c>
      <c r="EN15" s="62">
        <v>11</v>
      </c>
      <c r="EO15" s="63">
        <v>17</v>
      </c>
      <c r="EP15" s="60">
        <v>2</v>
      </c>
      <c r="EQ15" s="61">
        <v>4</v>
      </c>
      <c r="ER15" s="62">
        <v>6</v>
      </c>
      <c r="ES15" s="228"/>
      <c r="ET15" s="61">
        <v>9</v>
      </c>
      <c r="EU15" s="61">
        <v>3</v>
      </c>
      <c r="EV15" s="61">
        <v>3</v>
      </c>
      <c r="EW15" s="61">
        <v>2</v>
      </c>
      <c r="EX15" s="61">
        <v>1</v>
      </c>
      <c r="EY15" s="62">
        <v>18</v>
      </c>
      <c r="EZ15" s="63">
        <v>24</v>
      </c>
      <c r="FA15" s="60">
        <v>14</v>
      </c>
      <c r="FB15" s="61">
        <v>5</v>
      </c>
      <c r="FC15" s="62">
        <v>19</v>
      </c>
      <c r="FD15" s="228"/>
      <c r="FE15" s="61">
        <v>15</v>
      </c>
      <c r="FF15" s="61">
        <v>8</v>
      </c>
      <c r="FG15" s="61">
        <v>8</v>
      </c>
      <c r="FH15" s="61">
        <v>9</v>
      </c>
      <c r="FI15" s="61">
        <v>3</v>
      </c>
      <c r="FJ15" s="62">
        <v>43</v>
      </c>
      <c r="FK15" s="63">
        <v>62</v>
      </c>
      <c r="FL15" s="60">
        <v>2</v>
      </c>
      <c r="FM15" s="61">
        <v>5</v>
      </c>
      <c r="FN15" s="62">
        <v>7</v>
      </c>
      <c r="FO15" s="228"/>
      <c r="FP15" s="61">
        <v>13</v>
      </c>
      <c r="FQ15" s="61">
        <v>4</v>
      </c>
      <c r="FR15" s="61">
        <v>12</v>
      </c>
      <c r="FS15" s="61">
        <v>20</v>
      </c>
      <c r="FT15" s="61">
        <v>4</v>
      </c>
      <c r="FU15" s="62">
        <v>53</v>
      </c>
      <c r="FV15" s="63">
        <v>60</v>
      </c>
      <c r="FW15" s="60">
        <v>0</v>
      </c>
      <c r="FX15" s="61">
        <v>0</v>
      </c>
      <c r="FY15" s="62">
        <v>0</v>
      </c>
      <c r="FZ15" s="228"/>
      <c r="GA15" s="61">
        <v>0</v>
      </c>
      <c r="GB15" s="61">
        <v>0</v>
      </c>
      <c r="GC15" s="61">
        <v>0</v>
      </c>
      <c r="GD15" s="61">
        <v>0</v>
      </c>
      <c r="GE15" s="61">
        <v>0</v>
      </c>
      <c r="GF15" s="62">
        <v>0</v>
      </c>
      <c r="GG15" s="63">
        <v>0</v>
      </c>
      <c r="GH15" s="60">
        <v>21</v>
      </c>
      <c r="GI15" s="61">
        <v>19</v>
      </c>
      <c r="GJ15" s="62">
        <v>40</v>
      </c>
      <c r="GK15" s="228"/>
      <c r="GL15" s="61">
        <v>47</v>
      </c>
      <c r="GM15" s="61">
        <v>19</v>
      </c>
      <c r="GN15" s="61">
        <v>24</v>
      </c>
      <c r="GO15" s="61">
        <v>34</v>
      </c>
      <c r="GP15" s="61">
        <v>11</v>
      </c>
      <c r="GQ15" s="62">
        <v>135</v>
      </c>
      <c r="GR15" s="63">
        <v>175</v>
      </c>
      <c r="GS15" s="113">
        <v>75</v>
      </c>
      <c r="GT15" s="72">
        <v>58</v>
      </c>
      <c r="GU15" s="73">
        <v>133</v>
      </c>
      <c r="GV15" s="228"/>
      <c r="GW15" s="72">
        <v>144</v>
      </c>
      <c r="GX15" s="72">
        <v>65</v>
      </c>
      <c r="GY15" s="72">
        <v>63</v>
      </c>
      <c r="GZ15" s="72">
        <v>65</v>
      </c>
      <c r="HA15" s="72">
        <v>23</v>
      </c>
      <c r="HB15" s="74">
        <v>360</v>
      </c>
      <c r="HC15" s="75">
        <v>493</v>
      </c>
      <c r="HD15" s="60">
        <v>1</v>
      </c>
      <c r="HE15" s="61">
        <v>2</v>
      </c>
      <c r="HF15" s="62">
        <v>3</v>
      </c>
      <c r="HG15" s="228"/>
      <c r="HH15" s="61">
        <v>7</v>
      </c>
      <c r="HI15" s="61">
        <v>1</v>
      </c>
      <c r="HJ15" s="61">
        <v>0</v>
      </c>
      <c r="HK15" s="61">
        <v>2</v>
      </c>
      <c r="HL15" s="61">
        <v>1</v>
      </c>
      <c r="HM15" s="62">
        <v>11</v>
      </c>
      <c r="HN15" s="63">
        <v>14</v>
      </c>
      <c r="HO15" s="60">
        <v>6</v>
      </c>
      <c r="HP15" s="61">
        <v>1</v>
      </c>
      <c r="HQ15" s="62">
        <v>7</v>
      </c>
      <c r="HR15" s="228"/>
      <c r="HS15" s="61">
        <v>10</v>
      </c>
      <c r="HT15" s="61">
        <v>2</v>
      </c>
      <c r="HU15" s="61">
        <v>5</v>
      </c>
      <c r="HV15" s="61">
        <v>3</v>
      </c>
      <c r="HW15" s="61">
        <v>2</v>
      </c>
      <c r="HX15" s="62">
        <v>22</v>
      </c>
      <c r="HY15" s="63">
        <v>29</v>
      </c>
      <c r="HZ15" s="60">
        <v>12</v>
      </c>
      <c r="IA15" s="61">
        <v>12</v>
      </c>
      <c r="IB15" s="62">
        <v>24</v>
      </c>
      <c r="IC15" s="228"/>
      <c r="ID15" s="61">
        <v>27</v>
      </c>
      <c r="IE15" s="61">
        <v>9</v>
      </c>
      <c r="IF15" s="61">
        <v>5</v>
      </c>
      <c r="IG15" s="61">
        <v>4</v>
      </c>
      <c r="IH15" s="61">
        <v>3</v>
      </c>
      <c r="II15" s="62">
        <v>48</v>
      </c>
      <c r="IJ15" s="63">
        <v>72</v>
      </c>
      <c r="IK15" s="60">
        <v>11</v>
      </c>
      <c r="IL15" s="61">
        <v>11</v>
      </c>
      <c r="IM15" s="62">
        <v>22</v>
      </c>
      <c r="IN15" s="228"/>
      <c r="IO15" s="61">
        <v>31</v>
      </c>
      <c r="IP15" s="61">
        <v>14</v>
      </c>
      <c r="IQ15" s="61">
        <v>12</v>
      </c>
      <c r="IR15" s="61">
        <v>13</v>
      </c>
      <c r="IS15" s="61">
        <v>3</v>
      </c>
      <c r="IT15" s="62">
        <v>73</v>
      </c>
      <c r="IU15" s="63">
        <v>95</v>
      </c>
      <c r="IV15" s="60">
        <v>33</v>
      </c>
      <c r="IW15" s="61">
        <v>19</v>
      </c>
      <c r="IX15" s="62">
        <v>52</v>
      </c>
      <c r="IY15" s="228"/>
      <c r="IZ15" s="61">
        <v>35</v>
      </c>
      <c r="JA15" s="61">
        <v>27</v>
      </c>
      <c r="JB15" s="61">
        <v>16</v>
      </c>
      <c r="JC15" s="61">
        <v>16</v>
      </c>
      <c r="JD15" s="61">
        <v>7</v>
      </c>
      <c r="JE15" s="62">
        <v>101</v>
      </c>
      <c r="JF15" s="63">
        <v>153</v>
      </c>
      <c r="JG15" s="60">
        <v>12</v>
      </c>
      <c r="JH15" s="61">
        <v>13</v>
      </c>
      <c r="JI15" s="62">
        <v>25</v>
      </c>
      <c r="JJ15" s="228"/>
      <c r="JK15" s="61">
        <v>34</v>
      </c>
      <c r="JL15" s="61">
        <v>12</v>
      </c>
      <c r="JM15" s="61">
        <v>25</v>
      </c>
      <c r="JN15" s="61">
        <v>27</v>
      </c>
      <c r="JO15" s="61">
        <v>7</v>
      </c>
      <c r="JP15" s="62">
        <v>105</v>
      </c>
      <c r="JQ15" s="63">
        <v>130</v>
      </c>
      <c r="JR15" s="60">
        <v>0</v>
      </c>
      <c r="JS15" s="61">
        <v>0</v>
      </c>
      <c r="JT15" s="62">
        <v>0</v>
      </c>
      <c r="JU15" s="228"/>
      <c r="JV15" s="61">
        <v>0</v>
      </c>
      <c r="JW15" s="61">
        <v>0</v>
      </c>
      <c r="JX15" s="61">
        <v>0</v>
      </c>
      <c r="JY15" s="61">
        <v>0</v>
      </c>
      <c r="JZ15" s="61">
        <v>0</v>
      </c>
      <c r="KA15" s="62">
        <v>0</v>
      </c>
      <c r="KB15" s="63">
        <v>0</v>
      </c>
      <c r="KC15" s="60">
        <v>75</v>
      </c>
      <c r="KD15" s="61">
        <v>58</v>
      </c>
      <c r="KE15" s="62">
        <v>133</v>
      </c>
      <c r="KF15" s="228"/>
      <c r="KG15" s="61">
        <v>144</v>
      </c>
      <c r="KH15" s="61">
        <v>65</v>
      </c>
      <c r="KI15" s="61">
        <v>63</v>
      </c>
      <c r="KJ15" s="61">
        <v>65</v>
      </c>
      <c r="KK15" s="61">
        <v>23</v>
      </c>
      <c r="KL15" s="62">
        <v>360</v>
      </c>
      <c r="KM15" s="63">
        <v>493</v>
      </c>
    </row>
    <row r="16" spans="2:299" ht="21" customHeight="1" x14ac:dyDescent="0.2">
      <c r="B16" s="472" t="s">
        <v>12</v>
      </c>
      <c r="C16" s="293">
        <v>130</v>
      </c>
      <c r="D16" s="72">
        <v>109</v>
      </c>
      <c r="E16" s="73">
        <v>239</v>
      </c>
      <c r="F16" s="228"/>
      <c r="G16" s="72">
        <v>113</v>
      </c>
      <c r="H16" s="72">
        <v>79</v>
      </c>
      <c r="I16" s="72">
        <v>55</v>
      </c>
      <c r="J16" s="72">
        <v>58</v>
      </c>
      <c r="K16" s="72">
        <v>36</v>
      </c>
      <c r="L16" s="74">
        <v>341</v>
      </c>
      <c r="M16" s="75">
        <v>580</v>
      </c>
      <c r="N16" s="76">
        <v>4</v>
      </c>
      <c r="O16" s="61">
        <v>5</v>
      </c>
      <c r="P16" s="62">
        <v>9</v>
      </c>
      <c r="Q16" s="228"/>
      <c r="R16" s="61">
        <v>1</v>
      </c>
      <c r="S16" s="61">
        <v>3</v>
      </c>
      <c r="T16" s="61">
        <v>3</v>
      </c>
      <c r="U16" s="61">
        <v>4</v>
      </c>
      <c r="V16" s="61">
        <v>1</v>
      </c>
      <c r="W16" s="62">
        <v>12</v>
      </c>
      <c r="X16" s="63">
        <v>21</v>
      </c>
      <c r="Y16" s="60">
        <v>9</v>
      </c>
      <c r="Z16" s="61">
        <v>12</v>
      </c>
      <c r="AA16" s="62">
        <v>21</v>
      </c>
      <c r="AB16" s="228"/>
      <c r="AC16" s="61">
        <v>7</v>
      </c>
      <c r="AD16" s="61">
        <v>3</v>
      </c>
      <c r="AE16" s="61">
        <v>3</v>
      </c>
      <c r="AF16" s="61">
        <v>2</v>
      </c>
      <c r="AG16" s="61">
        <v>1</v>
      </c>
      <c r="AH16" s="62">
        <v>16</v>
      </c>
      <c r="AI16" s="63">
        <v>37</v>
      </c>
      <c r="AJ16" s="76">
        <v>13</v>
      </c>
      <c r="AK16" s="61">
        <v>11</v>
      </c>
      <c r="AL16" s="62">
        <v>24</v>
      </c>
      <c r="AM16" s="228"/>
      <c r="AN16" s="61">
        <v>8</v>
      </c>
      <c r="AO16" s="61">
        <v>8</v>
      </c>
      <c r="AP16" s="61">
        <v>5</v>
      </c>
      <c r="AQ16" s="61">
        <v>6</v>
      </c>
      <c r="AR16" s="61">
        <v>4</v>
      </c>
      <c r="AS16" s="62">
        <v>31</v>
      </c>
      <c r="AT16" s="63">
        <v>55</v>
      </c>
      <c r="AU16" s="60">
        <v>29</v>
      </c>
      <c r="AV16" s="61">
        <v>28</v>
      </c>
      <c r="AW16" s="62">
        <v>57</v>
      </c>
      <c r="AX16" s="228"/>
      <c r="AY16" s="61">
        <v>22</v>
      </c>
      <c r="AZ16" s="61">
        <v>17</v>
      </c>
      <c r="BA16" s="61">
        <v>14</v>
      </c>
      <c r="BB16" s="61">
        <v>11</v>
      </c>
      <c r="BC16" s="61">
        <v>14</v>
      </c>
      <c r="BD16" s="62">
        <v>78</v>
      </c>
      <c r="BE16" s="63">
        <v>135</v>
      </c>
      <c r="BF16" s="76">
        <v>44</v>
      </c>
      <c r="BG16" s="61">
        <v>23</v>
      </c>
      <c r="BH16" s="62">
        <v>67</v>
      </c>
      <c r="BI16" s="228"/>
      <c r="BJ16" s="61">
        <v>39</v>
      </c>
      <c r="BK16" s="61">
        <v>26</v>
      </c>
      <c r="BL16" s="61">
        <v>18</v>
      </c>
      <c r="BM16" s="61">
        <v>20</v>
      </c>
      <c r="BN16" s="61">
        <v>6</v>
      </c>
      <c r="BO16" s="62">
        <v>109</v>
      </c>
      <c r="BP16" s="63">
        <v>176</v>
      </c>
      <c r="BQ16" s="60">
        <v>31</v>
      </c>
      <c r="BR16" s="61">
        <v>30</v>
      </c>
      <c r="BS16" s="62">
        <v>61</v>
      </c>
      <c r="BT16" s="228"/>
      <c r="BU16" s="61">
        <v>36</v>
      </c>
      <c r="BV16" s="61">
        <v>22</v>
      </c>
      <c r="BW16" s="61">
        <v>12</v>
      </c>
      <c r="BX16" s="61">
        <v>15</v>
      </c>
      <c r="BY16" s="61">
        <v>10</v>
      </c>
      <c r="BZ16" s="62">
        <v>95</v>
      </c>
      <c r="CA16" s="63">
        <v>156</v>
      </c>
      <c r="CB16" s="60">
        <v>0</v>
      </c>
      <c r="CC16" s="61">
        <v>0</v>
      </c>
      <c r="CD16" s="62">
        <v>0</v>
      </c>
      <c r="CE16" s="228"/>
      <c r="CF16" s="61">
        <v>0</v>
      </c>
      <c r="CG16" s="61">
        <v>0</v>
      </c>
      <c r="CH16" s="61">
        <v>0</v>
      </c>
      <c r="CI16" s="61">
        <v>0</v>
      </c>
      <c r="CJ16" s="61">
        <v>0</v>
      </c>
      <c r="CK16" s="62">
        <v>0</v>
      </c>
      <c r="CL16" s="63">
        <v>0</v>
      </c>
      <c r="CM16" s="60">
        <v>130</v>
      </c>
      <c r="CN16" s="61">
        <v>109</v>
      </c>
      <c r="CO16" s="62">
        <v>239</v>
      </c>
      <c r="CP16" s="228"/>
      <c r="CQ16" s="61">
        <v>113</v>
      </c>
      <c r="CR16" s="61">
        <v>79</v>
      </c>
      <c r="CS16" s="61">
        <v>55</v>
      </c>
      <c r="CT16" s="61">
        <v>58</v>
      </c>
      <c r="CU16" s="61">
        <v>36</v>
      </c>
      <c r="CV16" s="62">
        <v>341</v>
      </c>
      <c r="CW16" s="63">
        <v>580</v>
      </c>
      <c r="CX16" s="113">
        <v>37</v>
      </c>
      <c r="CY16" s="72">
        <v>37</v>
      </c>
      <c r="CZ16" s="73">
        <v>74</v>
      </c>
      <c r="DA16" s="228"/>
      <c r="DB16" s="72">
        <v>35</v>
      </c>
      <c r="DC16" s="72">
        <v>27</v>
      </c>
      <c r="DD16" s="72">
        <v>21</v>
      </c>
      <c r="DE16" s="72">
        <v>36</v>
      </c>
      <c r="DF16" s="72">
        <v>13</v>
      </c>
      <c r="DG16" s="74">
        <v>132</v>
      </c>
      <c r="DH16" s="75">
        <v>206</v>
      </c>
      <c r="DI16" s="76">
        <v>2</v>
      </c>
      <c r="DJ16" s="61">
        <v>0</v>
      </c>
      <c r="DK16" s="62">
        <v>2</v>
      </c>
      <c r="DL16" s="228"/>
      <c r="DM16" s="61">
        <v>0</v>
      </c>
      <c r="DN16" s="61">
        <v>0</v>
      </c>
      <c r="DO16" s="61">
        <v>1</v>
      </c>
      <c r="DP16" s="61">
        <v>0</v>
      </c>
      <c r="DQ16" s="61">
        <v>0</v>
      </c>
      <c r="DR16" s="62">
        <v>1</v>
      </c>
      <c r="DS16" s="63">
        <v>3</v>
      </c>
      <c r="DT16" s="60">
        <v>3</v>
      </c>
      <c r="DU16" s="61">
        <v>2</v>
      </c>
      <c r="DV16" s="62">
        <v>5</v>
      </c>
      <c r="DW16" s="228"/>
      <c r="DX16" s="61">
        <v>1</v>
      </c>
      <c r="DY16" s="61">
        <v>0</v>
      </c>
      <c r="DZ16" s="61">
        <v>0</v>
      </c>
      <c r="EA16" s="61">
        <v>1</v>
      </c>
      <c r="EB16" s="61">
        <v>1</v>
      </c>
      <c r="EC16" s="62">
        <v>3</v>
      </c>
      <c r="ED16" s="63">
        <v>8</v>
      </c>
      <c r="EE16" s="76">
        <v>7</v>
      </c>
      <c r="EF16" s="61">
        <v>4</v>
      </c>
      <c r="EG16" s="62">
        <v>11</v>
      </c>
      <c r="EH16" s="228"/>
      <c r="EI16" s="61">
        <v>2</v>
      </c>
      <c r="EJ16" s="61">
        <v>3</v>
      </c>
      <c r="EK16" s="61">
        <v>0</v>
      </c>
      <c r="EL16" s="61">
        <v>1</v>
      </c>
      <c r="EM16" s="61">
        <v>3</v>
      </c>
      <c r="EN16" s="62">
        <v>9</v>
      </c>
      <c r="EO16" s="63">
        <v>20</v>
      </c>
      <c r="EP16" s="60">
        <v>8</v>
      </c>
      <c r="EQ16" s="61">
        <v>12</v>
      </c>
      <c r="ER16" s="62">
        <v>20</v>
      </c>
      <c r="ES16" s="228"/>
      <c r="ET16" s="61">
        <v>8</v>
      </c>
      <c r="EU16" s="61">
        <v>6</v>
      </c>
      <c r="EV16" s="61">
        <v>5</v>
      </c>
      <c r="EW16" s="61">
        <v>6</v>
      </c>
      <c r="EX16" s="61">
        <v>3</v>
      </c>
      <c r="EY16" s="62">
        <v>28</v>
      </c>
      <c r="EZ16" s="63">
        <v>48</v>
      </c>
      <c r="FA16" s="76">
        <v>10</v>
      </c>
      <c r="FB16" s="61">
        <v>12</v>
      </c>
      <c r="FC16" s="62">
        <v>22</v>
      </c>
      <c r="FD16" s="228"/>
      <c r="FE16" s="61">
        <v>9</v>
      </c>
      <c r="FF16" s="61">
        <v>11</v>
      </c>
      <c r="FG16" s="61">
        <v>7</v>
      </c>
      <c r="FH16" s="61">
        <v>6</v>
      </c>
      <c r="FI16" s="61">
        <v>1</v>
      </c>
      <c r="FJ16" s="62">
        <v>34</v>
      </c>
      <c r="FK16" s="63">
        <v>56</v>
      </c>
      <c r="FL16" s="60">
        <v>7</v>
      </c>
      <c r="FM16" s="61">
        <v>7</v>
      </c>
      <c r="FN16" s="62">
        <v>14</v>
      </c>
      <c r="FO16" s="228"/>
      <c r="FP16" s="61">
        <v>15</v>
      </c>
      <c r="FQ16" s="61">
        <v>7</v>
      </c>
      <c r="FR16" s="61">
        <v>8</v>
      </c>
      <c r="FS16" s="61">
        <v>22</v>
      </c>
      <c r="FT16" s="61">
        <v>5</v>
      </c>
      <c r="FU16" s="62">
        <v>57</v>
      </c>
      <c r="FV16" s="63">
        <v>71</v>
      </c>
      <c r="FW16" s="60">
        <v>0</v>
      </c>
      <c r="FX16" s="61">
        <v>0</v>
      </c>
      <c r="FY16" s="62">
        <v>0</v>
      </c>
      <c r="FZ16" s="228"/>
      <c r="GA16" s="61">
        <v>0</v>
      </c>
      <c r="GB16" s="61">
        <v>0</v>
      </c>
      <c r="GC16" s="61">
        <v>0</v>
      </c>
      <c r="GD16" s="61">
        <v>0</v>
      </c>
      <c r="GE16" s="61">
        <v>0</v>
      </c>
      <c r="GF16" s="62">
        <v>0</v>
      </c>
      <c r="GG16" s="63">
        <v>0</v>
      </c>
      <c r="GH16" s="60">
        <v>37</v>
      </c>
      <c r="GI16" s="61">
        <v>37</v>
      </c>
      <c r="GJ16" s="62">
        <v>74</v>
      </c>
      <c r="GK16" s="228"/>
      <c r="GL16" s="61">
        <v>35</v>
      </c>
      <c r="GM16" s="61">
        <v>27</v>
      </c>
      <c r="GN16" s="61">
        <v>21</v>
      </c>
      <c r="GO16" s="61">
        <v>36</v>
      </c>
      <c r="GP16" s="61">
        <v>13</v>
      </c>
      <c r="GQ16" s="62">
        <v>132</v>
      </c>
      <c r="GR16" s="63">
        <v>206</v>
      </c>
      <c r="GS16" s="113">
        <v>167</v>
      </c>
      <c r="GT16" s="72">
        <v>146</v>
      </c>
      <c r="GU16" s="73">
        <v>313</v>
      </c>
      <c r="GV16" s="228"/>
      <c r="GW16" s="72">
        <v>148</v>
      </c>
      <c r="GX16" s="72">
        <v>106</v>
      </c>
      <c r="GY16" s="72">
        <v>76</v>
      </c>
      <c r="GZ16" s="72">
        <v>94</v>
      </c>
      <c r="HA16" s="72">
        <v>49</v>
      </c>
      <c r="HB16" s="74">
        <v>473</v>
      </c>
      <c r="HC16" s="75">
        <v>786</v>
      </c>
      <c r="HD16" s="76">
        <v>6</v>
      </c>
      <c r="HE16" s="61">
        <v>5</v>
      </c>
      <c r="HF16" s="62">
        <v>11</v>
      </c>
      <c r="HG16" s="228"/>
      <c r="HH16" s="61">
        <v>1</v>
      </c>
      <c r="HI16" s="61">
        <v>3</v>
      </c>
      <c r="HJ16" s="61">
        <v>4</v>
      </c>
      <c r="HK16" s="61">
        <v>4</v>
      </c>
      <c r="HL16" s="61">
        <v>1</v>
      </c>
      <c r="HM16" s="62">
        <v>13</v>
      </c>
      <c r="HN16" s="63">
        <v>24</v>
      </c>
      <c r="HO16" s="60">
        <v>12</v>
      </c>
      <c r="HP16" s="61">
        <v>14</v>
      </c>
      <c r="HQ16" s="62">
        <v>26</v>
      </c>
      <c r="HR16" s="228"/>
      <c r="HS16" s="61">
        <v>8</v>
      </c>
      <c r="HT16" s="61">
        <v>3</v>
      </c>
      <c r="HU16" s="61">
        <v>3</v>
      </c>
      <c r="HV16" s="61">
        <v>3</v>
      </c>
      <c r="HW16" s="61">
        <v>2</v>
      </c>
      <c r="HX16" s="62">
        <v>19</v>
      </c>
      <c r="HY16" s="63">
        <v>45</v>
      </c>
      <c r="HZ16" s="76">
        <v>20</v>
      </c>
      <c r="IA16" s="61">
        <v>15</v>
      </c>
      <c r="IB16" s="62">
        <v>35</v>
      </c>
      <c r="IC16" s="228"/>
      <c r="ID16" s="61">
        <v>10</v>
      </c>
      <c r="IE16" s="61">
        <v>11</v>
      </c>
      <c r="IF16" s="61">
        <v>5</v>
      </c>
      <c r="IG16" s="61">
        <v>7</v>
      </c>
      <c r="IH16" s="61">
        <v>7</v>
      </c>
      <c r="II16" s="62">
        <v>40</v>
      </c>
      <c r="IJ16" s="63">
        <v>75</v>
      </c>
      <c r="IK16" s="60">
        <v>37</v>
      </c>
      <c r="IL16" s="61">
        <v>40</v>
      </c>
      <c r="IM16" s="62">
        <v>77</v>
      </c>
      <c r="IN16" s="228"/>
      <c r="IO16" s="61">
        <v>30</v>
      </c>
      <c r="IP16" s="61">
        <v>23</v>
      </c>
      <c r="IQ16" s="61">
        <v>19</v>
      </c>
      <c r="IR16" s="61">
        <v>17</v>
      </c>
      <c r="IS16" s="61">
        <v>17</v>
      </c>
      <c r="IT16" s="62">
        <v>106</v>
      </c>
      <c r="IU16" s="63">
        <v>183</v>
      </c>
      <c r="IV16" s="76">
        <v>54</v>
      </c>
      <c r="IW16" s="61">
        <v>35</v>
      </c>
      <c r="IX16" s="62">
        <v>89</v>
      </c>
      <c r="IY16" s="228"/>
      <c r="IZ16" s="61">
        <v>48</v>
      </c>
      <c r="JA16" s="61">
        <v>37</v>
      </c>
      <c r="JB16" s="61">
        <v>25</v>
      </c>
      <c r="JC16" s="61">
        <v>26</v>
      </c>
      <c r="JD16" s="61">
        <v>7</v>
      </c>
      <c r="JE16" s="62">
        <v>143</v>
      </c>
      <c r="JF16" s="63">
        <v>232</v>
      </c>
      <c r="JG16" s="60">
        <v>38</v>
      </c>
      <c r="JH16" s="61">
        <v>37</v>
      </c>
      <c r="JI16" s="62">
        <v>75</v>
      </c>
      <c r="JJ16" s="228"/>
      <c r="JK16" s="61">
        <v>51</v>
      </c>
      <c r="JL16" s="61">
        <v>29</v>
      </c>
      <c r="JM16" s="61">
        <v>20</v>
      </c>
      <c r="JN16" s="61">
        <v>37</v>
      </c>
      <c r="JO16" s="61">
        <v>15</v>
      </c>
      <c r="JP16" s="62">
        <v>152</v>
      </c>
      <c r="JQ16" s="63">
        <v>227</v>
      </c>
      <c r="JR16" s="60">
        <v>0</v>
      </c>
      <c r="JS16" s="61">
        <v>0</v>
      </c>
      <c r="JT16" s="62">
        <v>0</v>
      </c>
      <c r="JU16" s="228"/>
      <c r="JV16" s="61">
        <v>0</v>
      </c>
      <c r="JW16" s="61">
        <v>0</v>
      </c>
      <c r="JX16" s="61">
        <v>0</v>
      </c>
      <c r="JY16" s="61">
        <v>0</v>
      </c>
      <c r="JZ16" s="61">
        <v>0</v>
      </c>
      <c r="KA16" s="62">
        <v>0</v>
      </c>
      <c r="KB16" s="63">
        <v>0</v>
      </c>
      <c r="KC16" s="60">
        <v>167</v>
      </c>
      <c r="KD16" s="61">
        <v>146</v>
      </c>
      <c r="KE16" s="62">
        <v>313</v>
      </c>
      <c r="KF16" s="228"/>
      <c r="KG16" s="61">
        <v>148</v>
      </c>
      <c r="KH16" s="61">
        <v>106</v>
      </c>
      <c r="KI16" s="61">
        <v>76</v>
      </c>
      <c r="KJ16" s="61">
        <v>94</v>
      </c>
      <c r="KK16" s="61">
        <v>49</v>
      </c>
      <c r="KL16" s="62">
        <v>473</v>
      </c>
      <c r="KM16" s="63">
        <v>786</v>
      </c>
    </row>
    <row r="17" spans="2:299" ht="21" customHeight="1" x14ac:dyDescent="0.2">
      <c r="B17" s="472" t="s">
        <v>13</v>
      </c>
      <c r="C17" s="293">
        <v>46</v>
      </c>
      <c r="D17" s="72">
        <v>52</v>
      </c>
      <c r="E17" s="73">
        <v>98</v>
      </c>
      <c r="F17" s="228"/>
      <c r="G17" s="72">
        <v>71</v>
      </c>
      <c r="H17" s="72">
        <v>58</v>
      </c>
      <c r="I17" s="72">
        <v>28</v>
      </c>
      <c r="J17" s="72">
        <v>22</v>
      </c>
      <c r="K17" s="72">
        <v>20</v>
      </c>
      <c r="L17" s="74">
        <v>199</v>
      </c>
      <c r="M17" s="75">
        <v>297</v>
      </c>
      <c r="N17" s="60">
        <v>2</v>
      </c>
      <c r="O17" s="61">
        <v>2</v>
      </c>
      <c r="P17" s="62">
        <v>4</v>
      </c>
      <c r="Q17" s="228"/>
      <c r="R17" s="61">
        <v>1</v>
      </c>
      <c r="S17" s="61">
        <v>1</v>
      </c>
      <c r="T17" s="61">
        <v>1</v>
      </c>
      <c r="U17" s="61">
        <v>1</v>
      </c>
      <c r="V17" s="61">
        <v>1</v>
      </c>
      <c r="W17" s="62">
        <v>5</v>
      </c>
      <c r="X17" s="63">
        <v>9</v>
      </c>
      <c r="Y17" s="60">
        <v>3</v>
      </c>
      <c r="Z17" s="61">
        <v>2</v>
      </c>
      <c r="AA17" s="62">
        <v>5</v>
      </c>
      <c r="AB17" s="228"/>
      <c r="AC17" s="61">
        <v>3</v>
      </c>
      <c r="AD17" s="61">
        <v>1</v>
      </c>
      <c r="AE17" s="61">
        <v>0</v>
      </c>
      <c r="AF17" s="61">
        <v>1</v>
      </c>
      <c r="AG17" s="61">
        <v>0</v>
      </c>
      <c r="AH17" s="62">
        <v>5</v>
      </c>
      <c r="AI17" s="63">
        <v>10</v>
      </c>
      <c r="AJ17" s="60">
        <v>4</v>
      </c>
      <c r="AK17" s="61">
        <v>6</v>
      </c>
      <c r="AL17" s="62">
        <v>10</v>
      </c>
      <c r="AM17" s="228"/>
      <c r="AN17" s="61">
        <v>11</v>
      </c>
      <c r="AO17" s="61">
        <v>6</v>
      </c>
      <c r="AP17" s="61">
        <v>2</v>
      </c>
      <c r="AQ17" s="61">
        <v>1</v>
      </c>
      <c r="AR17" s="61">
        <v>1</v>
      </c>
      <c r="AS17" s="62">
        <v>21</v>
      </c>
      <c r="AT17" s="63">
        <v>31</v>
      </c>
      <c r="AU17" s="60">
        <v>9</v>
      </c>
      <c r="AV17" s="61">
        <v>9</v>
      </c>
      <c r="AW17" s="62">
        <v>18</v>
      </c>
      <c r="AX17" s="228"/>
      <c r="AY17" s="61">
        <v>19</v>
      </c>
      <c r="AZ17" s="61">
        <v>11</v>
      </c>
      <c r="BA17" s="61">
        <v>7</v>
      </c>
      <c r="BB17" s="61">
        <v>4</v>
      </c>
      <c r="BC17" s="61">
        <v>6</v>
      </c>
      <c r="BD17" s="62">
        <v>47</v>
      </c>
      <c r="BE17" s="63">
        <v>65</v>
      </c>
      <c r="BF17" s="60">
        <v>11</v>
      </c>
      <c r="BG17" s="61">
        <v>20</v>
      </c>
      <c r="BH17" s="62">
        <v>31</v>
      </c>
      <c r="BI17" s="228"/>
      <c r="BJ17" s="61">
        <v>20</v>
      </c>
      <c r="BK17" s="61">
        <v>19</v>
      </c>
      <c r="BL17" s="61">
        <v>5</v>
      </c>
      <c r="BM17" s="61">
        <v>6</v>
      </c>
      <c r="BN17" s="61">
        <v>8</v>
      </c>
      <c r="BO17" s="62">
        <v>58</v>
      </c>
      <c r="BP17" s="63">
        <v>89</v>
      </c>
      <c r="BQ17" s="60">
        <v>17</v>
      </c>
      <c r="BR17" s="61">
        <v>13</v>
      </c>
      <c r="BS17" s="62">
        <v>30</v>
      </c>
      <c r="BT17" s="228"/>
      <c r="BU17" s="61">
        <v>17</v>
      </c>
      <c r="BV17" s="61">
        <v>20</v>
      </c>
      <c r="BW17" s="61">
        <v>13</v>
      </c>
      <c r="BX17" s="61">
        <v>9</v>
      </c>
      <c r="BY17" s="61">
        <v>4</v>
      </c>
      <c r="BZ17" s="62">
        <v>63</v>
      </c>
      <c r="CA17" s="63">
        <v>93</v>
      </c>
      <c r="CB17" s="60">
        <v>0</v>
      </c>
      <c r="CC17" s="61">
        <v>0</v>
      </c>
      <c r="CD17" s="62">
        <v>0</v>
      </c>
      <c r="CE17" s="228"/>
      <c r="CF17" s="61">
        <v>0</v>
      </c>
      <c r="CG17" s="61">
        <v>0</v>
      </c>
      <c r="CH17" s="61">
        <v>0</v>
      </c>
      <c r="CI17" s="61">
        <v>0</v>
      </c>
      <c r="CJ17" s="61">
        <v>0</v>
      </c>
      <c r="CK17" s="62">
        <v>0</v>
      </c>
      <c r="CL17" s="63">
        <v>0</v>
      </c>
      <c r="CM17" s="60">
        <v>46</v>
      </c>
      <c r="CN17" s="61">
        <v>52</v>
      </c>
      <c r="CO17" s="62">
        <v>98</v>
      </c>
      <c r="CP17" s="228"/>
      <c r="CQ17" s="61">
        <v>71</v>
      </c>
      <c r="CR17" s="61">
        <v>58</v>
      </c>
      <c r="CS17" s="61">
        <v>28</v>
      </c>
      <c r="CT17" s="61">
        <v>22</v>
      </c>
      <c r="CU17" s="61">
        <v>20</v>
      </c>
      <c r="CV17" s="62">
        <v>199</v>
      </c>
      <c r="CW17" s="63">
        <v>297</v>
      </c>
      <c r="CX17" s="113">
        <v>15</v>
      </c>
      <c r="CY17" s="72">
        <v>21</v>
      </c>
      <c r="CZ17" s="73">
        <v>36</v>
      </c>
      <c r="DA17" s="228"/>
      <c r="DB17" s="72">
        <v>27</v>
      </c>
      <c r="DC17" s="72">
        <v>17</v>
      </c>
      <c r="DD17" s="72">
        <v>12</v>
      </c>
      <c r="DE17" s="72">
        <v>11</v>
      </c>
      <c r="DF17" s="72">
        <v>15</v>
      </c>
      <c r="DG17" s="74">
        <v>82</v>
      </c>
      <c r="DH17" s="75">
        <v>118</v>
      </c>
      <c r="DI17" s="60">
        <v>1</v>
      </c>
      <c r="DJ17" s="61">
        <v>2</v>
      </c>
      <c r="DK17" s="62">
        <v>3</v>
      </c>
      <c r="DL17" s="228"/>
      <c r="DM17" s="61">
        <v>0</v>
      </c>
      <c r="DN17" s="61">
        <v>0</v>
      </c>
      <c r="DO17" s="61">
        <v>0</v>
      </c>
      <c r="DP17" s="61">
        <v>0</v>
      </c>
      <c r="DQ17" s="61">
        <v>0</v>
      </c>
      <c r="DR17" s="62">
        <v>0</v>
      </c>
      <c r="DS17" s="63">
        <v>3</v>
      </c>
      <c r="DT17" s="60">
        <v>1</v>
      </c>
      <c r="DU17" s="61">
        <v>0</v>
      </c>
      <c r="DV17" s="62">
        <v>1</v>
      </c>
      <c r="DW17" s="228"/>
      <c r="DX17" s="61">
        <v>3</v>
      </c>
      <c r="DY17" s="61">
        <v>0</v>
      </c>
      <c r="DZ17" s="61">
        <v>1</v>
      </c>
      <c r="EA17" s="61">
        <v>1</v>
      </c>
      <c r="EB17" s="61">
        <v>1</v>
      </c>
      <c r="EC17" s="62">
        <v>6</v>
      </c>
      <c r="ED17" s="63">
        <v>7</v>
      </c>
      <c r="EE17" s="60">
        <v>1</v>
      </c>
      <c r="EF17" s="61">
        <v>0</v>
      </c>
      <c r="EG17" s="62">
        <v>1</v>
      </c>
      <c r="EH17" s="228"/>
      <c r="EI17" s="61">
        <v>5</v>
      </c>
      <c r="EJ17" s="61">
        <v>1</v>
      </c>
      <c r="EK17" s="61">
        <v>1</v>
      </c>
      <c r="EL17" s="61">
        <v>0</v>
      </c>
      <c r="EM17" s="61">
        <v>1</v>
      </c>
      <c r="EN17" s="62">
        <v>8</v>
      </c>
      <c r="EO17" s="63">
        <v>9</v>
      </c>
      <c r="EP17" s="60">
        <v>5</v>
      </c>
      <c r="EQ17" s="61">
        <v>8</v>
      </c>
      <c r="ER17" s="62">
        <v>13</v>
      </c>
      <c r="ES17" s="228"/>
      <c r="ET17" s="61">
        <v>4</v>
      </c>
      <c r="EU17" s="61">
        <v>3</v>
      </c>
      <c r="EV17" s="61">
        <v>2</v>
      </c>
      <c r="EW17" s="61">
        <v>1</v>
      </c>
      <c r="EX17" s="61">
        <v>2</v>
      </c>
      <c r="EY17" s="62">
        <v>12</v>
      </c>
      <c r="EZ17" s="63">
        <v>25</v>
      </c>
      <c r="FA17" s="60">
        <v>4</v>
      </c>
      <c r="FB17" s="61">
        <v>5</v>
      </c>
      <c r="FC17" s="62">
        <v>9</v>
      </c>
      <c r="FD17" s="228"/>
      <c r="FE17" s="61">
        <v>7</v>
      </c>
      <c r="FF17" s="61">
        <v>7</v>
      </c>
      <c r="FG17" s="61">
        <v>1</v>
      </c>
      <c r="FH17" s="61">
        <v>2</v>
      </c>
      <c r="FI17" s="61">
        <v>4</v>
      </c>
      <c r="FJ17" s="62">
        <v>21</v>
      </c>
      <c r="FK17" s="63">
        <v>30</v>
      </c>
      <c r="FL17" s="60">
        <v>3</v>
      </c>
      <c r="FM17" s="61">
        <v>6</v>
      </c>
      <c r="FN17" s="62">
        <v>9</v>
      </c>
      <c r="FO17" s="228"/>
      <c r="FP17" s="61">
        <v>8</v>
      </c>
      <c r="FQ17" s="61">
        <v>6</v>
      </c>
      <c r="FR17" s="61">
        <v>7</v>
      </c>
      <c r="FS17" s="61">
        <v>7</v>
      </c>
      <c r="FT17" s="61">
        <v>7</v>
      </c>
      <c r="FU17" s="62">
        <v>35</v>
      </c>
      <c r="FV17" s="63">
        <v>44</v>
      </c>
      <c r="FW17" s="60">
        <v>0</v>
      </c>
      <c r="FX17" s="61">
        <v>0</v>
      </c>
      <c r="FY17" s="62">
        <v>0</v>
      </c>
      <c r="FZ17" s="228"/>
      <c r="GA17" s="61">
        <v>0</v>
      </c>
      <c r="GB17" s="61">
        <v>0</v>
      </c>
      <c r="GC17" s="61">
        <v>0</v>
      </c>
      <c r="GD17" s="61">
        <v>0</v>
      </c>
      <c r="GE17" s="61">
        <v>0</v>
      </c>
      <c r="GF17" s="62">
        <v>0</v>
      </c>
      <c r="GG17" s="63">
        <v>0</v>
      </c>
      <c r="GH17" s="60">
        <v>15</v>
      </c>
      <c r="GI17" s="61">
        <v>21</v>
      </c>
      <c r="GJ17" s="62">
        <v>36</v>
      </c>
      <c r="GK17" s="228"/>
      <c r="GL17" s="61">
        <v>27</v>
      </c>
      <c r="GM17" s="61">
        <v>17</v>
      </c>
      <c r="GN17" s="61">
        <v>12</v>
      </c>
      <c r="GO17" s="61">
        <v>11</v>
      </c>
      <c r="GP17" s="61">
        <v>15</v>
      </c>
      <c r="GQ17" s="62">
        <v>82</v>
      </c>
      <c r="GR17" s="63">
        <v>118</v>
      </c>
      <c r="GS17" s="113">
        <v>61</v>
      </c>
      <c r="GT17" s="72">
        <v>73</v>
      </c>
      <c r="GU17" s="73">
        <v>134</v>
      </c>
      <c r="GV17" s="228"/>
      <c r="GW17" s="72">
        <v>98</v>
      </c>
      <c r="GX17" s="72">
        <v>75</v>
      </c>
      <c r="GY17" s="72">
        <v>40</v>
      </c>
      <c r="GZ17" s="72">
        <v>33</v>
      </c>
      <c r="HA17" s="72">
        <v>35</v>
      </c>
      <c r="HB17" s="74">
        <v>281</v>
      </c>
      <c r="HC17" s="75">
        <v>415</v>
      </c>
      <c r="HD17" s="60">
        <v>3</v>
      </c>
      <c r="HE17" s="61">
        <v>4</v>
      </c>
      <c r="HF17" s="62">
        <v>7</v>
      </c>
      <c r="HG17" s="228"/>
      <c r="HH17" s="61">
        <v>1</v>
      </c>
      <c r="HI17" s="61">
        <v>1</v>
      </c>
      <c r="HJ17" s="61">
        <v>1</v>
      </c>
      <c r="HK17" s="61">
        <v>1</v>
      </c>
      <c r="HL17" s="61">
        <v>1</v>
      </c>
      <c r="HM17" s="62">
        <v>5</v>
      </c>
      <c r="HN17" s="63">
        <v>12</v>
      </c>
      <c r="HO17" s="60">
        <v>4</v>
      </c>
      <c r="HP17" s="61">
        <v>2</v>
      </c>
      <c r="HQ17" s="62">
        <v>6</v>
      </c>
      <c r="HR17" s="228"/>
      <c r="HS17" s="61">
        <v>6</v>
      </c>
      <c r="HT17" s="61">
        <v>1</v>
      </c>
      <c r="HU17" s="61">
        <v>1</v>
      </c>
      <c r="HV17" s="61">
        <v>2</v>
      </c>
      <c r="HW17" s="61">
        <v>1</v>
      </c>
      <c r="HX17" s="62">
        <v>11</v>
      </c>
      <c r="HY17" s="63">
        <v>17</v>
      </c>
      <c r="HZ17" s="60">
        <v>5</v>
      </c>
      <c r="IA17" s="61">
        <v>6</v>
      </c>
      <c r="IB17" s="62">
        <v>11</v>
      </c>
      <c r="IC17" s="228"/>
      <c r="ID17" s="61">
        <v>16</v>
      </c>
      <c r="IE17" s="61">
        <v>7</v>
      </c>
      <c r="IF17" s="61">
        <v>3</v>
      </c>
      <c r="IG17" s="61">
        <v>1</v>
      </c>
      <c r="IH17" s="61">
        <v>2</v>
      </c>
      <c r="II17" s="62">
        <v>29</v>
      </c>
      <c r="IJ17" s="63">
        <v>40</v>
      </c>
      <c r="IK17" s="60">
        <v>14</v>
      </c>
      <c r="IL17" s="61">
        <v>17</v>
      </c>
      <c r="IM17" s="62">
        <v>31</v>
      </c>
      <c r="IN17" s="228"/>
      <c r="IO17" s="61">
        <v>23</v>
      </c>
      <c r="IP17" s="61">
        <v>14</v>
      </c>
      <c r="IQ17" s="61">
        <v>9</v>
      </c>
      <c r="IR17" s="61">
        <v>5</v>
      </c>
      <c r="IS17" s="61">
        <v>8</v>
      </c>
      <c r="IT17" s="62">
        <v>59</v>
      </c>
      <c r="IU17" s="63">
        <v>90</v>
      </c>
      <c r="IV17" s="60">
        <v>15</v>
      </c>
      <c r="IW17" s="61">
        <v>25</v>
      </c>
      <c r="IX17" s="62">
        <v>40</v>
      </c>
      <c r="IY17" s="228"/>
      <c r="IZ17" s="61">
        <v>27</v>
      </c>
      <c r="JA17" s="61">
        <v>26</v>
      </c>
      <c r="JB17" s="61">
        <v>6</v>
      </c>
      <c r="JC17" s="61">
        <v>8</v>
      </c>
      <c r="JD17" s="61">
        <v>12</v>
      </c>
      <c r="JE17" s="62">
        <v>79</v>
      </c>
      <c r="JF17" s="63">
        <v>119</v>
      </c>
      <c r="JG17" s="60">
        <v>20</v>
      </c>
      <c r="JH17" s="61">
        <v>19</v>
      </c>
      <c r="JI17" s="62">
        <v>39</v>
      </c>
      <c r="JJ17" s="228"/>
      <c r="JK17" s="61">
        <v>25</v>
      </c>
      <c r="JL17" s="61">
        <v>26</v>
      </c>
      <c r="JM17" s="61">
        <v>20</v>
      </c>
      <c r="JN17" s="61">
        <v>16</v>
      </c>
      <c r="JO17" s="61">
        <v>11</v>
      </c>
      <c r="JP17" s="62">
        <v>98</v>
      </c>
      <c r="JQ17" s="63">
        <v>137</v>
      </c>
      <c r="JR17" s="60">
        <v>0</v>
      </c>
      <c r="JS17" s="61">
        <v>0</v>
      </c>
      <c r="JT17" s="62">
        <v>0</v>
      </c>
      <c r="JU17" s="228"/>
      <c r="JV17" s="61">
        <v>0</v>
      </c>
      <c r="JW17" s="61">
        <v>0</v>
      </c>
      <c r="JX17" s="61">
        <v>0</v>
      </c>
      <c r="JY17" s="61">
        <v>0</v>
      </c>
      <c r="JZ17" s="61">
        <v>0</v>
      </c>
      <c r="KA17" s="62">
        <v>0</v>
      </c>
      <c r="KB17" s="63">
        <v>0</v>
      </c>
      <c r="KC17" s="60">
        <v>61</v>
      </c>
      <c r="KD17" s="61">
        <v>73</v>
      </c>
      <c r="KE17" s="62">
        <v>134</v>
      </c>
      <c r="KF17" s="228"/>
      <c r="KG17" s="61">
        <v>98</v>
      </c>
      <c r="KH17" s="61">
        <v>75</v>
      </c>
      <c r="KI17" s="61">
        <v>40</v>
      </c>
      <c r="KJ17" s="61">
        <v>33</v>
      </c>
      <c r="KK17" s="61">
        <v>35</v>
      </c>
      <c r="KL17" s="62">
        <v>281</v>
      </c>
      <c r="KM17" s="63">
        <v>415</v>
      </c>
    </row>
    <row r="18" spans="2:299" ht="21" customHeight="1" x14ac:dyDescent="0.2">
      <c r="B18" s="472" t="s">
        <v>15</v>
      </c>
      <c r="C18" s="293">
        <v>9</v>
      </c>
      <c r="D18" s="72">
        <v>7</v>
      </c>
      <c r="E18" s="73">
        <v>16</v>
      </c>
      <c r="F18" s="228"/>
      <c r="G18" s="72">
        <v>16</v>
      </c>
      <c r="H18" s="72">
        <v>16</v>
      </c>
      <c r="I18" s="72">
        <v>4</v>
      </c>
      <c r="J18" s="72">
        <v>8</v>
      </c>
      <c r="K18" s="72">
        <v>7</v>
      </c>
      <c r="L18" s="74">
        <v>51</v>
      </c>
      <c r="M18" s="75">
        <v>67</v>
      </c>
      <c r="N18" s="60">
        <v>2</v>
      </c>
      <c r="O18" s="61">
        <v>2</v>
      </c>
      <c r="P18" s="62">
        <v>4</v>
      </c>
      <c r="Q18" s="228"/>
      <c r="R18" s="61">
        <v>0</v>
      </c>
      <c r="S18" s="61">
        <v>0</v>
      </c>
      <c r="T18" s="61">
        <v>0</v>
      </c>
      <c r="U18" s="61">
        <v>0</v>
      </c>
      <c r="V18" s="61">
        <v>2</v>
      </c>
      <c r="W18" s="62">
        <v>2</v>
      </c>
      <c r="X18" s="63">
        <v>6</v>
      </c>
      <c r="Y18" s="60">
        <v>2</v>
      </c>
      <c r="Z18" s="61">
        <v>0</v>
      </c>
      <c r="AA18" s="62">
        <v>2</v>
      </c>
      <c r="AB18" s="228"/>
      <c r="AC18" s="61">
        <v>1</v>
      </c>
      <c r="AD18" s="61">
        <v>2</v>
      </c>
      <c r="AE18" s="61">
        <v>0</v>
      </c>
      <c r="AF18" s="61">
        <v>1</v>
      </c>
      <c r="AG18" s="61">
        <v>1</v>
      </c>
      <c r="AH18" s="62">
        <v>5</v>
      </c>
      <c r="AI18" s="63">
        <v>7</v>
      </c>
      <c r="AJ18" s="60">
        <v>0</v>
      </c>
      <c r="AK18" s="61">
        <v>0</v>
      </c>
      <c r="AL18" s="62">
        <v>0</v>
      </c>
      <c r="AM18" s="228"/>
      <c r="AN18" s="61">
        <v>2</v>
      </c>
      <c r="AO18" s="61">
        <v>5</v>
      </c>
      <c r="AP18" s="61">
        <v>0</v>
      </c>
      <c r="AQ18" s="61">
        <v>1</v>
      </c>
      <c r="AR18" s="61">
        <v>2</v>
      </c>
      <c r="AS18" s="62">
        <v>10</v>
      </c>
      <c r="AT18" s="63">
        <v>10</v>
      </c>
      <c r="AU18" s="60">
        <v>0</v>
      </c>
      <c r="AV18" s="61">
        <v>2</v>
      </c>
      <c r="AW18" s="62">
        <v>2</v>
      </c>
      <c r="AX18" s="228"/>
      <c r="AY18" s="61">
        <v>8</v>
      </c>
      <c r="AZ18" s="61">
        <v>2</v>
      </c>
      <c r="BA18" s="61">
        <v>0</v>
      </c>
      <c r="BB18" s="61">
        <v>2</v>
      </c>
      <c r="BC18" s="61">
        <v>0</v>
      </c>
      <c r="BD18" s="62">
        <v>12</v>
      </c>
      <c r="BE18" s="63">
        <v>14</v>
      </c>
      <c r="BF18" s="60">
        <v>2</v>
      </c>
      <c r="BG18" s="61">
        <v>3</v>
      </c>
      <c r="BH18" s="62">
        <v>5</v>
      </c>
      <c r="BI18" s="228"/>
      <c r="BJ18" s="61">
        <v>3</v>
      </c>
      <c r="BK18" s="61">
        <v>3</v>
      </c>
      <c r="BL18" s="61">
        <v>3</v>
      </c>
      <c r="BM18" s="61">
        <v>3</v>
      </c>
      <c r="BN18" s="61">
        <v>1</v>
      </c>
      <c r="BO18" s="62">
        <v>13</v>
      </c>
      <c r="BP18" s="63">
        <v>18</v>
      </c>
      <c r="BQ18" s="60">
        <v>3</v>
      </c>
      <c r="BR18" s="61">
        <v>0</v>
      </c>
      <c r="BS18" s="62">
        <v>3</v>
      </c>
      <c r="BT18" s="228"/>
      <c r="BU18" s="61">
        <v>2</v>
      </c>
      <c r="BV18" s="61">
        <v>4</v>
      </c>
      <c r="BW18" s="61">
        <v>1</v>
      </c>
      <c r="BX18" s="61">
        <v>1</v>
      </c>
      <c r="BY18" s="61">
        <v>1</v>
      </c>
      <c r="BZ18" s="62">
        <v>9</v>
      </c>
      <c r="CA18" s="63">
        <v>12</v>
      </c>
      <c r="CB18" s="60">
        <v>0</v>
      </c>
      <c r="CC18" s="61">
        <v>0</v>
      </c>
      <c r="CD18" s="62">
        <v>0</v>
      </c>
      <c r="CE18" s="228"/>
      <c r="CF18" s="61">
        <v>0</v>
      </c>
      <c r="CG18" s="61">
        <v>0</v>
      </c>
      <c r="CH18" s="61">
        <v>0</v>
      </c>
      <c r="CI18" s="61">
        <v>0</v>
      </c>
      <c r="CJ18" s="61">
        <v>0</v>
      </c>
      <c r="CK18" s="62">
        <v>0</v>
      </c>
      <c r="CL18" s="63">
        <v>0</v>
      </c>
      <c r="CM18" s="60">
        <v>9</v>
      </c>
      <c r="CN18" s="61">
        <v>7</v>
      </c>
      <c r="CO18" s="62">
        <v>16</v>
      </c>
      <c r="CP18" s="228"/>
      <c r="CQ18" s="61">
        <v>16</v>
      </c>
      <c r="CR18" s="61">
        <v>16</v>
      </c>
      <c r="CS18" s="61">
        <v>4</v>
      </c>
      <c r="CT18" s="61">
        <v>8</v>
      </c>
      <c r="CU18" s="61">
        <v>7</v>
      </c>
      <c r="CV18" s="62">
        <v>51</v>
      </c>
      <c r="CW18" s="63">
        <v>67</v>
      </c>
      <c r="CX18" s="113">
        <v>5</v>
      </c>
      <c r="CY18" s="72">
        <v>7</v>
      </c>
      <c r="CZ18" s="73">
        <v>12</v>
      </c>
      <c r="DA18" s="228"/>
      <c r="DB18" s="72">
        <v>5</v>
      </c>
      <c r="DC18" s="72">
        <v>7</v>
      </c>
      <c r="DD18" s="72">
        <v>7</v>
      </c>
      <c r="DE18" s="72">
        <v>7</v>
      </c>
      <c r="DF18" s="72">
        <v>1</v>
      </c>
      <c r="DG18" s="74">
        <v>27</v>
      </c>
      <c r="DH18" s="75">
        <v>39</v>
      </c>
      <c r="DI18" s="60">
        <v>1</v>
      </c>
      <c r="DJ18" s="61">
        <v>0</v>
      </c>
      <c r="DK18" s="62">
        <v>1</v>
      </c>
      <c r="DL18" s="228"/>
      <c r="DM18" s="61">
        <v>0</v>
      </c>
      <c r="DN18" s="61">
        <v>0</v>
      </c>
      <c r="DO18" s="61">
        <v>0</v>
      </c>
      <c r="DP18" s="61">
        <v>0</v>
      </c>
      <c r="DQ18" s="61">
        <v>0</v>
      </c>
      <c r="DR18" s="62">
        <v>0</v>
      </c>
      <c r="DS18" s="63">
        <v>1</v>
      </c>
      <c r="DT18" s="60">
        <v>1</v>
      </c>
      <c r="DU18" s="61">
        <v>0</v>
      </c>
      <c r="DV18" s="62">
        <v>1</v>
      </c>
      <c r="DW18" s="228"/>
      <c r="DX18" s="61">
        <v>0</v>
      </c>
      <c r="DY18" s="61">
        <v>0</v>
      </c>
      <c r="DZ18" s="61">
        <v>0</v>
      </c>
      <c r="EA18" s="61">
        <v>0</v>
      </c>
      <c r="EB18" s="61">
        <v>0</v>
      </c>
      <c r="EC18" s="62">
        <v>0</v>
      </c>
      <c r="ED18" s="63">
        <v>1</v>
      </c>
      <c r="EE18" s="60">
        <v>1</v>
      </c>
      <c r="EF18" s="61">
        <v>2</v>
      </c>
      <c r="EG18" s="62">
        <v>3</v>
      </c>
      <c r="EH18" s="228"/>
      <c r="EI18" s="61">
        <v>0</v>
      </c>
      <c r="EJ18" s="61">
        <v>1</v>
      </c>
      <c r="EK18" s="61">
        <v>0</v>
      </c>
      <c r="EL18" s="61">
        <v>1</v>
      </c>
      <c r="EM18" s="61">
        <v>1</v>
      </c>
      <c r="EN18" s="62">
        <v>3</v>
      </c>
      <c r="EO18" s="63">
        <v>6</v>
      </c>
      <c r="EP18" s="60">
        <v>0</v>
      </c>
      <c r="EQ18" s="61">
        <v>3</v>
      </c>
      <c r="ER18" s="62">
        <v>3</v>
      </c>
      <c r="ES18" s="228"/>
      <c r="ET18" s="61">
        <v>1</v>
      </c>
      <c r="EU18" s="61">
        <v>0</v>
      </c>
      <c r="EV18" s="61">
        <v>0</v>
      </c>
      <c r="EW18" s="61">
        <v>0</v>
      </c>
      <c r="EX18" s="61">
        <v>0</v>
      </c>
      <c r="EY18" s="62">
        <v>1</v>
      </c>
      <c r="EZ18" s="63">
        <v>4</v>
      </c>
      <c r="FA18" s="60">
        <v>0</v>
      </c>
      <c r="FB18" s="61">
        <v>1</v>
      </c>
      <c r="FC18" s="62">
        <v>1</v>
      </c>
      <c r="FD18" s="228"/>
      <c r="FE18" s="61">
        <v>2</v>
      </c>
      <c r="FF18" s="61">
        <v>1</v>
      </c>
      <c r="FG18" s="61">
        <v>2</v>
      </c>
      <c r="FH18" s="61">
        <v>2</v>
      </c>
      <c r="FI18" s="61">
        <v>0</v>
      </c>
      <c r="FJ18" s="62">
        <v>7</v>
      </c>
      <c r="FK18" s="63">
        <v>8</v>
      </c>
      <c r="FL18" s="60">
        <v>2</v>
      </c>
      <c r="FM18" s="61">
        <v>1</v>
      </c>
      <c r="FN18" s="62">
        <v>3</v>
      </c>
      <c r="FO18" s="228"/>
      <c r="FP18" s="61">
        <v>2</v>
      </c>
      <c r="FQ18" s="61">
        <v>5</v>
      </c>
      <c r="FR18" s="61">
        <v>5</v>
      </c>
      <c r="FS18" s="61">
        <v>4</v>
      </c>
      <c r="FT18" s="61">
        <v>0</v>
      </c>
      <c r="FU18" s="62">
        <v>16</v>
      </c>
      <c r="FV18" s="63">
        <v>19</v>
      </c>
      <c r="FW18" s="60">
        <v>0</v>
      </c>
      <c r="FX18" s="61">
        <v>0</v>
      </c>
      <c r="FY18" s="62">
        <v>0</v>
      </c>
      <c r="FZ18" s="228"/>
      <c r="GA18" s="61">
        <v>0</v>
      </c>
      <c r="GB18" s="61">
        <v>0</v>
      </c>
      <c r="GC18" s="61">
        <v>0</v>
      </c>
      <c r="GD18" s="61">
        <v>0</v>
      </c>
      <c r="GE18" s="61">
        <v>0</v>
      </c>
      <c r="GF18" s="62">
        <v>0</v>
      </c>
      <c r="GG18" s="63">
        <v>0</v>
      </c>
      <c r="GH18" s="60">
        <v>5</v>
      </c>
      <c r="GI18" s="61">
        <v>7</v>
      </c>
      <c r="GJ18" s="62">
        <v>12</v>
      </c>
      <c r="GK18" s="228"/>
      <c r="GL18" s="61">
        <v>5</v>
      </c>
      <c r="GM18" s="61">
        <v>7</v>
      </c>
      <c r="GN18" s="61">
        <v>7</v>
      </c>
      <c r="GO18" s="61">
        <v>7</v>
      </c>
      <c r="GP18" s="61">
        <v>1</v>
      </c>
      <c r="GQ18" s="62">
        <v>27</v>
      </c>
      <c r="GR18" s="63">
        <v>39</v>
      </c>
      <c r="GS18" s="113">
        <v>14</v>
      </c>
      <c r="GT18" s="72">
        <v>14</v>
      </c>
      <c r="GU18" s="73">
        <v>28</v>
      </c>
      <c r="GV18" s="228"/>
      <c r="GW18" s="72">
        <v>21</v>
      </c>
      <c r="GX18" s="72">
        <v>23</v>
      </c>
      <c r="GY18" s="72">
        <v>11</v>
      </c>
      <c r="GZ18" s="72">
        <v>15</v>
      </c>
      <c r="HA18" s="72">
        <v>8</v>
      </c>
      <c r="HB18" s="74">
        <v>78</v>
      </c>
      <c r="HC18" s="75">
        <v>106</v>
      </c>
      <c r="HD18" s="60">
        <v>3</v>
      </c>
      <c r="HE18" s="61">
        <v>2</v>
      </c>
      <c r="HF18" s="62">
        <v>5</v>
      </c>
      <c r="HG18" s="228"/>
      <c r="HH18" s="61">
        <v>0</v>
      </c>
      <c r="HI18" s="61">
        <v>0</v>
      </c>
      <c r="HJ18" s="61">
        <v>0</v>
      </c>
      <c r="HK18" s="61">
        <v>0</v>
      </c>
      <c r="HL18" s="61">
        <v>2</v>
      </c>
      <c r="HM18" s="62">
        <v>2</v>
      </c>
      <c r="HN18" s="63">
        <v>7</v>
      </c>
      <c r="HO18" s="60">
        <v>3</v>
      </c>
      <c r="HP18" s="61">
        <v>0</v>
      </c>
      <c r="HQ18" s="62">
        <v>3</v>
      </c>
      <c r="HR18" s="228"/>
      <c r="HS18" s="61">
        <v>1</v>
      </c>
      <c r="HT18" s="61">
        <v>2</v>
      </c>
      <c r="HU18" s="61">
        <v>0</v>
      </c>
      <c r="HV18" s="61">
        <v>1</v>
      </c>
      <c r="HW18" s="61">
        <v>1</v>
      </c>
      <c r="HX18" s="62">
        <v>5</v>
      </c>
      <c r="HY18" s="63">
        <v>8</v>
      </c>
      <c r="HZ18" s="60">
        <v>1</v>
      </c>
      <c r="IA18" s="61">
        <v>2</v>
      </c>
      <c r="IB18" s="62">
        <v>3</v>
      </c>
      <c r="IC18" s="228"/>
      <c r="ID18" s="61">
        <v>2</v>
      </c>
      <c r="IE18" s="61">
        <v>6</v>
      </c>
      <c r="IF18" s="61">
        <v>0</v>
      </c>
      <c r="IG18" s="61">
        <v>2</v>
      </c>
      <c r="IH18" s="61">
        <v>3</v>
      </c>
      <c r="II18" s="62">
        <v>13</v>
      </c>
      <c r="IJ18" s="63">
        <v>16</v>
      </c>
      <c r="IK18" s="60">
        <v>0</v>
      </c>
      <c r="IL18" s="61">
        <v>5</v>
      </c>
      <c r="IM18" s="62">
        <v>5</v>
      </c>
      <c r="IN18" s="228"/>
      <c r="IO18" s="61">
        <v>9</v>
      </c>
      <c r="IP18" s="61">
        <v>2</v>
      </c>
      <c r="IQ18" s="61">
        <v>0</v>
      </c>
      <c r="IR18" s="61">
        <v>2</v>
      </c>
      <c r="IS18" s="61">
        <v>0</v>
      </c>
      <c r="IT18" s="62">
        <v>13</v>
      </c>
      <c r="IU18" s="63">
        <v>18</v>
      </c>
      <c r="IV18" s="60">
        <v>2</v>
      </c>
      <c r="IW18" s="61">
        <v>4</v>
      </c>
      <c r="IX18" s="62">
        <v>6</v>
      </c>
      <c r="IY18" s="228"/>
      <c r="IZ18" s="61">
        <v>5</v>
      </c>
      <c r="JA18" s="61">
        <v>4</v>
      </c>
      <c r="JB18" s="61">
        <v>5</v>
      </c>
      <c r="JC18" s="61">
        <v>5</v>
      </c>
      <c r="JD18" s="61">
        <v>1</v>
      </c>
      <c r="JE18" s="62">
        <v>20</v>
      </c>
      <c r="JF18" s="63">
        <v>26</v>
      </c>
      <c r="JG18" s="60">
        <v>5</v>
      </c>
      <c r="JH18" s="61">
        <v>1</v>
      </c>
      <c r="JI18" s="62">
        <v>6</v>
      </c>
      <c r="JJ18" s="228"/>
      <c r="JK18" s="61">
        <v>4</v>
      </c>
      <c r="JL18" s="61">
        <v>9</v>
      </c>
      <c r="JM18" s="61">
        <v>6</v>
      </c>
      <c r="JN18" s="61">
        <v>5</v>
      </c>
      <c r="JO18" s="61">
        <v>1</v>
      </c>
      <c r="JP18" s="62">
        <v>25</v>
      </c>
      <c r="JQ18" s="63">
        <v>31</v>
      </c>
      <c r="JR18" s="60">
        <v>0</v>
      </c>
      <c r="JS18" s="61">
        <v>0</v>
      </c>
      <c r="JT18" s="62">
        <v>0</v>
      </c>
      <c r="JU18" s="228"/>
      <c r="JV18" s="61">
        <v>0</v>
      </c>
      <c r="JW18" s="61">
        <v>0</v>
      </c>
      <c r="JX18" s="61">
        <v>0</v>
      </c>
      <c r="JY18" s="61">
        <v>0</v>
      </c>
      <c r="JZ18" s="61">
        <v>0</v>
      </c>
      <c r="KA18" s="62">
        <v>0</v>
      </c>
      <c r="KB18" s="63">
        <v>0</v>
      </c>
      <c r="KC18" s="60">
        <v>14</v>
      </c>
      <c r="KD18" s="61">
        <v>14</v>
      </c>
      <c r="KE18" s="62">
        <v>28</v>
      </c>
      <c r="KF18" s="228"/>
      <c r="KG18" s="61">
        <v>21</v>
      </c>
      <c r="KH18" s="61">
        <v>23</v>
      </c>
      <c r="KI18" s="61">
        <v>11</v>
      </c>
      <c r="KJ18" s="61">
        <v>15</v>
      </c>
      <c r="KK18" s="61">
        <v>8</v>
      </c>
      <c r="KL18" s="62">
        <v>78</v>
      </c>
      <c r="KM18" s="63">
        <v>106</v>
      </c>
    </row>
    <row r="19" spans="2:299" ht="21" customHeight="1" x14ac:dyDescent="0.2">
      <c r="B19" s="472" t="s">
        <v>16</v>
      </c>
      <c r="C19" s="293">
        <v>27</v>
      </c>
      <c r="D19" s="72">
        <v>32</v>
      </c>
      <c r="E19" s="73">
        <v>59</v>
      </c>
      <c r="F19" s="228"/>
      <c r="G19" s="72">
        <v>52</v>
      </c>
      <c r="H19" s="72">
        <v>66</v>
      </c>
      <c r="I19" s="72">
        <v>42</v>
      </c>
      <c r="J19" s="72">
        <v>21</v>
      </c>
      <c r="K19" s="72">
        <v>15</v>
      </c>
      <c r="L19" s="74">
        <v>196</v>
      </c>
      <c r="M19" s="75">
        <v>255</v>
      </c>
      <c r="N19" s="60">
        <v>0</v>
      </c>
      <c r="O19" s="61">
        <v>1</v>
      </c>
      <c r="P19" s="62">
        <v>1</v>
      </c>
      <c r="Q19" s="228"/>
      <c r="R19" s="61">
        <v>1</v>
      </c>
      <c r="S19" s="61">
        <v>2</v>
      </c>
      <c r="T19" s="61">
        <v>1</v>
      </c>
      <c r="U19" s="61">
        <v>1</v>
      </c>
      <c r="V19" s="61">
        <v>3</v>
      </c>
      <c r="W19" s="62">
        <v>8</v>
      </c>
      <c r="X19" s="63">
        <v>9</v>
      </c>
      <c r="Y19" s="60">
        <v>1</v>
      </c>
      <c r="Z19" s="61">
        <v>4</v>
      </c>
      <c r="AA19" s="62">
        <v>5</v>
      </c>
      <c r="AB19" s="228"/>
      <c r="AC19" s="61">
        <v>4</v>
      </c>
      <c r="AD19" s="61">
        <v>7</v>
      </c>
      <c r="AE19" s="61">
        <v>4</v>
      </c>
      <c r="AF19" s="61">
        <v>0</v>
      </c>
      <c r="AG19" s="61">
        <v>2</v>
      </c>
      <c r="AH19" s="62">
        <v>17</v>
      </c>
      <c r="AI19" s="63">
        <v>22</v>
      </c>
      <c r="AJ19" s="60">
        <v>4</v>
      </c>
      <c r="AK19" s="61">
        <v>3</v>
      </c>
      <c r="AL19" s="62">
        <v>7</v>
      </c>
      <c r="AM19" s="228"/>
      <c r="AN19" s="61">
        <v>4</v>
      </c>
      <c r="AO19" s="61">
        <v>13</v>
      </c>
      <c r="AP19" s="61">
        <v>5</v>
      </c>
      <c r="AQ19" s="61">
        <v>3</v>
      </c>
      <c r="AR19" s="61">
        <v>3</v>
      </c>
      <c r="AS19" s="62">
        <v>28</v>
      </c>
      <c r="AT19" s="63">
        <v>35</v>
      </c>
      <c r="AU19" s="60">
        <v>8</v>
      </c>
      <c r="AV19" s="61">
        <v>7</v>
      </c>
      <c r="AW19" s="62">
        <v>15</v>
      </c>
      <c r="AX19" s="228"/>
      <c r="AY19" s="61">
        <v>17</v>
      </c>
      <c r="AZ19" s="61">
        <v>19</v>
      </c>
      <c r="BA19" s="61">
        <v>10</v>
      </c>
      <c r="BB19" s="61">
        <v>2</v>
      </c>
      <c r="BC19" s="61">
        <v>3</v>
      </c>
      <c r="BD19" s="62">
        <v>51</v>
      </c>
      <c r="BE19" s="63">
        <v>66</v>
      </c>
      <c r="BF19" s="60">
        <v>12</v>
      </c>
      <c r="BG19" s="61">
        <v>10</v>
      </c>
      <c r="BH19" s="62">
        <v>22</v>
      </c>
      <c r="BI19" s="228"/>
      <c r="BJ19" s="61">
        <v>15</v>
      </c>
      <c r="BK19" s="61">
        <v>15</v>
      </c>
      <c r="BL19" s="61">
        <v>12</v>
      </c>
      <c r="BM19" s="61">
        <v>7</v>
      </c>
      <c r="BN19" s="61">
        <v>4</v>
      </c>
      <c r="BO19" s="62">
        <v>53</v>
      </c>
      <c r="BP19" s="63">
        <v>75</v>
      </c>
      <c r="BQ19" s="60">
        <v>2</v>
      </c>
      <c r="BR19" s="61">
        <v>7</v>
      </c>
      <c r="BS19" s="62">
        <v>9</v>
      </c>
      <c r="BT19" s="228"/>
      <c r="BU19" s="61">
        <v>11</v>
      </c>
      <c r="BV19" s="61">
        <v>10</v>
      </c>
      <c r="BW19" s="61">
        <v>10</v>
      </c>
      <c r="BX19" s="61">
        <v>8</v>
      </c>
      <c r="BY19" s="61">
        <v>0</v>
      </c>
      <c r="BZ19" s="62">
        <v>39</v>
      </c>
      <c r="CA19" s="63">
        <v>48</v>
      </c>
      <c r="CB19" s="60">
        <v>0</v>
      </c>
      <c r="CC19" s="61">
        <v>0</v>
      </c>
      <c r="CD19" s="62">
        <v>0</v>
      </c>
      <c r="CE19" s="228"/>
      <c r="CF19" s="61">
        <v>0</v>
      </c>
      <c r="CG19" s="61">
        <v>0</v>
      </c>
      <c r="CH19" s="61">
        <v>0</v>
      </c>
      <c r="CI19" s="61">
        <v>0</v>
      </c>
      <c r="CJ19" s="61">
        <v>0</v>
      </c>
      <c r="CK19" s="62">
        <v>0</v>
      </c>
      <c r="CL19" s="63">
        <v>0</v>
      </c>
      <c r="CM19" s="60">
        <v>27</v>
      </c>
      <c r="CN19" s="61">
        <v>32</v>
      </c>
      <c r="CO19" s="62">
        <v>59</v>
      </c>
      <c r="CP19" s="228"/>
      <c r="CQ19" s="61">
        <v>52</v>
      </c>
      <c r="CR19" s="61">
        <v>66</v>
      </c>
      <c r="CS19" s="61">
        <v>42</v>
      </c>
      <c r="CT19" s="61">
        <v>21</v>
      </c>
      <c r="CU19" s="61">
        <v>15</v>
      </c>
      <c r="CV19" s="62">
        <v>196</v>
      </c>
      <c r="CW19" s="63">
        <v>255</v>
      </c>
      <c r="CX19" s="113">
        <v>14</v>
      </c>
      <c r="CY19" s="72">
        <v>15</v>
      </c>
      <c r="CZ19" s="73">
        <v>29</v>
      </c>
      <c r="DA19" s="228"/>
      <c r="DB19" s="72">
        <v>21</v>
      </c>
      <c r="DC19" s="72">
        <v>20</v>
      </c>
      <c r="DD19" s="72">
        <v>18</v>
      </c>
      <c r="DE19" s="72">
        <v>12</v>
      </c>
      <c r="DF19" s="72">
        <v>6</v>
      </c>
      <c r="DG19" s="74">
        <v>77</v>
      </c>
      <c r="DH19" s="75">
        <v>106</v>
      </c>
      <c r="DI19" s="60">
        <v>0</v>
      </c>
      <c r="DJ19" s="61">
        <v>1</v>
      </c>
      <c r="DK19" s="62">
        <v>1</v>
      </c>
      <c r="DL19" s="228"/>
      <c r="DM19" s="61">
        <v>0</v>
      </c>
      <c r="DN19" s="61">
        <v>0</v>
      </c>
      <c r="DO19" s="61">
        <v>1</v>
      </c>
      <c r="DP19" s="61">
        <v>0</v>
      </c>
      <c r="DQ19" s="61">
        <v>0</v>
      </c>
      <c r="DR19" s="62">
        <v>1</v>
      </c>
      <c r="DS19" s="63">
        <v>2</v>
      </c>
      <c r="DT19" s="60">
        <v>2</v>
      </c>
      <c r="DU19" s="61">
        <v>2</v>
      </c>
      <c r="DV19" s="62">
        <v>4</v>
      </c>
      <c r="DW19" s="228"/>
      <c r="DX19" s="61">
        <v>1</v>
      </c>
      <c r="DY19" s="61">
        <v>2</v>
      </c>
      <c r="DZ19" s="61">
        <v>0</v>
      </c>
      <c r="EA19" s="61">
        <v>0</v>
      </c>
      <c r="EB19" s="61">
        <v>0</v>
      </c>
      <c r="EC19" s="62">
        <v>3</v>
      </c>
      <c r="ED19" s="63">
        <v>7</v>
      </c>
      <c r="EE19" s="60">
        <v>3</v>
      </c>
      <c r="EF19" s="61">
        <v>2</v>
      </c>
      <c r="EG19" s="62">
        <v>5</v>
      </c>
      <c r="EH19" s="228"/>
      <c r="EI19" s="61">
        <v>1</v>
      </c>
      <c r="EJ19" s="61">
        <v>1</v>
      </c>
      <c r="EK19" s="61">
        <v>1</v>
      </c>
      <c r="EL19" s="61">
        <v>0</v>
      </c>
      <c r="EM19" s="61">
        <v>1</v>
      </c>
      <c r="EN19" s="62">
        <v>4</v>
      </c>
      <c r="EO19" s="63">
        <v>9</v>
      </c>
      <c r="EP19" s="60">
        <v>5</v>
      </c>
      <c r="EQ19" s="61">
        <v>3</v>
      </c>
      <c r="ER19" s="62">
        <v>8</v>
      </c>
      <c r="ES19" s="228"/>
      <c r="ET19" s="61">
        <v>4</v>
      </c>
      <c r="EU19" s="61">
        <v>5</v>
      </c>
      <c r="EV19" s="61">
        <v>4</v>
      </c>
      <c r="EW19" s="61">
        <v>0</v>
      </c>
      <c r="EX19" s="61">
        <v>0</v>
      </c>
      <c r="EY19" s="62">
        <v>13</v>
      </c>
      <c r="EZ19" s="63">
        <v>21</v>
      </c>
      <c r="FA19" s="60">
        <v>2</v>
      </c>
      <c r="FB19" s="61">
        <v>3</v>
      </c>
      <c r="FC19" s="62">
        <v>5</v>
      </c>
      <c r="FD19" s="228"/>
      <c r="FE19" s="61">
        <v>8</v>
      </c>
      <c r="FF19" s="61">
        <v>6</v>
      </c>
      <c r="FG19" s="61">
        <v>4</v>
      </c>
      <c r="FH19" s="61">
        <v>1</v>
      </c>
      <c r="FI19" s="61">
        <v>0</v>
      </c>
      <c r="FJ19" s="62">
        <v>19</v>
      </c>
      <c r="FK19" s="63">
        <v>24</v>
      </c>
      <c r="FL19" s="60">
        <v>2</v>
      </c>
      <c r="FM19" s="61">
        <v>4</v>
      </c>
      <c r="FN19" s="62">
        <v>6</v>
      </c>
      <c r="FO19" s="228"/>
      <c r="FP19" s="61">
        <v>7</v>
      </c>
      <c r="FQ19" s="61">
        <v>6</v>
      </c>
      <c r="FR19" s="61">
        <v>8</v>
      </c>
      <c r="FS19" s="61">
        <v>11</v>
      </c>
      <c r="FT19" s="61">
        <v>5</v>
      </c>
      <c r="FU19" s="62">
        <v>37</v>
      </c>
      <c r="FV19" s="63">
        <v>43</v>
      </c>
      <c r="FW19" s="60">
        <v>0</v>
      </c>
      <c r="FX19" s="61">
        <v>0</v>
      </c>
      <c r="FY19" s="62">
        <v>0</v>
      </c>
      <c r="FZ19" s="228"/>
      <c r="GA19" s="61">
        <v>0</v>
      </c>
      <c r="GB19" s="61">
        <v>0</v>
      </c>
      <c r="GC19" s="61">
        <v>0</v>
      </c>
      <c r="GD19" s="61">
        <v>0</v>
      </c>
      <c r="GE19" s="61">
        <v>0</v>
      </c>
      <c r="GF19" s="62">
        <v>0</v>
      </c>
      <c r="GG19" s="63">
        <v>0</v>
      </c>
      <c r="GH19" s="60">
        <v>14</v>
      </c>
      <c r="GI19" s="61">
        <v>15</v>
      </c>
      <c r="GJ19" s="62">
        <v>29</v>
      </c>
      <c r="GK19" s="228"/>
      <c r="GL19" s="61">
        <v>21</v>
      </c>
      <c r="GM19" s="61">
        <v>20</v>
      </c>
      <c r="GN19" s="61">
        <v>18</v>
      </c>
      <c r="GO19" s="61">
        <v>12</v>
      </c>
      <c r="GP19" s="61">
        <v>6</v>
      </c>
      <c r="GQ19" s="62">
        <v>77</v>
      </c>
      <c r="GR19" s="63">
        <v>106</v>
      </c>
      <c r="GS19" s="113">
        <v>41</v>
      </c>
      <c r="GT19" s="72">
        <v>47</v>
      </c>
      <c r="GU19" s="73">
        <v>88</v>
      </c>
      <c r="GV19" s="228"/>
      <c r="GW19" s="72">
        <v>73</v>
      </c>
      <c r="GX19" s="72">
        <v>86</v>
      </c>
      <c r="GY19" s="72">
        <v>60</v>
      </c>
      <c r="GZ19" s="72">
        <v>33</v>
      </c>
      <c r="HA19" s="72">
        <v>21</v>
      </c>
      <c r="HB19" s="74">
        <v>273</v>
      </c>
      <c r="HC19" s="75">
        <v>361</v>
      </c>
      <c r="HD19" s="60">
        <v>0</v>
      </c>
      <c r="HE19" s="61">
        <v>2</v>
      </c>
      <c r="HF19" s="62">
        <v>2</v>
      </c>
      <c r="HG19" s="228"/>
      <c r="HH19" s="61">
        <v>1</v>
      </c>
      <c r="HI19" s="61">
        <v>2</v>
      </c>
      <c r="HJ19" s="61">
        <v>2</v>
      </c>
      <c r="HK19" s="61">
        <v>1</v>
      </c>
      <c r="HL19" s="61">
        <v>3</v>
      </c>
      <c r="HM19" s="62">
        <v>9</v>
      </c>
      <c r="HN19" s="63">
        <v>11</v>
      </c>
      <c r="HO19" s="60">
        <v>3</v>
      </c>
      <c r="HP19" s="61">
        <v>6</v>
      </c>
      <c r="HQ19" s="62">
        <v>9</v>
      </c>
      <c r="HR19" s="228"/>
      <c r="HS19" s="61">
        <v>5</v>
      </c>
      <c r="HT19" s="61">
        <v>9</v>
      </c>
      <c r="HU19" s="61">
        <v>4</v>
      </c>
      <c r="HV19" s="61">
        <v>0</v>
      </c>
      <c r="HW19" s="61">
        <v>2</v>
      </c>
      <c r="HX19" s="62">
        <v>20</v>
      </c>
      <c r="HY19" s="63">
        <v>29</v>
      </c>
      <c r="HZ19" s="60">
        <v>7</v>
      </c>
      <c r="IA19" s="61">
        <v>5</v>
      </c>
      <c r="IB19" s="62">
        <v>12</v>
      </c>
      <c r="IC19" s="228"/>
      <c r="ID19" s="61">
        <v>5</v>
      </c>
      <c r="IE19" s="61">
        <v>14</v>
      </c>
      <c r="IF19" s="61">
        <v>6</v>
      </c>
      <c r="IG19" s="61">
        <v>3</v>
      </c>
      <c r="IH19" s="61">
        <v>4</v>
      </c>
      <c r="II19" s="62">
        <v>32</v>
      </c>
      <c r="IJ19" s="63">
        <v>44</v>
      </c>
      <c r="IK19" s="60">
        <v>13</v>
      </c>
      <c r="IL19" s="61">
        <v>10</v>
      </c>
      <c r="IM19" s="62">
        <v>23</v>
      </c>
      <c r="IN19" s="228"/>
      <c r="IO19" s="61">
        <v>21</v>
      </c>
      <c r="IP19" s="61">
        <v>24</v>
      </c>
      <c r="IQ19" s="61">
        <v>14</v>
      </c>
      <c r="IR19" s="61">
        <v>2</v>
      </c>
      <c r="IS19" s="61">
        <v>3</v>
      </c>
      <c r="IT19" s="62">
        <v>64</v>
      </c>
      <c r="IU19" s="63">
        <v>87</v>
      </c>
      <c r="IV19" s="60">
        <v>14</v>
      </c>
      <c r="IW19" s="61">
        <v>13</v>
      </c>
      <c r="IX19" s="62">
        <v>27</v>
      </c>
      <c r="IY19" s="228"/>
      <c r="IZ19" s="61">
        <v>23</v>
      </c>
      <c r="JA19" s="61">
        <v>21</v>
      </c>
      <c r="JB19" s="61">
        <v>16</v>
      </c>
      <c r="JC19" s="61">
        <v>8</v>
      </c>
      <c r="JD19" s="61">
        <v>4</v>
      </c>
      <c r="JE19" s="62">
        <v>72</v>
      </c>
      <c r="JF19" s="63">
        <v>99</v>
      </c>
      <c r="JG19" s="60">
        <v>4</v>
      </c>
      <c r="JH19" s="61">
        <v>11</v>
      </c>
      <c r="JI19" s="62">
        <v>15</v>
      </c>
      <c r="JJ19" s="228"/>
      <c r="JK19" s="61">
        <v>18</v>
      </c>
      <c r="JL19" s="61">
        <v>16</v>
      </c>
      <c r="JM19" s="61">
        <v>18</v>
      </c>
      <c r="JN19" s="61">
        <v>19</v>
      </c>
      <c r="JO19" s="61">
        <v>5</v>
      </c>
      <c r="JP19" s="62">
        <v>76</v>
      </c>
      <c r="JQ19" s="63">
        <v>91</v>
      </c>
      <c r="JR19" s="60">
        <v>0</v>
      </c>
      <c r="JS19" s="61">
        <v>0</v>
      </c>
      <c r="JT19" s="62">
        <v>0</v>
      </c>
      <c r="JU19" s="228"/>
      <c r="JV19" s="61">
        <v>0</v>
      </c>
      <c r="JW19" s="61">
        <v>0</v>
      </c>
      <c r="JX19" s="61">
        <v>0</v>
      </c>
      <c r="JY19" s="61">
        <v>0</v>
      </c>
      <c r="JZ19" s="61">
        <v>0</v>
      </c>
      <c r="KA19" s="62">
        <v>0</v>
      </c>
      <c r="KB19" s="63">
        <v>0</v>
      </c>
      <c r="KC19" s="60">
        <v>41</v>
      </c>
      <c r="KD19" s="61">
        <v>47</v>
      </c>
      <c r="KE19" s="62">
        <v>88</v>
      </c>
      <c r="KF19" s="228"/>
      <c r="KG19" s="61">
        <v>73</v>
      </c>
      <c r="KH19" s="61">
        <v>86</v>
      </c>
      <c r="KI19" s="61">
        <v>60</v>
      </c>
      <c r="KJ19" s="61">
        <v>33</v>
      </c>
      <c r="KK19" s="61">
        <v>21</v>
      </c>
      <c r="KL19" s="62">
        <v>273</v>
      </c>
      <c r="KM19" s="63">
        <v>361</v>
      </c>
    </row>
    <row r="20" spans="2:299" ht="21" customHeight="1" x14ac:dyDescent="0.2">
      <c r="B20" s="472" t="s">
        <v>17</v>
      </c>
      <c r="C20" s="293">
        <v>54</v>
      </c>
      <c r="D20" s="72">
        <v>54</v>
      </c>
      <c r="E20" s="73">
        <v>108</v>
      </c>
      <c r="F20" s="228"/>
      <c r="G20" s="72">
        <v>80</v>
      </c>
      <c r="H20" s="72">
        <v>93</v>
      </c>
      <c r="I20" s="72">
        <v>63</v>
      </c>
      <c r="J20" s="72">
        <v>49</v>
      </c>
      <c r="K20" s="72">
        <v>24</v>
      </c>
      <c r="L20" s="74">
        <v>309</v>
      </c>
      <c r="M20" s="75">
        <v>417</v>
      </c>
      <c r="N20" s="60">
        <v>4</v>
      </c>
      <c r="O20" s="61">
        <v>3</v>
      </c>
      <c r="P20" s="62">
        <v>7</v>
      </c>
      <c r="Q20" s="228"/>
      <c r="R20" s="61">
        <v>2</v>
      </c>
      <c r="S20" s="61">
        <v>5</v>
      </c>
      <c r="T20" s="61">
        <v>2</v>
      </c>
      <c r="U20" s="61">
        <v>3</v>
      </c>
      <c r="V20" s="61">
        <v>1</v>
      </c>
      <c r="W20" s="62">
        <v>13</v>
      </c>
      <c r="X20" s="63">
        <v>20</v>
      </c>
      <c r="Y20" s="60">
        <v>2</v>
      </c>
      <c r="Z20" s="61">
        <v>4</v>
      </c>
      <c r="AA20" s="62">
        <v>6</v>
      </c>
      <c r="AB20" s="228"/>
      <c r="AC20" s="61">
        <v>6</v>
      </c>
      <c r="AD20" s="61">
        <v>15</v>
      </c>
      <c r="AE20" s="61">
        <v>5</v>
      </c>
      <c r="AF20" s="61">
        <v>4</v>
      </c>
      <c r="AG20" s="61">
        <v>3</v>
      </c>
      <c r="AH20" s="62">
        <v>33</v>
      </c>
      <c r="AI20" s="63">
        <v>39</v>
      </c>
      <c r="AJ20" s="60">
        <v>6</v>
      </c>
      <c r="AK20" s="61">
        <v>3</v>
      </c>
      <c r="AL20" s="62">
        <v>9</v>
      </c>
      <c r="AM20" s="228"/>
      <c r="AN20" s="61">
        <v>15</v>
      </c>
      <c r="AO20" s="61">
        <v>9</v>
      </c>
      <c r="AP20" s="61">
        <v>8</v>
      </c>
      <c r="AQ20" s="61">
        <v>11</v>
      </c>
      <c r="AR20" s="61">
        <v>4</v>
      </c>
      <c r="AS20" s="62">
        <v>47</v>
      </c>
      <c r="AT20" s="63">
        <v>56</v>
      </c>
      <c r="AU20" s="60">
        <v>12</v>
      </c>
      <c r="AV20" s="61">
        <v>12</v>
      </c>
      <c r="AW20" s="62">
        <v>24</v>
      </c>
      <c r="AX20" s="228"/>
      <c r="AY20" s="61">
        <v>20</v>
      </c>
      <c r="AZ20" s="61">
        <v>21</v>
      </c>
      <c r="BA20" s="61">
        <v>17</v>
      </c>
      <c r="BB20" s="61">
        <v>6</v>
      </c>
      <c r="BC20" s="61">
        <v>6</v>
      </c>
      <c r="BD20" s="62">
        <v>70</v>
      </c>
      <c r="BE20" s="63">
        <v>94</v>
      </c>
      <c r="BF20" s="60">
        <v>18</v>
      </c>
      <c r="BG20" s="61">
        <v>14</v>
      </c>
      <c r="BH20" s="62">
        <v>32</v>
      </c>
      <c r="BI20" s="228"/>
      <c r="BJ20" s="61">
        <v>26</v>
      </c>
      <c r="BK20" s="61">
        <v>18</v>
      </c>
      <c r="BL20" s="61">
        <v>16</v>
      </c>
      <c r="BM20" s="61">
        <v>16</v>
      </c>
      <c r="BN20" s="61">
        <v>3</v>
      </c>
      <c r="BO20" s="62">
        <v>79</v>
      </c>
      <c r="BP20" s="63">
        <v>111</v>
      </c>
      <c r="BQ20" s="60">
        <v>12</v>
      </c>
      <c r="BR20" s="61">
        <v>18</v>
      </c>
      <c r="BS20" s="62">
        <v>30</v>
      </c>
      <c r="BT20" s="228"/>
      <c r="BU20" s="61">
        <v>11</v>
      </c>
      <c r="BV20" s="61">
        <v>25</v>
      </c>
      <c r="BW20" s="61">
        <v>15</v>
      </c>
      <c r="BX20" s="61">
        <v>9</v>
      </c>
      <c r="BY20" s="61">
        <v>7</v>
      </c>
      <c r="BZ20" s="62">
        <v>67</v>
      </c>
      <c r="CA20" s="63">
        <v>97</v>
      </c>
      <c r="CB20" s="60">
        <v>0</v>
      </c>
      <c r="CC20" s="61">
        <v>0</v>
      </c>
      <c r="CD20" s="62">
        <v>0</v>
      </c>
      <c r="CE20" s="228"/>
      <c r="CF20" s="61">
        <v>0</v>
      </c>
      <c r="CG20" s="61">
        <v>0</v>
      </c>
      <c r="CH20" s="61">
        <v>0</v>
      </c>
      <c r="CI20" s="61">
        <v>0</v>
      </c>
      <c r="CJ20" s="61">
        <v>0</v>
      </c>
      <c r="CK20" s="62">
        <v>0</v>
      </c>
      <c r="CL20" s="63">
        <v>0</v>
      </c>
      <c r="CM20" s="60">
        <v>54</v>
      </c>
      <c r="CN20" s="61">
        <v>54</v>
      </c>
      <c r="CO20" s="62">
        <v>108</v>
      </c>
      <c r="CP20" s="228"/>
      <c r="CQ20" s="61">
        <v>80</v>
      </c>
      <c r="CR20" s="61">
        <v>93</v>
      </c>
      <c r="CS20" s="61">
        <v>63</v>
      </c>
      <c r="CT20" s="61">
        <v>49</v>
      </c>
      <c r="CU20" s="61">
        <v>24</v>
      </c>
      <c r="CV20" s="62">
        <v>309</v>
      </c>
      <c r="CW20" s="63">
        <v>417</v>
      </c>
      <c r="CX20" s="113">
        <v>11</v>
      </c>
      <c r="CY20" s="72">
        <v>29</v>
      </c>
      <c r="CZ20" s="73">
        <v>40</v>
      </c>
      <c r="DA20" s="228"/>
      <c r="DB20" s="72">
        <v>29</v>
      </c>
      <c r="DC20" s="72">
        <v>36</v>
      </c>
      <c r="DD20" s="72">
        <v>31</v>
      </c>
      <c r="DE20" s="72">
        <v>17</v>
      </c>
      <c r="DF20" s="72">
        <v>25</v>
      </c>
      <c r="DG20" s="74">
        <v>138</v>
      </c>
      <c r="DH20" s="75">
        <v>178</v>
      </c>
      <c r="DI20" s="60">
        <v>2</v>
      </c>
      <c r="DJ20" s="61">
        <v>1</v>
      </c>
      <c r="DK20" s="62">
        <v>3</v>
      </c>
      <c r="DL20" s="228"/>
      <c r="DM20" s="61">
        <v>0</v>
      </c>
      <c r="DN20" s="61">
        <v>0</v>
      </c>
      <c r="DO20" s="61">
        <v>0</v>
      </c>
      <c r="DP20" s="61">
        <v>0</v>
      </c>
      <c r="DQ20" s="61">
        <v>0</v>
      </c>
      <c r="DR20" s="62">
        <v>0</v>
      </c>
      <c r="DS20" s="63">
        <v>3</v>
      </c>
      <c r="DT20" s="60">
        <v>0</v>
      </c>
      <c r="DU20" s="61">
        <v>1</v>
      </c>
      <c r="DV20" s="62">
        <v>1</v>
      </c>
      <c r="DW20" s="228"/>
      <c r="DX20" s="61">
        <v>2</v>
      </c>
      <c r="DY20" s="61">
        <v>3</v>
      </c>
      <c r="DZ20" s="61">
        <v>1</v>
      </c>
      <c r="EA20" s="61">
        <v>1</v>
      </c>
      <c r="EB20" s="61">
        <v>1</v>
      </c>
      <c r="EC20" s="62">
        <v>8</v>
      </c>
      <c r="ED20" s="63">
        <v>9</v>
      </c>
      <c r="EE20" s="60">
        <v>3</v>
      </c>
      <c r="EF20" s="61">
        <v>1</v>
      </c>
      <c r="EG20" s="62">
        <v>4</v>
      </c>
      <c r="EH20" s="228"/>
      <c r="EI20" s="61">
        <v>7</v>
      </c>
      <c r="EJ20" s="61">
        <v>5</v>
      </c>
      <c r="EK20" s="61">
        <v>4</v>
      </c>
      <c r="EL20" s="61">
        <v>3</v>
      </c>
      <c r="EM20" s="61">
        <v>1</v>
      </c>
      <c r="EN20" s="62">
        <v>20</v>
      </c>
      <c r="EO20" s="63">
        <v>24</v>
      </c>
      <c r="EP20" s="60">
        <v>3</v>
      </c>
      <c r="EQ20" s="61">
        <v>9</v>
      </c>
      <c r="ER20" s="62">
        <v>12</v>
      </c>
      <c r="ES20" s="228"/>
      <c r="ET20" s="61">
        <v>4</v>
      </c>
      <c r="EU20" s="61">
        <v>6</v>
      </c>
      <c r="EV20" s="61">
        <v>7</v>
      </c>
      <c r="EW20" s="61">
        <v>5</v>
      </c>
      <c r="EX20" s="61">
        <v>8</v>
      </c>
      <c r="EY20" s="62">
        <v>30</v>
      </c>
      <c r="EZ20" s="63">
        <v>42</v>
      </c>
      <c r="FA20" s="60">
        <v>3</v>
      </c>
      <c r="FB20" s="61">
        <v>11</v>
      </c>
      <c r="FC20" s="62">
        <v>14</v>
      </c>
      <c r="FD20" s="228"/>
      <c r="FE20" s="61">
        <v>7</v>
      </c>
      <c r="FF20" s="61">
        <v>9</v>
      </c>
      <c r="FG20" s="61">
        <v>6</v>
      </c>
      <c r="FH20" s="61">
        <v>3</v>
      </c>
      <c r="FI20" s="61">
        <v>6</v>
      </c>
      <c r="FJ20" s="62">
        <v>31</v>
      </c>
      <c r="FK20" s="63">
        <v>45</v>
      </c>
      <c r="FL20" s="60">
        <v>0</v>
      </c>
      <c r="FM20" s="61">
        <v>6</v>
      </c>
      <c r="FN20" s="62">
        <v>6</v>
      </c>
      <c r="FO20" s="228"/>
      <c r="FP20" s="61">
        <v>9</v>
      </c>
      <c r="FQ20" s="61">
        <v>13</v>
      </c>
      <c r="FR20" s="61">
        <v>13</v>
      </c>
      <c r="FS20" s="61">
        <v>5</v>
      </c>
      <c r="FT20" s="61">
        <v>9</v>
      </c>
      <c r="FU20" s="62">
        <v>49</v>
      </c>
      <c r="FV20" s="63">
        <v>55</v>
      </c>
      <c r="FW20" s="60">
        <v>0</v>
      </c>
      <c r="FX20" s="61">
        <v>0</v>
      </c>
      <c r="FY20" s="62">
        <v>0</v>
      </c>
      <c r="FZ20" s="228"/>
      <c r="GA20" s="61">
        <v>0</v>
      </c>
      <c r="GB20" s="61">
        <v>0</v>
      </c>
      <c r="GC20" s="61">
        <v>0</v>
      </c>
      <c r="GD20" s="61">
        <v>0</v>
      </c>
      <c r="GE20" s="61">
        <v>0</v>
      </c>
      <c r="GF20" s="62">
        <v>0</v>
      </c>
      <c r="GG20" s="63">
        <v>0</v>
      </c>
      <c r="GH20" s="60">
        <v>11</v>
      </c>
      <c r="GI20" s="61">
        <v>29</v>
      </c>
      <c r="GJ20" s="62">
        <v>40</v>
      </c>
      <c r="GK20" s="228"/>
      <c r="GL20" s="61">
        <v>29</v>
      </c>
      <c r="GM20" s="61">
        <v>36</v>
      </c>
      <c r="GN20" s="61">
        <v>31</v>
      </c>
      <c r="GO20" s="61">
        <v>17</v>
      </c>
      <c r="GP20" s="61">
        <v>25</v>
      </c>
      <c r="GQ20" s="62">
        <v>138</v>
      </c>
      <c r="GR20" s="63">
        <v>178</v>
      </c>
      <c r="GS20" s="113">
        <v>65</v>
      </c>
      <c r="GT20" s="72">
        <v>83</v>
      </c>
      <c r="GU20" s="73">
        <v>148</v>
      </c>
      <c r="GV20" s="228"/>
      <c r="GW20" s="72">
        <v>109</v>
      </c>
      <c r="GX20" s="72">
        <v>129</v>
      </c>
      <c r="GY20" s="72">
        <v>94</v>
      </c>
      <c r="GZ20" s="72">
        <v>66</v>
      </c>
      <c r="HA20" s="72">
        <v>49</v>
      </c>
      <c r="HB20" s="74">
        <v>447</v>
      </c>
      <c r="HC20" s="75">
        <v>595</v>
      </c>
      <c r="HD20" s="60">
        <v>6</v>
      </c>
      <c r="HE20" s="61">
        <v>4</v>
      </c>
      <c r="HF20" s="62">
        <v>10</v>
      </c>
      <c r="HG20" s="228"/>
      <c r="HH20" s="61">
        <v>2</v>
      </c>
      <c r="HI20" s="61">
        <v>5</v>
      </c>
      <c r="HJ20" s="61">
        <v>2</v>
      </c>
      <c r="HK20" s="61">
        <v>3</v>
      </c>
      <c r="HL20" s="61">
        <v>1</v>
      </c>
      <c r="HM20" s="62">
        <v>13</v>
      </c>
      <c r="HN20" s="63">
        <v>23</v>
      </c>
      <c r="HO20" s="60">
        <v>2</v>
      </c>
      <c r="HP20" s="61">
        <v>5</v>
      </c>
      <c r="HQ20" s="62">
        <v>7</v>
      </c>
      <c r="HR20" s="228"/>
      <c r="HS20" s="61">
        <v>8</v>
      </c>
      <c r="HT20" s="61">
        <v>18</v>
      </c>
      <c r="HU20" s="61">
        <v>6</v>
      </c>
      <c r="HV20" s="61">
        <v>5</v>
      </c>
      <c r="HW20" s="61">
        <v>4</v>
      </c>
      <c r="HX20" s="62">
        <v>41</v>
      </c>
      <c r="HY20" s="63">
        <v>48</v>
      </c>
      <c r="HZ20" s="60">
        <v>9</v>
      </c>
      <c r="IA20" s="61">
        <v>4</v>
      </c>
      <c r="IB20" s="62">
        <v>13</v>
      </c>
      <c r="IC20" s="228"/>
      <c r="ID20" s="61">
        <v>22</v>
      </c>
      <c r="IE20" s="61">
        <v>14</v>
      </c>
      <c r="IF20" s="61">
        <v>12</v>
      </c>
      <c r="IG20" s="61">
        <v>14</v>
      </c>
      <c r="IH20" s="61">
        <v>5</v>
      </c>
      <c r="II20" s="62">
        <v>67</v>
      </c>
      <c r="IJ20" s="63">
        <v>80</v>
      </c>
      <c r="IK20" s="60">
        <v>15</v>
      </c>
      <c r="IL20" s="61">
        <v>21</v>
      </c>
      <c r="IM20" s="62">
        <v>36</v>
      </c>
      <c r="IN20" s="228"/>
      <c r="IO20" s="61">
        <v>24</v>
      </c>
      <c r="IP20" s="61">
        <v>27</v>
      </c>
      <c r="IQ20" s="61">
        <v>24</v>
      </c>
      <c r="IR20" s="61">
        <v>11</v>
      </c>
      <c r="IS20" s="61">
        <v>14</v>
      </c>
      <c r="IT20" s="62">
        <v>100</v>
      </c>
      <c r="IU20" s="63">
        <v>136</v>
      </c>
      <c r="IV20" s="60">
        <v>21</v>
      </c>
      <c r="IW20" s="61">
        <v>25</v>
      </c>
      <c r="IX20" s="62">
        <v>46</v>
      </c>
      <c r="IY20" s="228"/>
      <c r="IZ20" s="61">
        <v>33</v>
      </c>
      <c r="JA20" s="61">
        <v>27</v>
      </c>
      <c r="JB20" s="61">
        <v>22</v>
      </c>
      <c r="JC20" s="61">
        <v>19</v>
      </c>
      <c r="JD20" s="61">
        <v>9</v>
      </c>
      <c r="JE20" s="62">
        <v>110</v>
      </c>
      <c r="JF20" s="63">
        <v>156</v>
      </c>
      <c r="JG20" s="60">
        <v>12</v>
      </c>
      <c r="JH20" s="61">
        <v>24</v>
      </c>
      <c r="JI20" s="62">
        <v>36</v>
      </c>
      <c r="JJ20" s="228"/>
      <c r="JK20" s="61">
        <v>20</v>
      </c>
      <c r="JL20" s="61">
        <v>38</v>
      </c>
      <c r="JM20" s="61">
        <v>28</v>
      </c>
      <c r="JN20" s="61">
        <v>14</v>
      </c>
      <c r="JO20" s="61">
        <v>16</v>
      </c>
      <c r="JP20" s="62">
        <v>116</v>
      </c>
      <c r="JQ20" s="63">
        <v>152</v>
      </c>
      <c r="JR20" s="60">
        <v>0</v>
      </c>
      <c r="JS20" s="61">
        <v>0</v>
      </c>
      <c r="JT20" s="62">
        <v>0</v>
      </c>
      <c r="JU20" s="228"/>
      <c r="JV20" s="61">
        <v>0</v>
      </c>
      <c r="JW20" s="61">
        <v>0</v>
      </c>
      <c r="JX20" s="61">
        <v>0</v>
      </c>
      <c r="JY20" s="61">
        <v>0</v>
      </c>
      <c r="JZ20" s="61">
        <v>0</v>
      </c>
      <c r="KA20" s="62">
        <v>0</v>
      </c>
      <c r="KB20" s="63">
        <v>0</v>
      </c>
      <c r="KC20" s="60">
        <v>65</v>
      </c>
      <c r="KD20" s="61">
        <v>83</v>
      </c>
      <c r="KE20" s="62">
        <v>148</v>
      </c>
      <c r="KF20" s="228"/>
      <c r="KG20" s="61">
        <v>109</v>
      </c>
      <c r="KH20" s="61">
        <v>129</v>
      </c>
      <c r="KI20" s="61">
        <v>94</v>
      </c>
      <c r="KJ20" s="61">
        <v>66</v>
      </c>
      <c r="KK20" s="61">
        <v>49</v>
      </c>
      <c r="KL20" s="62">
        <v>447</v>
      </c>
      <c r="KM20" s="63">
        <v>595</v>
      </c>
    </row>
    <row r="21" spans="2:299" ht="21" customHeight="1" x14ac:dyDescent="0.2">
      <c r="B21" s="472" t="s">
        <v>18</v>
      </c>
      <c r="C21" s="293">
        <v>66</v>
      </c>
      <c r="D21" s="72">
        <v>63</v>
      </c>
      <c r="E21" s="73">
        <v>129</v>
      </c>
      <c r="F21" s="228"/>
      <c r="G21" s="72">
        <v>117</v>
      </c>
      <c r="H21" s="72">
        <v>95</v>
      </c>
      <c r="I21" s="72">
        <v>47</v>
      </c>
      <c r="J21" s="72">
        <v>48</v>
      </c>
      <c r="K21" s="72">
        <v>25</v>
      </c>
      <c r="L21" s="74">
        <v>332</v>
      </c>
      <c r="M21" s="75">
        <v>461</v>
      </c>
      <c r="N21" s="60">
        <v>3</v>
      </c>
      <c r="O21" s="61">
        <v>2</v>
      </c>
      <c r="P21" s="62">
        <v>5</v>
      </c>
      <c r="Q21" s="228"/>
      <c r="R21" s="61">
        <v>10</v>
      </c>
      <c r="S21" s="61">
        <v>4</v>
      </c>
      <c r="T21" s="61">
        <v>3</v>
      </c>
      <c r="U21" s="61">
        <v>1</v>
      </c>
      <c r="V21" s="61">
        <v>2</v>
      </c>
      <c r="W21" s="62">
        <v>20</v>
      </c>
      <c r="X21" s="63">
        <v>25</v>
      </c>
      <c r="Y21" s="60">
        <v>8</v>
      </c>
      <c r="Z21" s="61">
        <v>6</v>
      </c>
      <c r="AA21" s="62">
        <v>14</v>
      </c>
      <c r="AB21" s="228"/>
      <c r="AC21" s="61">
        <v>10</v>
      </c>
      <c r="AD21" s="61">
        <v>8</v>
      </c>
      <c r="AE21" s="61">
        <v>4</v>
      </c>
      <c r="AF21" s="61">
        <v>2</v>
      </c>
      <c r="AG21" s="61">
        <v>3</v>
      </c>
      <c r="AH21" s="62">
        <v>27</v>
      </c>
      <c r="AI21" s="63">
        <v>41</v>
      </c>
      <c r="AJ21" s="60">
        <v>10</v>
      </c>
      <c r="AK21" s="61">
        <v>9</v>
      </c>
      <c r="AL21" s="62">
        <v>19</v>
      </c>
      <c r="AM21" s="228"/>
      <c r="AN21" s="61">
        <v>17</v>
      </c>
      <c r="AO21" s="61">
        <v>10</v>
      </c>
      <c r="AP21" s="61">
        <v>7</v>
      </c>
      <c r="AQ21" s="61">
        <v>10</v>
      </c>
      <c r="AR21" s="61">
        <v>4</v>
      </c>
      <c r="AS21" s="62">
        <v>48</v>
      </c>
      <c r="AT21" s="63">
        <v>67</v>
      </c>
      <c r="AU21" s="60">
        <v>10</v>
      </c>
      <c r="AV21" s="61">
        <v>21</v>
      </c>
      <c r="AW21" s="62">
        <v>31</v>
      </c>
      <c r="AX21" s="228"/>
      <c r="AY21" s="61">
        <v>29</v>
      </c>
      <c r="AZ21" s="61">
        <v>26</v>
      </c>
      <c r="BA21" s="61">
        <v>10</v>
      </c>
      <c r="BB21" s="61">
        <v>13</v>
      </c>
      <c r="BC21" s="61">
        <v>4</v>
      </c>
      <c r="BD21" s="62">
        <v>82</v>
      </c>
      <c r="BE21" s="63">
        <v>113</v>
      </c>
      <c r="BF21" s="60">
        <v>21</v>
      </c>
      <c r="BG21" s="61">
        <v>13</v>
      </c>
      <c r="BH21" s="62">
        <v>34</v>
      </c>
      <c r="BI21" s="228"/>
      <c r="BJ21" s="61">
        <v>25</v>
      </c>
      <c r="BK21" s="61">
        <v>25</v>
      </c>
      <c r="BL21" s="61">
        <v>11</v>
      </c>
      <c r="BM21" s="61">
        <v>10</v>
      </c>
      <c r="BN21" s="61">
        <v>5</v>
      </c>
      <c r="BO21" s="62">
        <v>76</v>
      </c>
      <c r="BP21" s="63">
        <v>110</v>
      </c>
      <c r="BQ21" s="60">
        <v>14</v>
      </c>
      <c r="BR21" s="61">
        <v>12</v>
      </c>
      <c r="BS21" s="62">
        <v>26</v>
      </c>
      <c r="BT21" s="228"/>
      <c r="BU21" s="61">
        <v>26</v>
      </c>
      <c r="BV21" s="61">
        <v>22</v>
      </c>
      <c r="BW21" s="61">
        <v>12</v>
      </c>
      <c r="BX21" s="61">
        <v>12</v>
      </c>
      <c r="BY21" s="61">
        <v>7</v>
      </c>
      <c r="BZ21" s="62">
        <v>79</v>
      </c>
      <c r="CA21" s="63">
        <v>105</v>
      </c>
      <c r="CB21" s="60">
        <v>0</v>
      </c>
      <c r="CC21" s="61">
        <v>0</v>
      </c>
      <c r="CD21" s="62">
        <v>0</v>
      </c>
      <c r="CE21" s="228"/>
      <c r="CF21" s="61">
        <v>0</v>
      </c>
      <c r="CG21" s="61">
        <v>0</v>
      </c>
      <c r="CH21" s="61">
        <v>0</v>
      </c>
      <c r="CI21" s="61">
        <v>0</v>
      </c>
      <c r="CJ21" s="61">
        <v>0</v>
      </c>
      <c r="CK21" s="62">
        <v>0</v>
      </c>
      <c r="CL21" s="63">
        <v>0</v>
      </c>
      <c r="CM21" s="60">
        <v>66</v>
      </c>
      <c r="CN21" s="61">
        <v>63</v>
      </c>
      <c r="CO21" s="62">
        <v>129</v>
      </c>
      <c r="CP21" s="228"/>
      <c r="CQ21" s="61">
        <v>117</v>
      </c>
      <c r="CR21" s="61">
        <v>95</v>
      </c>
      <c r="CS21" s="61">
        <v>47</v>
      </c>
      <c r="CT21" s="61">
        <v>48</v>
      </c>
      <c r="CU21" s="61">
        <v>25</v>
      </c>
      <c r="CV21" s="62">
        <v>332</v>
      </c>
      <c r="CW21" s="63">
        <v>461</v>
      </c>
      <c r="CX21" s="113">
        <v>26</v>
      </c>
      <c r="CY21" s="72">
        <v>30</v>
      </c>
      <c r="CZ21" s="73">
        <v>56</v>
      </c>
      <c r="DA21" s="228"/>
      <c r="DB21" s="72">
        <v>45</v>
      </c>
      <c r="DC21" s="72">
        <v>37</v>
      </c>
      <c r="DD21" s="72">
        <v>37</v>
      </c>
      <c r="DE21" s="72">
        <v>24</v>
      </c>
      <c r="DF21" s="72">
        <v>27</v>
      </c>
      <c r="DG21" s="74">
        <v>170</v>
      </c>
      <c r="DH21" s="75">
        <v>226</v>
      </c>
      <c r="DI21" s="60">
        <v>2</v>
      </c>
      <c r="DJ21" s="61">
        <v>1</v>
      </c>
      <c r="DK21" s="62">
        <v>3</v>
      </c>
      <c r="DL21" s="228"/>
      <c r="DM21" s="61">
        <v>2</v>
      </c>
      <c r="DN21" s="61">
        <v>0</v>
      </c>
      <c r="DO21" s="61">
        <v>0</v>
      </c>
      <c r="DP21" s="61">
        <v>0</v>
      </c>
      <c r="DQ21" s="61">
        <v>3</v>
      </c>
      <c r="DR21" s="62">
        <v>5</v>
      </c>
      <c r="DS21" s="63">
        <v>8</v>
      </c>
      <c r="DT21" s="60">
        <v>4</v>
      </c>
      <c r="DU21" s="61">
        <v>4</v>
      </c>
      <c r="DV21" s="62">
        <v>8</v>
      </c>
      <c r="DW21" s="228"/>
      <c r="DX21" s="61">
        <v>3</v>
      </c>
      <c r="DY21" s="61">
        <v>3</v>
      </c>
      <c r="DZ21" s="61">
        <v>0</v>
      </c>
      <c r="EA21" s="61">
        <v>0</v>
      </c>
      <c r="EB21" s="61">
        <v>2</v>
      </c>
      <c r="EC21" s="62">
        <v>8</v>
      </c>
      <c r="ED21" s="63">
        <v>16</v>
      </c>
      <c r="EE21" s="60">
        <v>2</v>
      </c>
      <c r="EF21" s="61">
        <v>8</v>
      </c>
      <c r="EG21" s="62">
        <v>10</v>
      </c>
      <c r="EH21" s="228"/>
      <c r="EI21" s="61">
        <v>6</v>
      </c>
      <c r="EJ21" s="61">
        <v>6</v>
      </c>
      <c r="EK21" s="61">
        <v>2</v>
      </c>
      <c r="EL21" s="61">
        <v>0</v>
      </c>
      <c r="EM21" s="61">
        <v>2</v>
      </c>
      <c r="EN21" s="62">
        <v>16</v>
      </c>
      <c r="EO21" s="63">
        <v>26</v>
      </c>
      <c r="EP21" s="60">
        <v>9</v>
      </c>
      <c r="EQ21" s="61">
        <v>9</v>
      </c>
      <c r="ER21" s="62">
        <v>18</v>
      </c>
      <c r="ES21" s="228"/>
      <c r="ET21" s="61">
        <v>7</v>
      </c>
      <c r="EU21" s="61">
        <v>10</v>
      </c>
      <c r="EV21" s="61">
        <v>5</v>
      </c>
      <c r="EW21" s="61">
        <v>6</v>
      </c>
      <c r="EX21" s="61">
        <v>3</v>
      </c>
      <c r="EY21" s="62">
        <v>31</v>
      </c>
      <c r="EZ21" s="63">
        <v>49</v>
      </c>
      <c r="FA21" s="60">
        <v>8</v>
      </c>
      <c r="FB21" s="61">
        <v>6</v>
      </c>
      <c r="FC21" s="62">
        <v>14</v>
      </c>
      <c r="FD21" s="228"/>
      <c r="FE21" s="61">
        <v>19</v>
      </c>
      <c r="FF21" s="61">
        <v>7</v>
      </c>
      <c r="FG21" s="61">
        <v>9</v>
      </c>
      <c r="FH21" s="61">
        <v>6</v>
      </c>
      <c r="FI21" s="61">
        <v>6</v>
      </c>
      <c r="FJ21" s="62">
        <v>47</v>
      </c>
      <c r="FK21" s="63">
        <v>61</v>
      </c>
      <c r="FL21" s="60">
        <v>1</v>
      </c>
      <c r="FM21" s="61">
        <v>2</v>
      </c>
      <c r="FN21" s="62">
        <v>3</v>
      </c>
      <c r="FO21" s="228"/>
      <c r="FP21" s="61">
        <v>8</v>
      </c>
      <c r="FQ21" s="61">
        <v>11</v>
      </c>
      <c r="FR21" s="61">
        <v>21</v>
      </c>
      <c r="FS21" s="61">
        <v>12</v>
      </c>
      <c r="FT21" s="61">
        <v>11</v>
      </c>
      <c r="FU21" s="62">
        <v>63</v>
      </c>
      <c r="FV21" s="63">
        <v>66</v>
      </c>
      <c r="FW21" s="60">
        <v>0</v>
      </c>
      <c r="FX21" s="61">
        <v>0</v>
      </c>
      <c r="FY21" s="62">
        <v>0</v>
      </c>
      <c r="FZ21" s="228"/>
      <c r="GA21" s="61">
        <v>0</v>
      </c>
      <c r="GB21" s="61">
        <v>0</v>
      </c>
      <c r="GC21" s="61">
        <v>0</v>
      </c>
      <c r="GD21" s="61">
        <v>0</v>
      </c>
      <c r="GE21" s="61">
        <v>0</v>
      </c>
      <c r="GF21" s="62">
        <v>0</v>
      </c>
      <c r="GG21" s="63">
        <v>0</v>
      </c>
      <c r="GH21" s="60">
        <v>26</v>
      </c>
      <c r="GI21" s="61">
        <v>30</v>
      </c>
      <c r="GJ21" s="62">
        <v>56</v>
      </c>
      <c r="GK21" s="228"/>
      <c r="GL21" s="61">
        <v>45</v>
      </c>
      <c r="GM21" s="61">
        <v>37</v>
      </c>
      <c r="GN21" s="61">
        <v>37</v>
      </c>
      <c r="GO21" s="61">
        <v>24</v>
      </c>
      <c r="GP21" s="61">
        <v>27</v>
      </c>
      <c r="GQ21" s="62">
        <v>170</v>
      </c>
      <c r="GR21" s="63">
        <v>226</v>
      </c>
      <c r="GS21" s="113">
        <v>92</v>
      </c>
      <c r="GT21" s="72">
        <v>93</v>
      </c>
      <c r="GU21" s="73">
        <v>185</v>
      </c>
      <c r="GV21" s="228"/>
      <c r="GW21" s="72">
        <v>162</v>
      </c>
      <c r="GX21" s="72">
        <v>132</v>
      </c>
      <c r="GY21" s="72">
        <v>84</v>
      </c>
      <c r="GZ21" s="72">
        <v>72</v>
      </c>
      <c r="HA21" s="72">
        <v>52</v>
      </c>
      <c r="HB21" s="74">
        <v>502</v>
      </c>
      <c r="HC21" s="75">
        <v>687</v>
      </c>
      <c r="HD21" s="60">
        <v>5</v>
      </c>
      <c r="HE21" s="61">
        <v>3</v>
      </c>
      <c r="HF21" s="62">
        <v>8</v>
      </c>
      <c r="HG21" s="228"/>
      <c r="HH21" s="61">
        <v>12</v>
      </c>
      <c r="HI21" s="61">
        <v>4</v>
      </c>
      <c r="HJ21" s="61">
        <v>3</v>
      </c>
      <c r="HK21" s="61">
        <v>1</v>
      </c>
      <c r="HL21" s="61">
        <v>5</v>
      </c>
      <c r="HM21" s="62">
        <v>25</v>
      </c>
      <c r="HN21" s="63">
        <v>33</v>
      </c>
      <c r="HO21" s="60">
        <v>12</v>
      </c>
      <c r="HP21" s="61">
        <v>10</v>
      </c>
      <c r="HQ21" s="62">
        <v>22</v>
      </c>
      <c r="HR21" s="228"/>
      <c r="HS21" s="61">
        <v>13</v>
      </c>
      <c r="HT21" s="61">
        <v>11</v>
      </c>
      <c r="HU21" s="61">
        <v>4</v>
      </c>
      <c r="HV21" s="61">
        <v>2</v>
      </c>
      <c r="HW21" s="61">
        <v>5</v>
      </c>
      <c r="HX21" s="62">
        <v>35</v>
      </c>
      <c r="HY21" s="63">
        <v>57</v>
      </c>
      <c r="HZ21" s="60">
        <v>12</v>
      </c>
      <c r="IA21" s="61">
        <v>17</v>
      </c>
      <c r="IB21" s="62">
        <v>29</v>
      </c>
      <c r="IC21" s="228"/>
      <c r="ID21" s="61">
        <v>23</v>
      </c>
      <c r="IE21" s="61">
        <v>16</v>
      </c>
      <c r="IF21" s="61">
        <v>9</v>
      </c>
      <c r="IG21" s="61">
        <v>10</v>
      </c>
      <c r="IH21" s="61">
        <v>6</v>
      </c>
      <c r="II21" s="62">
        <v>64</v>
      </c>
      <c r="IJ21" s="63">
        <v>93</v>
      </c>
      <c r="IK21" s="60">
        <v>19</v>
      </c>
      <c r="IL21" s="61">
        <v>30</v>
      </c>
      <c r="IM21" s="62">
        <v>49</v>
      </c>
      <c r="IN21" s="228"/>
      <c r="IO21" s="61">
        <v>36</v>
      </c>
      <c r="IP21" s="61">
        <v>36</v>
      </c>
      <c r="IQ21" s="61">
        <v>15</v>
      </c>
      <c r="IR21" s="61">
        <v>19</v>
      </c>
      <c r="IS21" s="61">
        <v>7</v>
      </c>
      <c r="IT21" s="62">
        <v>113</v>
      </c>
      <c r="IU21" s="63">
        <v>162</v>
      </c>
      <c r="IV21" s="60">
        <v>29</v>
      </c>
      <c r="IW21" s="61">
        <v>19</v>
      </c>
      <c r="IX21" s="62">
        <v>48</v>
      </c>
      <c r="IY21" s="228"/>
      <c r="IZ21" s="61">
        <v>44</v>
      </c>
      <c r="JA21" s="61">
        <v>32</v>
      </c>
      <c r="JB21" s="61">
        <v>20</v>
      </c>
      <c r="JC21" s="61">
        <v>16</v>
      </c>
      <c r="JD21" s="61">
        <v>11</v>
      </c>
      <c r="JE21" s="62">
        <v>123</v>
      </c>
      <c r="JF21" s="63">
        <v>171</v>
      </c>
      <c r="JG21" s="60">
        <v>15</v>
      </c>
      <c r="JH21" s="61">
        <v>14</v>
      </c>
      <c r="JI21" s="62">
        <v>29</v>
      </c>
      <c r="JJ21" s="228"/>
      <c r="JK21" s="61">
        <v>34</v>
      </c>
      <c r="JL21" s="61">
        <v>33</v>
      </c>
      <c r="JM21" s="61">
        <v>33</v>
      </c>
      <c r="JN21" s="61">
        <v>24</v>
      </c>
      <c r="JO21" s="61">
        <v>18</v>
      </c>
      <c r="JP21" s="62">
        <v>142</v>
      </c>
      <c r="JQ21" s="63">
        <v>171</v>
      </c>
      <c r="JR21" s="60">
        <v>0</v>
      </c>
      <c r="JS21" s="61">
        <v>0</v>
      </c>
      <c r="JT21" s="62">
        <v>0</v>
      </c>
      <c r="JU21" s="228"/>
      <c r="JV21" s="61">
        <v>0</v>
      </c>
      <c r="JW21" s="61">
        <v>0</v>
      </c>
      <c r="JX21" s="61">
        <v>0</v>
      </c>
      <c r="JY21" s="61">
        <v>0</v>
      </c>
      <c r="JZ21" s="61">
        <v>0</v>
      </c>
      <c r="KA21" s="62">
        <v>0</v>
      </c>
      <c r="KB21" s="63">
        <v>0</v>
      </c>
      <c r="KC21" s="60">
        <v>92</v>
      </c>
      <c r="KD21" s="61">
        <v>93</v>
      </c>
      <c r="KE21" s="62">
        <v>185</v>
      </c>
      <c r="KF21" s="228"/>
      <c r="KG21" s="61">
        <v>162</v>
      </c>
      <c r="KH21" s="61">
        <v>132</v>
      </c>
      <c r="KI21" s="61">
        <v>84</v>
      </c>
      <c r="KJ21" s="61">
        <v>72</v>
      </c>
      <c r="KK21" s="61">
        <v>52</v>
      </c>
      <c r="KL21" s="62">
        <v>502</v>
      </c>
      <c r="KM21" s="63">
        <v>687</v>
      </c>
    </row>
    <row r="22" spans="2:299" ht="21" customHeight="1" x14ac:dyDescent="0.2">
      <c r="B22" s="472" t="s">
        <v>19</v>
      </c>
      <c r="C22" s="293">
        <v>29</v>
      </c>
      <c r="D22" s="72">
        <v>20</v>
      </c>
      <c r="E22" s="73">
        <v>49</v>
      </c>
      <c r="F22" s="228"/>
      <c r="G22" s="72">
        <v>53</v>
      </c>
      <c r="H22" s="72">
        <v>42</v>
      </c>
      <c r="I22" s="72">
        <v>18</v>
      </c>
      <c r="J22" s="72">
        <v>16</v>
      </c>
      <c r="K22" s="72">
        <v>14</v>
      </c>
      <c r="L22" s="74">
        <v>143</v>
      </c>
      <c r="M22" s="75">
        <v>192</v>
      </c>
      <c r="N22" s="76">
        <v>2</v>
      </c>
      <c r="O22" s="61">
        <v>1</v>
      </c>
      <c r="P22" s="62">
        <v>3</v>
      </c>
      <c r="Q22" s="228"/>
      <c r="R22" s="61">
        <v>2</v>
      </c>
      <c r="S22" s="61">
        <v>0</v>
      </c>
      <c r="T22" s="61">
        <v>1</v>
      </c>
      <c r="U22" s="61">
        <v>1</v>
      </c>
      <c r="V22" s="61">
        <v>0</v>
      </c>
      <c r="W22" s="62">
        <v>4</v>
      </c>
      <c r="X22" s="63">
        <v>7</v>
      </c>
      <c r="Y22" s="60">
        <v>2</v>
      </c>
      <c r="Z22" s="61">
        <v>0</v>
      </c>
      <c r="AA22" s="62">
        <v>2</v>
      </c>
      <c r="AB22" s="228"/>
      <c r="AC22" s="61">
        <v>5</v>
      </c>
      <c r="AD22" s="61">
        <v>4</v>
      </c>
      <c r="AE22" s="61">
        <v>1</v>
      </c>
      <c r="AF22" s="61">
        <v>0</v>
      </c>
      <c r="AG22" s="61">
        <v>2</v>
      </c>
      <c r="AH22" s="62">
        <v>12</v>
      </c>
      <c r="AI22" s="63">
        <v>14</v>
      </c>
      <c r="AJ22" s="76">
        <v>5</v>
      </c>
      <c r="AK22" s="61">
        <v>2</v>
      </c>
      <c r="AL22" s="62">
        <v>7</v>
      </c>
      <c r="AM22" s="228"/>
      <c r="AN22" s="61">
        <v>7</v>
      </c>
      <c r="AO22" s="61">
        <v>5</v>
      </c>
      <c r="AP22" s="61">
        <v>1</v>
      </c>
      <c r="AQ22" s="61">
        <v>4</v>
      </c>
      <c r="AR22" s="61">
        <v>1</v>
      </c>
      <c r="AS22" s="62">
        <v>18</v>
      </c>
      <c r="AT22" s="63">
        <v>25</v>
      </c>
      <c r="AU22" s="60">
        <v>4</v>
      </c>
      <c r="AV22" s="61">
        <v>3</v>
      </c>
      <c r="AW22" s="62">
        <v>7</v>
      </c>
      <c r="AX22" s="228"/>
      <c r="AY22" s="61">
        <v>11</v>
      </c>
      <c r="AZ22" s="61">
        <v>11</v>
      </c>
      <c r="BA22" s="61">
        <v>3</v>
      </c>
      <c r="BB22" s="61">
        <v>1</v>
      </c>
      <c r="BC22" s="61">
        <v>5</v>
      </c>
      <c r="BD22" s="62">
        <v>31</v>
      </c>
      <c r="BE22" s="63">
        <v>38</v>
      </c>
      <c r="BF22" s="76">
        <v>9</v>
      </c>
      <c r="BG22" s="61">
        <v>5</v>
      </c>
      <c r="BH22" s="62">
        <v>14</v>
      </c>
      <c r="BI22" s="228"/>
      <c r="BJ22" s="61">
        <v>12</v>
      </c>
      <c r="BK22" s="61">
        <v>11</v>
      </c>
      <c r="BL22" s="61">
        <v>2</v>
      </c>
      <c r="BM22" s="61">
        <v>6</v>
      </c>
      <c r="BN22" s="61">
        <v>2</v>
      </c>
      <c r="BO22" s="62">
        <v>33</v>
      </c>
      <c r="BP22" s="63">
        <v>47</v>
      </c>
      <c r="BQ22" s="60">
        <v>7</v>
      </c>
      <c r="BR22" s="61">
        <v>9</v>
      </c>
      <c r="BS22" s="62">
        <v>16</v>
      </c>
      <c r="BT22" s="228"/>
      <c r="BU22" s="61">
        <v>16</v>
      </c>
      <c r="BV22" s="61">
        <v>11</v>
      </c>
      <c r="BW22" s="61">
        <v>10</v>
      </c>
      <c r="BX22" s="61">
        <v>4</v>
      </c>
      <c r="BY22" s="61">
        <v>4</v>
      </c>
      <c r="BZ22" s="62">
        <v>45</v>
      </c>
      <c r="CA22" s="63">
        <v>61</v>
      </c>
      <c r="CB22" s="60">
        <v>0</v>
      </c>
      <c r="CC22" s="61">
        <v>0</v>
      </c>
      <c r="CD22" s="62">
        <v>0</v>
      </c>
      <c r="CE22" s="228"/>
      <c r="CF22" s="61">
        <v>0</v>
      </c>
      <c r="CG22" s="61">
        <v>0</v>
      </c>
      <c r="CH22" s="61">
        <v>0</v>
      </c>
      <c r="CI22" s="61">
        <v>0</v>
      </c>
      <c r="CJ22" s="61">
        <v>0</v>
      </c>
      <c r="CK22" s="62">
        <v>0</v>
      </c>
      <c r="CL22" s="63">
        <v>0</v>
      </c>
      <c r="CM22" s="60">
        <v>29</v>
      </c>
      <c r="CN22" s="61">
        <v>20</v>
      </c>
      <c r="CO22" s="62">
        <v>49</v>
      </c>
      <c r="CP22" s="228"/>
      <c r="CQ22" s="61">
        <v>53</v>
      </c>
      <c r="CR22" s="61">
        <v>42</v>
      </c>
      <c r="CS22" s="61">
        <v>18</v>
      </c>
      <c r="CT22" s="61">
        <v>16</v>
      </c>
      <c r="CU22" s="61">
        <v>14</v>
      </c>
      <c r="CV22" s="62">
        <v>143</v>
      </c>
      <c r="CW22" s="63">
        <v>192</v>
      </c>
      <c r="CX22" s="113">
        <v>12</v>
      </c>
      <c r="CY22" s="72">
        <v>5</v>
      </c>
      <c r="CZ22" s="73">
        <v>17</v>
      </c>
      <c r="DA22" s="228"/>
      <c r="DB22" s="72">
        <v>16</v>
      </c>
      <c r="DC22" s="72">
        <v>10</v>
      </c>
      <c r="DD22" s="72">
        <v>14</v>
      </c>
      <c r="DE22" s="72">
        <v>3</v>
      </c>
      <c r="DF22" s="72">
        <v>6</v>
      </c>
      <c r="DG22" s="74">
        <v>49</v>
      </c>
      <c r="DH22" s="75">
        <v>66</v>
      </c>
      <c r="DI22" s="76">
        <v>0</v>
      </c>
      <c r="DJ22" s="61">
        <v>0</v>
      </c>
      <c r="DK22" s="62">
        <v>0</v>
      </c>
      <c r="DL22" s="228"/>
      <c r="DM22" s="61">
        <v>0</v>
      </c>
      <c r="DN22" s="61">
        <v>0</v>
      </c>
      <c r="DO22" s="61">
        <v>1</v>
      </c>
      <c r="DP22" s="61">
        <v>1</v>
      </c>
      <c r="DQ22" s="61">
        <v>0</v>
      </c>
      <c r="DR22" s="62">
        <v>2</v>
      </c>
      <c r="DS22" s="63">
        <v>2</v>
      </c>
      <c r="DT22" s="60">
        <v>1</v>
      </c>
      <c r="DU22" s="61">
        <v>1</v>
      </c>
      <c r="DV22" s="62">
        <v>2</v>
      </c>
      <c r="DW22" s="228"/>
      <c r="DX22" s="61">
        <v>1</v>
      </c>
      <c r="DY22" s="61">
        <v>1</v>
      </c>
      <c r="DZ22" s="61">
        <v>1</v>
      </c>
      <c r="EA22" s="61">
        <v>0</v>
      </c>
      <c r="EB22" s="61">
        <v>0</v>
      </c>
      <c r="EC22" s="62">
        <v>3</v>
      </c>
      <c r="ED22" s="63">
        <v>5</v>
      </c>
      <c r="EE22" s="76">
        <v>4</v>
      </c>
      <c r="EF22" s="61">
        <v>2</v>
      </c>
      <c r="EG22" s="62">
        <v>6</v>
      </c>
      <c r="EH22" s="228"/>
      <c r="EI22" s="61">
        <v>1</v>
      </c>
      <c r="EJ22" s="61">
        <v>2</v>
      </c>
      <c r="EK22" s="61">
        <v>2</v>
      </c>
      <c r="EL22" s="61">
        <v>0</v>
      </c>
      <c r="EM22" s="61">
        <v>0</v>
      </c>
      <c r="EN22" s="62">
        <v>5</v>
      </c>
      <c r="EO22" s="63">
        <v>11</v>
      </c>
      <c r="EP22" s="60">
        <v>5</v>
      </c>
      <c r="EQ22" s="61">
        <v>0</v>
      </c>
      <c r="ER22" s="62">
        <v>5</v>
      </c>
      <c r="ES22" s="228"/>
      <c r="ET22" s="61">
        <v>4</v>
      </c>
      <c r="EU22" s="61">
        <v>0</v>
      </c>
      <c r="EV22" s="61">
        <v>2</v>
      </c>
      <c r="EW22" s="61">
        <v>0</v>
      </c>
      <c r="EX22" s="61">
        <v>1</v>
      </c>
      <c r="EY22" s="62">
        <v>7</v>
      </c>
      <c r="EZ22" s="63">
        <v>12</v>
      </c>
      <c r="FA22" s="76">
        <v>1</v>
      </c>
      <c r="FB22" s="61">
        <v>1</v>
      </c>
      <c r="FC22" s="62">
        <v>2</v>
      </c>
      <c r="FD22" s="228"/>
      <c r="FE22" s="61">
        <v>5</v>
      </c>
      <c r="FF22" s="61">
        <v>2</v>
      </c>
      <c r="FG22" s="61">
        <v>4</v>
      </c>
      <c r="FH22" s="61">
        <v>0</v>
      </c>
      <c r="FI22" s="61">
        <v>2</v>
      </c>
      <c r="FJ22" s="62">
        <v>13</v>
      </c>
      <c r="FK22" s="63">
        <v>15</v>
      </c>
      <c r="FL22" s="60">
        <v>1</v>
      </c>
      <c r="FM22" s="61">
        <v>1</v>
      </c>
      <c r="FN22" s="62">
        <v>2</v>
      </c>
      <c r="FO22" s="228"/>
      <c r="FP22" s="61">
        <v>5</v>
      </c>
      <c r="FQ22" s="61">
        <v>5</v>
      </c>
      <c r="FR22" s="61">
        <v>4</v>
      </c>
      <c r="FS22" s="61">
        <v>2</v>
      </c>
      <c r="FT22" s="61">
        <v>3</v>
      </c>
      <c r="FU22" s="62">
        <v>19</v>
      </c>
      <c r="FV22" s="63">
        <v>21</v>
      </c>
      <c r="FW22" s="60">
        <v>0</v>
      </c>
      <c r="FX22" s="61">
        <v>0</v>
      </c>
      <c r="FY22" s="62">
        <v>0</v>
      </c>
      <c r="FZ22" s="228"/>
      <c r="GA22" s="61">
        <v>0</v>
      </c>
      <c r="GB22" s="61">
        <v>0</v>
      </c>
      <c r="GC22" s="61">
        <v>0</v>
      </c>
      <c r="GD22" s="61">
        <v>0</v>
      </c>
      <c r="GE22" s="61">
        <v>0</v>
      </c>
      <c r="GF22" s="62">
        <v>0</v>
      </c>
      <c r="GG22" s="63">
        <v>0</v>
      </c>
      <c r="GH22" s="60">
        <v>12</v>
      </c>
      <c r="GI22" s="61">
        <v>5</v>
      </c>
      <c r="GJ22" s="62">
        <v>17</v>
      </c>
      <c r="GK22" s="228"/>
      <c r="GL22" s="61">
        <v>16</v>
      </c>
      <c r="GM22" s="61">
        <v>10</v>
      </c>
      <c r="GN22" s="61">
        <v>14</v>
      </c>
      <c r="GO22" s="61">
        <v>3</v>
      </c>
      <c r="GP22" s="61">
        <v>6</v>
      </c>
      <c r="GQ22" s="62">
        <v>49</v>
      </c>
      <c r="GR22" s="63">
        <v>66</v>
      </c>
      <c r="GS22" s="113">
        <v>41</v>
      </c>
      <c r="GT22" s="72">
        <v>25</v>
      </c>
      <c r="GU22" s="73">
        <v>66</v>
      </c>
      <c r="GV22" s="228"/>
      <c r="GW22" s="72">
        <v>69</v>
      </c>
      <c r="GX22" s="72">
        <v>52</v>
      </c>
      <c r="GY22" s="72">
        <v>32</v>
      </c>
      <c r="GZ22" s="72">
        <v>19</v>
      </c>
      <c r="HA22" s="72">
        <v>20</v>
      </c>
      <c r="HB22" s="74">
        <v>192</v>
      </c>
      <c r="HC22" s="75">
        <v>258</v>
      </c>
      <c r="HD22" s="76">
        <v>2</v>
      </c>
      <c r="HE22" s="61">
        <v>1</v>
      </c>
      <c r="HF22" s="62">
        <v>3</v>
      </c>
      <c r="HG22" s="228"/>
      <c r="HH22" s="61">
        <v>2</v>
      </c>
      <c r="HI22" s="61">
        <v>0</v>
      </c>
      <c r="HJ22" s="61">
        <v>2</v>
      </c>
      <c r="HK22" s="61">
        <v>2</v>
      </c>
      <c r="HL22" s="61">
        <v>0</v>
      </c>
      <c r="HM22" s="62">
        <v>6</v>
      </c>
      <c r="HN22" s="63">
        <v>9</v>
      </c>
      <c r="HO22" s="60">
        <v>3</v>
      </c>
      <c r="HP22" s="61">
        <v>1</v>
      </c>
      <c r="HQ22" s="62">
        <v>4</v>
      </c>
      <c r="HR22" s="228"/>
      <c r="HS22" s="61">
        <v>6</v>
      </c>
      <c r="HT22" s="61">
        <v>5</v>
      </c>
      <c r="HU22" s="61">
        <v>2</v>
      </c>
      <c r="HV22" s="61">
        <v>0</v>
      </c>
      <c r="HW22" s="61">
        <v>2</v>
      </c>
      <c r="HX22" s="62">
        <v>15</v>
      </c>
      <c r="HY22" s="63">
        <v>19</v>
      </c>
      <c r="HZ22" s="76">
        <v>9</v>
      </c>
      <c r="IA22" s="61">
        <v>4</v>
      </c>
      <c r="IB22" s="62">
        <v>13</v>
      </c>
      <c r="IC22" s="228"/>
      <c r="ID22" s="61">
        <v>8</v>
      </c>
      <c r="IE22" s="61">
        <v>7</v>
      </c>
      <c r="IF22" s="61">
        <v>3</v>
      </c>
      <c r="IG22" s="61">
        <v>4</v>
      </c>
      <c r="IH22" s="61">
        <v>1</v>
      </c>
      <c r="II22" s="62">
        <v>23</v>
      </c>
      <c r="IJ22" s="63">
        <v>36</v>
      </c>
      <c r="IK22" s="60">
        <v>9</v>
      </c>
      <c r="IL22" s="61">
        <v>3</v>
      </c>
      <c r="IM22" s="62">
        <v>12</v>
      </c>
      <c r="IN22" s="228"/>
      <c r="IO22" s="61">
        <v>15</v>
      </c>
      <c r="IP22" s="61">
        <v>11</v>
      </c>
      <c r="IQ22" s="61">
        <v>5</v>
      </c>
      <c r="IR22" s="61">
        <v>1</v>
      </c>
      <c r="IS22" s="61">
        <v>6</v>
      </c>
      <c r="IT22" s="62">
        <v>38</v>
      </c>
      <c r="IU22" s="63">
        <v>50</v>
      </c>
      <c r="IV22" s="76">
        <v>10</v>
      </c>
      <c r="IW22" s="61">
        <v>6</v>
      </c>
      <c r="IX22" s="62">
        <v>16</v>
      </c>
      <c r="IY22" s="228"/>
      <c r="IZ22" s="61">
        <v>17</v>
      </c>
      <c r="JA22" s="61">
        <v>13</v>
      </c>
      <c r="JB22" s="61">
        <v>6</v>
      </c>
      <c r="JC22" s="61">
        <v>6</v>
      </c>
      <c r="JD22" s="61">
        <v>4</v>
      </c>
      <c r="JE22" s="62">
        <v>46</v>
      </c>
      <c r="JF22" s="63">
        <v>62</v>
      </c>
      <c r="JG22" s="60">
        <v>8</v>
      </c>
      <c r="JH22" s="61">
        <v>10</v>
      </c>
      <c r="JI22" s="62">
        <v>18</v>
      </c>
      <c r="JJ22" s="228"/>
      <c r="JK22" s="61">
        <v>21</v>
      </c>
      <c r="JL22" s="61">
        <v>16</v>
      </c>
      <c r="JM22" s="61">
        <v>14</v>
      </c>
      <c r="JN22" s="61">
        <v>6</v>
      </c>
      <c r="JO22" s="61">
        <v>7</v>
      </c>
      <c r="JP22" s="62">
        <v>64</v>
      </c>
      <c r="JQ22" s="63">
        <v>82</v>
      </c>
      <c r="JR22" s="60">
        <v>0</v>
      </c>
      <c r="JS22" s="61">
        <v>0</v>
      </c>
      <c r="JT22" s="62">
        <v>0</v>
      </c>
      <c r="JU22" s="228"/>
      <c r="JV22" s="61">
        <v>0</v>
      </c>
      <c r="JW22" s="61">
        <v>0</v>
      </c>
      <c r="JX22" s="61">
        <v>0</v>
      </c>
      <c r="JY22" s="61">
        <v>0</v>
      </c>
      <c r="JZ22" s="61">
        <v>0</v>
      </c>
      <c r="KA22" s="62">
        <v>0</v>
      </c>
      <c r="KB22" s="63">
        <v>0</v>
      </c>
      <c r="KC22" s="60">
        <v>41</v>
      </c>
      <c r="KD22" s="61">
        <v>25</v>
      </c>
      <c r="KE22" s="62">
        <v>66</v>
      </c>
      <c r="KF22" s="228"/>
      <c r="KG22" s="61">
        <v>69</v>
      </c>
      <c r="KH22" s="61">
        <v>52</v>
      </c>
      <c r="KI22" s="61">
        <v>32</v>
      </c>
      <c r="KJ22" s="61">
        <v>19</v>
      </c>
      <c r="KK22" s="61">
        <v>20</v>
      </c>
      <c r="KL22" s="62">
        <v>192</v>
      </c>
      <c r="KM22" s="63">
        <v>258</v>
      </c>
    </row>
    <row r="23" spans="2:299" ht="21" customHeight="1" x14ac:dyDescent="0.2">
      <c r="B23" s="472" t="s">
        <v>20</v>
      </c>
      <c r="C23" s="293">
        <v>31</v>
      </c>
      <c r="D23" s="72">
        <v>58</v>
      </c>
      <c r="E23" s="73">
        <v>89</v>
      </c>
      <c r="F23" s="228"/>
      <c r="G23" s="72">
        <v>58</v>
      </c>
      <c r="H23" s="72">
        <v>49</v>
      </c>
      <c r="I23" s="72">
        <v>33</v>
      </c>
      <c r="J23" s="72">
        <v>29</v>
      </c>
      <c r="K23" s="72">
        <v>17</v>
      </c>
      <c r="L23" s="74">
        <v>186</v>
      </c>
      <c r="M23" s="75">
        <v>275</v>
      </c>
      <c r="N23" s="60">
        <v>2</v>
      </c>
      <c r="O23" s="61">
        <v>1</v>
      </c>
      <c r="P23" s="62">
        <v>3</v>
      </c>
      <c r="Q23" s="228"/>
      <c r="R23" s="61">
        <v>3</v>
      </c>
      <c r="S23" s="61">
        <v>1</v>
      </c>
      <c r="T23" s="61">
        <v>0</v>
      </c>
      <c r="U23" s="61">
        <v>1</v>
      </c>
      <c r="V23" s="61">
        <v>0</v>
      </c>
      <c r="W23" s="62">
        <v>5</v>
      </c>
      <c r="X23" s="63">
        <v>8</v>
      </c>
      <c r="Y23" s="60">
        <v>3</v>
      </c>
      <c r="Z23" s="61">
        <v>3</v>
      </c>
      <c r="AA23" s="62">
        <v>6</v>
      </c>
      <c r="AB23" s="228"/>
      <c r="AC23" s="61">
        <v>8</v>
      </c>
      <c r="AD23" s="61">
        <v>4</v>
      </c>
      <c r="AE23" s="61">
        <v>4</v>
      </c>
      <c r="AF23" s="61">
        <v>3</v>
      </c>
      <c r="AG23" s="61">
        <v>2</v>
      </c>
      <c r="AH23" s="62">
        <v>21</v>
      </c>
      <c r="AI23" s="63">
        <v>27</v>
      </c>
      <c r="AJ23" s="60">
        <v>6</v>
      </c>
      <c r="AK23" s="61">
        <v>8</v>
      </c>
      <c r="AL23" s="62">
        <v>14</v>
      </c>
      <c r="AM23" s="228"/>
      <c r="AN23" s="61">
        <v>5</v>
      </c>
      <c r="AO23" s="61">
        <v>4</v>
      </c>
      <c r="AP23" s="61">
        <v>5</v>
      </c>
      <c r="AQ23" s="61">
        <v>4</v>
      </c>
      <c r="AR23" s="61">
        <v>4</v>
      </c>
      <c r="AS23" s="62">
        <v>22</v>
      </c>
      <c r="AT23" s="63">
        <v>36</v>
      </c>
      <c r="AU23" s="60">
        <v>9</v>
      </c>
      <c r="AV23" s="61">
        <v>15</v>
      </c>
      <c r="AW23" s="62">
        <v>24</v>
      </c>
      <c r="AX23" s="228"/>
      <c r="AY23" s="61">
        <v>17</v>
      </c>
      <c r="AZ23" s="61">
        <v>12</v>
      </c>
      <c r="BA23" s="61">
        <v>13</v>
      </c>
      <c r="BB23" s="61">
        <v>7</v>
      </c>
      <c r="BC23" s="61">
        <v>4</v>
      </c>
      <c r="BD23" s="62">
        <v>53</v>
      </c>
      <c r="BE23" s="63">
        <v>77</v>
      </c>
      <c r="BF23" s="60">
        <v>6</v>
      </c>
      <c r="BG23" s="61">
        <v>22</v>
      </c>
      <c r="BH23" s="62">
        <v>28</v>
      </c>
      <c r="BI23" s="228"/>
      <c r="BJ23" s="61">
        <v>16</v>
      </c>
      <c r="BK23" s="61">
        <v>17</v>
      </c>
      <c r="BL23" s="61">
        <v>5</v>
      </c>
      <c r="BM23" s="61">
        <v>6</v>
      </c>
      <c r="BN23" s="61">
        <v>5</v>
      </c>
      <c r="BO23" s="62">
        <v>49</v>
      </c>
      <c r="BP23" s="63">
        <v>77</v>
      </c>
      <c r="BQ23" s="60">
        <v>5</v>
      </c>
      <c r="BR23" s="61">
        <v>9</v>
      </c>
      <c r="BS23" s="62">
        <v>14</v>
      </c>
      <c r="BT23" s="228"/>
      <c r="BU23" s="61">
        <v>9</v>
      </c>
      <c r="BV23" s="61">
        <v>11</v>
      </c>
      <c r="BW23" s="61">
        <v>6</v>
      </c>
      <c r="BX23" s="61">
        <v>8</v>
      </c>
      <c r="BY23" s="61">
        <v>2</v>
      </c>
      <c r="BZ23" s="62">
        <v>36</v>
      </c>
      <c r="CA23" s="63">
        <v>50</v>
      </c>
      <c r="CB23" s="60">
        <v>0</v>
      </c>
      <c r="CC23" s="61">
        <v>0</v>
      </c>
      <c r="CD23" s="62">
        <v>0</v>
      </c>
      <c r="CE23" s="228"/>
      <c r="CF23" s="61">
        <v>0</v>
      </c>
      <c r="CG23" s="61">
        <v>0</v>
      </c>
      <c r="CH23" s="61">
        <v>0</v>
      </c>
      <c r="CI23" s="61">
        <v>0</v>
      </c>
      <c r="CJ23" s="61">
        <v>0</v>
      </c>
      <c r="CK23" s="62">
        <v>0</v>
      </c>
      <c r="CL23" s="63">
        <v>0</v>
      </c>
      <c r="CM23" s="60">
        <v>31</v>
      </c>
      <c r="CN23" s="61">
        <v>58</v>
      </c>
      <c r="CO23" s="62">
        <v>89</v>
      </c>
      <c r="CP23" s="228"/>
      <c r="CQ23" s="61">
        <v>58</v>
      </c>
      <c r="CR23" s="61">
        <v>49</v>
      </c>
      <c r="CS23" s="61">
        <v>33</v>
      </c>
      <c r="CT23" s="61">
        <v>29</v>
      </c>
      <c r="CU23" s="61">
        <v>17</v>
      </c>
      <c r="CV23" s="62">
        <v>186</v>
      </c>
      <c r="CW23" s="63">
        <v>275</v>
      </c>
      <c r="CX23" s="113">
        <v>12</v>
      </c>
      <c r="CY23" s="72">
        <v>14</v>
      </c>
      <c r="CZ23" s="73">
        <v>26</v>
      </c>
      <c r="DA23" s="228"/>
      <c r="DB23" s="72">
        <v>28</v>
      </c>
      <c r="DC23" s="72">
        <v>20</v>
      </c>
      <c r="DD23" s="72">
        <v>7</v>
      </c>
      <c r="DE23" s="72">
        <v>14</v>
      </c>
      <c r="DF23" s="72">
        <v>6</v>
      </c>
      <c r="DG23" s="74">
        <v>75</v>
      </c>
      <c r="DH23" s="75">
        <v>101</v>
      </c>
      <c r="DI23" s="60">
        <v>1</v>
      </c>
      <c r="DJ23" s="61">
        <v>0</v>
      </c>
      <c r="DK23" s="62">
        <v>1</v>
      </c>
      <c r="DL23" s="228"/>
      <c r="DM23" s="61">
        <v>1</v>
      </c>
      <c r="DN23" s="61">
        <v>1</v>
      </c>
      <c r="DO23" s="61">
        <v>0</v>
      </c>
      <c r="DP23" s="61">
        <v>0</v>
      </c>
      <c r="DQ23" s="61">
        <v>0</v>
      </c>
      <c r="DR23" s="62">
        <v>2</v>
      </c>
      <c r="DS23" s="63">
        <v>3</v>
      </c>
      <c r="DT23" s="60">
        <v>1</v>
      </c>
      <c r="DU23" s="61">
        <v>0</v>
      </c>
      <c r="DV23" s="62">
        <v>1</v>
      </c>
      <c r="DW23" s="228"/>
      <c r="DX23" s="61">
        <v>1</v>
      </c>
      <c r="DY23" s="61">
        <v>0</v>
      </c>
      <c r="DZ23" s="61">
        <v>0</v>
      </c>
      <c r="EA23" s="61">
        <v>0</v>
      </c>
      <c r="EB23" s="61">
        <v>0</v>
      </c>
      <c r="EC23" s="62">
        <v>1</v>
      </c>
      <c r="ED23" s="63">
        <v>2</v>
      </c>
      <c r="EE23" s="60">
        <v>0</v>
      </c>
      <c r="EF23" s="61">
        <v>4</v>
      </c>
      <c r="EG23" s="62">
        <v>4</v>
      </c>
      <c r="EH23" s="228"/>
      <c r="EI23" s="61">
        <v>2</v>
      </c>
      <c r="EJ23" s="61">
        <v>4</v>
      </c>
      <c r="EK23" s="61">
        <v>1</v>
      </c>
      <c r="EL23" s="61">
        <v>2</v>
      </c>
      <c r="EM23" s="61">
        <v>0</v>
      </c>
      <c r="EN23" s="62">
        <v>9</v>
      </c>
      <c r="EO23" s="63">
        <v>13</v>
      </c>
      <c r="EP23" s="60">
        <v>4</v>
      </c>
      <c r="EQ23" s="61">
        <v>3</v>
      </c>
      <c r="ER23" s="62">
        <v>7</v>
      </c>
      <c r="ES23" s="228"/>
      <c r="ET23" s="61">
        <v>7</v>
      </c>
      <c r="EU23" s="61">
        <v>5</v>
      </c>
      <c r="EV23" s="61">
        <v>2</v>
      </c>
      <c r="EW23" s="61">
        <v>2</v>
      </c>
      <c r="EX23" s="61">
        <v>1</v>
      </c>
      <c r="EY23" s="62">
        <v>17</v>
      </c>
      <c r="EZ23" s="63">
        <v>24</v>
      </c>
      <c r="FA23" s="60">
        <v>5</v>
      </c>
      <c r="FB23" s="61">
        <v>1</v>
      </c>
      <c r="FC23" s="62">
        <v>6</v>
      </c>
      <c r="FD23" s="228"/>
      <c r="FE23" s="61">
        <v>7</v>
      </c>
      <c r="FF23" s="61">
        <v>5</v>
      </c>
      <c r="FG23" s="61">
        <v>1</v>
      </c>
      <c r="FH23" s="61">
        <v>3</v>
      </c>
      <c r="FI23" s="61">
        <v>1</v>
      </c>
      <c r="FJ23" s="62">
        <v>17</v>
      </c>
      <c r="FK23" s="63">
        <v>23</v>
      </c>
      <c r="FL23" s="60">
        <v>1</v>
      </c>
      <c r="FM23" s="61">
        <v>6</v>
      </c>
      <c r="FN23" s="62">
        <v>7</v>
      </c>
      <c r="FO23" s="228"/>
      <c r="FP23" s="61">
        <v>10</v>
      </c>
      <c r="FQ23" s="61">
        <v>5</v>
      </c>
      <c r="FR23" s="61">
        <v>3</v>
      </c>
      <c r="FS23" s="61">
        <v>7</v>
      </c>
      <c r="FT23" s="61">
        <v>4</v>
      </c>
      <c r="FU23" s="62">
        <v>29</v>
      </c>
      <c r="FV23" s="63">
        <v>36</v>
      </c>
      <c r="FW23" s="60">
        <v>0</v>
      </c>
      <c r="FX23" s="61">
        <v>0</v>
      </c>
      <c r="FY23" s="62">
        <v>0</v>
      </c>
      <c r="FZ23" s="228"/>
      <c r="GA23" s="61">
        <v>0</v>
      </c>
      <c r="GB23" s="61">
        <v>0</v>
      </c>
      <c r="GC23" s="61">
        <v>0</v>
      </c>
      <c r="GD23" s="61">
        <v>0</v>
      </c>
      <c r="GE23" s="61">
        <v>0</v>
      </c>
      <c r="GF23" s="62">
        <v>0</v>
      </c>
      <c r="GG23" s="63">
        <v>0</v>
      </c>
      <c r="GH23" s="60">
        <v>12</v>
      </c>
      <c r="GI23" s="61">
        <v>14</v>
      </c>
      <c r="GJ23" s="62">
        <v>26</v>
      </c>
      <c r="GK23" s="228"/>
      <c r="GL23" s="61">
        <v>28</v>
      </c>
      <c r="GM23" s="61">
        <v>20</v>
      </c>
      <c r="GN23" s="61">
        <v>7</v>
      </c>
      <c r="GO23" s="61">
        <v>14</v>
      </c>
      <c r="GP23" s="61">
        <v>6</v>
      </c>
      <c r="GQ23" s="62">
        <v>75</v>
      </c>
      <c r="GR23" s="63">
        <v>101</v>
      </c>
      <c r="GS23" s="113">
        <v>43</v>
      </c>
      <c r="GT23" s="72">
        <v>72</v>
      </c>
      <c r="GU23" s="73">
        <v>115</v>
      </c>
      <c r="GV23" s="228"/>
      <c r="GW23" s="72">
        <v>86</v>
      </c>
      <c r="GX23" s="72">
        <v>69</v>
      </c>
      <c r="GY23" s="72">
        <v>40</v>
      </c>
      <c r="GZ23" s="72">
        <v>43</v>
      </c>
      <c r="HA23" s="72">
        <v>23</v>
      </c>
      <c r="HB23" s="74">
        <v>261</v>
      </c>
      <c r="HC23" s="75">
        <v>376</v>
      </c>
      <c r="HD23" s="60">
        <v>3</v>
      </c>
      <c r="HE23" s="61">
        <v>1</v>
      </c>
      <c r="HF23" s="62">
        <v>4</v>
      </c>
      <c r="HG23" s="228"/>
      <c r="HH23" s="61">
        <v>4</v>
      </c>
      <c r="HI23" s="61">
        <v>2</v>
      </c>
      <c r="HJ23" s="61">
        <v>0</v>
      </c>
      <c r="HK23" s="61">
        <v>1</v>
      </c>
      <c r="HL23" s="61">
        <v>0</v>
      </c>
      <c r="HM23" s="62">
        <v>7</v>
      </c>
      <c r="HN23" s="63">
        <v>11</v>
      </c>
      <c r="HO23" s="60">
        <v>4</v>
      </c>
      <c r="HP23" s="61">
        <v>3</v>
      </c>
      <c r="HQ23" s="62">
        <v>7</v>
      </c>
      <c r="HR23" s="228"/>
      <c r="HS23" s="61">
        <v>9</v>
      </c>
      <c r="HT23" s="61">
        <v>4</v>
      </c>
      <c r="HU23" s="61">
        <v>4</v>
      </c>
      <c r="HV23" s="61">
        <v>3</v>
      </c>
      <c r="HW23" s="61">
        <v>2</v>
      </c>
      <c r="HX23" s="62">
        <v>22</v>
      </c>
      <c r="HY23" s="63">
        <v>29</v>
      </c>
      <c r="HZ23" s="60">
        <v>6</v>
      </c>
      <c r="IA23" s="61">
        <v>12</v>
      </c>
      <c r="IB23" s="62">
        <v>18</v>
      </c>
      <c r="IC23" s="228"/>
      <c r="ID23" s="61">
        <v>7</v>
      </c>
      <c r="IE23" s="61">
        <v>8</v>
      </c>
      <c r="IF23" s="61">
        <v>6</v>
      </c>
      <c r="IG23" s="61">
        <v>6</v>
      </c>
      <c r="IH23" s="61">
        <v>4</v>
      </c>
      <c r="II23" s="62">
        <v>31</v>
      </c>
      <c r="IJ23" s="63">
        <v>49</v>
      </c>
      <c r="IK23" s="60">
        <v>13</v>
      </c>
      <c r="IL23" s="61">
        <v>18</v>
      </c>
      <c r="IM23" s="62">
        <v>31</v>
      </c>
      <c r="IN23" s="228"/>
      <c r="IO23" s="61">
        <v>24</v>
      </c>
      <c r="IP23" s="61">
        <v>17</v>
      </c>
      <c r="IQ23" s="61">
        <v>15</v>
      </c>
      <c r="IR23" s="61">
        <v>9</v>
      </c>
      <c r="IS23" s="61">
        <v>5</v>
      </c>
      <c r="IT23" s="62">
        <v>70</v>
      </c>
      <c r="IU23" s="63">
        <v>101</v>
      </c>
      <c r="IV23" s="60">
        <v>11</v>
      </c>
      <c r="IW23" s="61">
        <v>23</v>
      </c>
      <c r="IX23" s="62">
        <v>34</v>
      </c>
      <c r="IY23" s="228"/>
      <c r="IZ23" s="61">
        <v>23</v>
      </c>
      <c r="JA23" s="61">
        <v>22</v>
      </c>
      <c r="JB23" s="61">
        <v>6</v>
      </c>
      <c r="JC23" s="61">
        <v>9</v>
      </c>
      <c r="JD23" s="61">
        <v>6</v>
      </c>
      <c r="JE23" s="62">
        <v>66</v>
      </c>
      <c r="JF23" s="63">
        <v>100</v>
      </c>
      <c r="JG23" s="60">
        <v>6</v>
      </c>
      <c r="JH23" s="61">
        <v>15</v>
      </c>
      <c r="JI23" s="62">
        <v>21</v>
      </c>
      <c r="JJ23" s="228"/>
      <c r="JK23" s="61">
        <v>19</v>
      </c>
      <c r="JL23" s="61">
        <v>16</v>
      </c>
      <c r="JM23" s="61">
        <v>9</v>
      </c>
      <c r="JN23" s="61">
        <v>15</v>
      </c>
      <c r="JO23" s="61">
        <v>6</v>
      </c>
      <c r="JP23" s="62">
        <v>65</v>
      </c>
      <c r="JQ23" s="63">
        <v>86</v>
      </c>
      <c r="JR23" s="60">
        <v>0</v>
      </c>
      <c r="JS23" s="61">
        <v>0</v>
      </c>
      <c r="JT23" s="62">
        <v>0</v>
      </c>
      <c r="JU23" s="228"/>
      <c r="JV23" s="61">
        <v>0</v>
      </c>
      <c r="JW23" s="61">
        <v>0</v>
      </c>
      <c r="JX23" s="61">
        <v>0</v>
      </c>
      <c r="JY23" s="61">
        <v>0</v>
      </c>
      <c r="JZ23" s="61">
        <v>0</v>
      </c>
      <c r="KA23" s="62">
        <v>0</v>
      </c>
      <c r="KB23" s="63">
        <v>0</v>
      </c>
      <c r="KC23" s="60">
        <v>43</v>
      </c>
      <c r="KD23" s="61">
        <v>72</v>
      </c>
      <c r="KE23" s="62">
        <v>115</v>
      </c>
      <c r="KF23" s="228"/>
      <c r="KG23" s="61">
        <v>86</v>
      </c>
      <c r="KH23" s="61">
        <v>69</v>
      </c>
      <c r="KI23" s="61">
        <v>40</v>
      </c>
      <c r="KJ23" s="61">
        <v>43</v>
      </c>
      <c r="KK23" s="61">
        <v>23</v>
      </c>
      <c r="KL23" s="62">
        <v>261</v>
      </c>
      <c r="KM23" s="63">
        <v>376</v>
      </c>
    </row>
    <row r="24" spans="2:299" ht="21" customHeight="1" x14ac:dyDescent="0.2">
      <c r="B24" s="472" t="s">
        <v>21</v>
      </c>
      <c r="C24" s="293">
        <v>27</v>
      </c>
      <c r="D24" s="72">
        <v>36</v>
      </c>
      <c r="E24" s="73">
        <v>63</v>
      </c>
      <c r="F24" s="228"/>
      <c r="G24" s="72">
        <v>44</v>
      </c>
      <c r="H24" s="72">
        <v>33</v>
      </c>
      <c r="I24" s="72">
        <v>27</v>
      </c>
      <c r="J24" s="72">
        <v>22</v>
      </c>
      <c r="K24" s="72">
        <v>12</v>
      </c>
      <c r="L24" s="74">
        <v>138</v>
      </c>
      <c r="M24" s="75">
        <v>201</v>
      </c>
      <c r="N24" s="60">
        <v>0</v>
      </c>
      <c r="O24" s="61">
        <v>3</v>
      </c>
      <c r="P24" s="62">
        <v>3</v>
      </c>
      <c r="Q24" s="228"/>
      <c r="R24" s="61">
        <v>1</v>
      </c>
      <c r="S24" s="61">
        <v>0</v>
      </c>
      <c r="T24" s="61">
        <v>2</v>
      </c>
      <c r="U24" s="61">
        <v>2</v>
      </c>
      <c r="V24" s="61">
        <v>3</v>
      </c>
      <c r="W24" s="62">
        <v>8</v>
      </c>
      <c r="X24" s="63">
        <v>11</v>
      </c>
      <c r="Y24" s="60">
        <v>3</v>
      </c>
      <c r="Z24" s="61">
        <v>4</v>
      </c>
      <c r="AA24" s="62">
        <v>7</v>
      </c>
      <c r="AB24" s="228"/>
      <c r="AC24" s="61">
        <v>5</v>
      </c>
      <c r="AD24" s="61">
        <v>6</v>
      </c>
      <c r="AE24" s="61">
        <v>1</v>
      </c>
      <c r="AF24" s="61">
        <v>3</v>
      </c>
      <c r="AG24" s="61">
        <v>0</v>
      </c>
      <c r="AH24" s="62">
        <v>15</v>
      </c>
      <c r="AI24" s="63">
        <v>22</v>
      </c>
      <c r="AJ24" s="60">
        <v>3</v>
      </c>
      <c r="AK24" s="61">
        <v>6</v>
      </c>
      <c r="AL24" s="62">
        <v>9</v>
      </c>
      <c r="AM24" s="228"/>
      <c r="AN24" s="61">
        <v>7</v>
      </c>
      <c r="AO24" s="61">
        <v>4</v>
      </c>
      <c r="AP24" s="61">
        <v>3</v>
      </c>
      <c r="AQ24" s="61">
        <v>2</v>
      </c>
      <c r="AR24" s="61">
        <v>1</v>
      </c>
      <c r="AS24" s="62">
        <v>17</v>
      </c>
      <c r="AT24" s="63">
        <v>26</v>
      </c>
      <c r="AU24" s="60">
        <v>3</v>
      </c>
      <c r="AV24" s="61">
        <v>8</v>
      </c>
      <c r="AW24" s="62">
        <v>11</v>
      </c>
      <c r="AX24" s="228"/>
      <c r="AY24" s="61">
        <v>11</v>
      </c>
      <c r="AZ24" s="61">
        <v>5</v>
      </c>
      <c r="BA24" s="61">
        <v>6</v>
      </c>
      <c r="BB24" s="61">
        <v>9</v>
      </c>
      <c r="BC24" s="61">
        <v>1</v>
      </c>
      <c r="BD24" s="62">
        <v>32</v>
      </c>
      <c r="BE24" s="63">
        <v>43</v>
      </c>
      <c r="BF24" s="60">
        <v>12</v>
      </c>
      <c r="BG24" s="61">
        <v>7</v>
      </c>
      <c r="BH24" s="62">
        <v>19</v>
      </c>
      <c r="BI24" s="228"/>
      <c r="BJ24" s="61">
        <v>14</v>
      </c>
      <c r="BK24" s="61">
        <v>9</v>
      </c>
      <c r="BL24" s="61">
        <v>5</v>
      </c>
      <c r="BM24" s="61">
        <v>5</v>
      </c>
      <c r="BN24" s="61">
        <v>4</v>
      </c>
      <c r="BO24" s="62">
        <v>37</v>
      </c>
      <c r="BP24" s="63">
        <v>56</v>
      </c>
      <c r="BQ24" s="60">
        <v>6</v>
      </c>
      <c r="BR24" s="61">
        <v>8</v>
      </c>
      <c r="BS24" s="62">
        <v>14</v>
      </c>
      <c r="BT24" s="228"/>
      <c r="BU24" s="61">
        <v>6</v>
      </c>
      <c r="BV24" s="61">
        <v>9</v>
      </c>
      <c r="BW24" s="61">
        <v>10</v>
      </c>
      <c r="BX24" s="61">
        <v>1</v>
      </c>
      <c r="BY24" s="61">
        <v>3</v>
      </c>
      <c r="BZ24" s="62">
        <v>29</v>
      </c>
      <c r="CA24" s="63">
        <v>43</v>
      </c>
      <c r="CB24" s="60">
        <v>0</v>
      </c>
      <c r="CC24" s="61">
        <v>0</v>
      </c>
      <c r="CD24" s="62">
        <v>0</v>
      </c>
      <c r="CE24" s="228"/>
      <c r="CF24" s="61">
        <v>0</v>
      </c>
      <c r="CG24" s="61">
        <v>0</v>
      </c>
      <c r="CH24" s="61">
        <v>0</v>
      </c>
      <c r="CI24" s="61">
        <v>0</v>
      </c>
      <c r="CJ24" s="61">
        <v>0</v>
      </c>
      <c r="CK24" s="62">
        <v>0</v>
      </c>
      <c r="CL24" s="63">
        <v>0</v>
      </c>
      <c r="CM24" s="60">
        <v>27</v>
      </c>
      <c r="CN24" s="61">
        <v>36</v>
      </c>
      <c r="CO24" s="62">
        <v>63</v>
      </c>
      <c r="CP24" s="228"/>
      <c r="CQ24" s="61">
        <v>44</v>
      </c>
      <c r="CR24" s="61">
        <v>33</v>
      </c>
      <c r="CS24" s="61">
        <v>27</v>
      </c>
      <c r="CT24" s="61">
        <v>22</v>
      </c>
      <c r="CU24" s="61">
        <v>12</v>
      </c>
      <c r="CV24" s="62">
        <v>138</v>
      </c>
      <c r="CW24" s="63">
        <v>201</v>
      </c>
      <c r="CX24" s="113">
        <v>13</v>
      </c>
      <c r="CY24" s="72">
        <v>7</v>
      </c>
      <c r="CZ24" s="73">
        <v>20</v>
      </c>
      <c r="DA24" s="228"/>
      <c r="DB24" s="72">
        <v>15</v>
      </c>
      <c r="DC24" s="72">
        <v>13</v>
      </c>
      <c r="DD24" s="72">
        <v>9</v>
      </c>
      <c r="DE24" s="72">
        <v>10</v>
      </c>
      <c r="DF24" s="72">
        <v>4</v>
      </c>
      <c r="DG24" s="74">
        <v>51</v>
      </c>
      <c r="DH24" s="75">
        <v>71</v>
      </c>
      <c r="DI24" s="60">
        <v>0</v>
      </c>
      <c r="DJ24" s="61">
        <v>0</v>
      </c>
      <c r="DK24" s="62">
        <v>0</v>
      </c>
      <c r="DL24" s="228"/>
      <c r="DM24" s="61">
        <v>0</v>
      </c>
      <c r="DN24" s="61">
        <v>0</v>
      </c>
      <c r="DO24" s="61">
        <v>0</v>
      </c>
      <c r="DP24" s="61">
        <v>0</v>
      </c>
      <c r="DQ24" s="61">
        <v>0</v>
      </c>
      <c r="DR24" s="62">
        <v>0</v>
      </c>
      <c r="DS24" s="63">
        <v>0</v>
      </c>
      <c r="DT24" s="60">
        <v>3</v>
      </c>
      <c r="DU24" s="61">
        <v>0</v>
      </c>
      <c r="DV24" s="62">
        <v>3</v>
      </c>
      <c r="DW24" s="228"/>
      <c r="DX24" s="61">
        <v>2</v>
      </c>
      <c r="DY24" s="61">
        <v>2</v>
      </c>
      <c r="DZ24" s="61">
        <v>0</v>
      </c>
      <c r="EA24" s="61">
        <v>0</v>
      </c>
      <c r="EB24" s="61">
        <v>1</v>
      </c>
      <c r="EC24" s="62">
        <v>5</v>
      </c>
      <c r="ED24" s="63">
        <v>8</v>
      </c>
      <c r="EE24" s="60">
        <v>0</v>
      </c>
      <c r="EF24" s="61">
        <v>1</v>
      </c>
      <c r="EG24" s="62">
        <v>1</v>
      </c>
      <c r="EH24" s="228"/>
      <c r="EI24" s="61">
        <v>2</v>
      </c>
      <c r="EJ24" s="61">
        <v>1</v>
      </c>
      <c r="EK24" s="61">
        <v>0</v>
      </c>
      <c r="EL24" s="61">
        <v>0</v>
      </c>
      <c r="EM24" s="61">
        <v>0</v>
      </c>
      <c r="EN24" s="62">
        <v>3</v>
      </c>
      <c r="EO24" s="63">
        <v>4</v>
      </c>
      <c r="EP24" s="60">
        <v>7</v>
      </c>
      <c r="EQ24" s="61">
        <v>3</v>
      </c>
      <c r="ER24" s="62">
        <v>10</v>
      </c>
      <c r="ES24" s="228"/>
      <c r="ET24" s="61">
        <v>1</v>
      </c>
      <c r="EU24" s="61">
        <v>2</v>
      </c>
      <c r="EV24" s="61">
        <v>1</v>
      </c>
      <c r="EW24" s="61">
        <v>3</v>
      </c>
      <c r="EX24" s="61">
        <v>0</v>
      </c>
      <c r="EY24" s="62">
        <v>7</v>
      </c>
      <c r="EZ24" s="63">
        <v>17</v>
      </c>
      <c r="FA24" s="60">
        <v>0</v>
      </c>
      <c r="FB24" s="61">
        <v>3</v>
      </c>
      <c r="FC24" s="62">
        <v>3</v>
      </c>
      <c r="FD24" s="228"/>
      <c r="FE24" s="61">
        <v>2</v>
      </c>
      <c r="FF24" s="61">
        <v>4</v>
      </c>
      <c r="FG24" s="61">
        <v>4</v>
      </c>
      <c r="FH24" s="61">
        <v>2</v>
      </c>
      <c r="FI24" s="61">
        <v>3</v>
      </c>
      <c r="FJ24" s="62">
        <v>15</v>
      </c>
      <c r="FK24" s="63">
        <v>18</v>
      </c>
      <c r="FL24" s="60">
        <v>3</v>
      </c>
      <c r="FM24" s="61">
        <v>0</v>
      </c>
      <c r="FN24" s="62">
        <v>3</v>
      </c>
      <c r="FO24" s="228"/>
      <c r="FP24" s="61">
        <v>8</v>
      </c>
      <c r="FQ24" s="61">
        <v>4</v>
      </c>
      <c r="FR24" s="61">
        <v>4</v>
      </c>
      <c r="FS24" s="61">
        <v>5</v>
      </c>
      <c r="FT24" s="61">
        <v>0</v>
      </c>
      <c r="FU24" s="62">
        <v>21</v>
      </c>
      <c r="FV24" s="63">
        <v>24</v>
      </c>
      <c r="FW24" s="60">
        <v>0</v>
      </c>
      <c r="FX24" s="61">
        <v>0</v>
      </c>
      <c r="FY24" s="62">
        <v>0</v>
      </c>
      <c r="FZ24" s="228"/>
      <c r="GA24" s="61">
        <v>0</v>
      </c>
      <c r="GB24" s="61">
        <v>0</v>
      </c>
      <c r="GC24" s="61">
        <v>0</v>
      </c>
      <c r="GD24" s="61">
        <v>0</v>
      </c>
      <c r="GE24" s="61">
        <v>0</v>
      </c>
      <c r="GF24" s="62">
        <v>0</v>
      </c>
      <c r="GG24" s="63">
        <v>0</v>
      </c>
      <c r="GH24" s="60">
        <v>13</v>
      </c>
      <c r="GI24" s="61">
        <v>7</v>
      </c>
      <c r="GJ24" s="62">
        <v>20</v>
      </c>
      <c r="GK24" s="228"/>
      <c r="GL24" s="61">
        <v>15</v>
      </c>
      <c r="GM24" s="61">
        <v>13</v>
      </c>
      <c r="GN24" s="61">
        <v>9</v>
      </c>
      <c r="GO24" s="61">
        <v>10</v>
      </c>
      <c r="GP24" s="61">
        <v>4</v>
      </c>
      <c r="GQ24" s="62">
        <v>51</v>
      </c>
      <c r="GR24" s="63">
        <v>71</v>
      </c>
      <c r="GS24" s="113">
        <v>40</v>
      </c>
      <c r="GT24" s="72">
        <v>43</v>
      </c>
      <c r="GU24" s="73">
        <v>83</v>
      </c>
      <c r="GV24" s="228"/>
      <c r="GW24" s="72">
        <v>59</v>
      </c>
      <c r="GX24" s="72">
        <v>46</v>
      </c>
      <c r="GY24" s="72">
        <v>36</v>
      </c>
      <c r="GZ24" s="72">
        <v>32</v>
      </c>
      <c r="HA24" s="72">
        <v>16</v>
      </c>
      <c r="HB24" s="74">
        <v>189</v>
      </c>
      <c r="HC24" s="75">
        <v>272</v>
      </c>
      <c r="HD24" s="60">
        <v>0</v>
      </c>
      <c r="HE24" s="61">
        <v>3</v>
      </c>
      <c r="HF24" s="62">
        <v>3</v>
      </c>
      <c r="HG24" s="228"/>
      <c r="HH24" s="61">
        <v>1</v>
      </c>
      <c r="HI24" s="61">
        <v>0</v>
      </c>
      <c r="HJ24" s="61">
        <v>2</v>
      </c>
      <c r="HK24" s="61">
        <v>2</v>
      </c>
      <c r="HL24" s="61">
        <v>3</v>
      </c>
      <c r="HM24" s="62">
        <v>8</v>
      </c>
      <c r="HN24" s="63">
        <v>11</v>
      </c>
      <c r="HO24" s="60">
        <v>6</v>
      </c>
      <c r="HP24" s="61">
        <v>4</v>
      </c>
      <c r="HQ24" s="62">
        <v>10</v>
      </c>
      <c r="HR24" s="228"/>
      <c r="HS24" s="61">
        <v>7</v>
      </c>
      <c r="HT24" s="61">
        <v>8</v>
      </c>
      <c r="HU24" s="61">
        <v>1</v>
      </c>
      <c r="HV24" s="61">
        <v>3</v>
      </c>
      <c r="HW24" s="61">
        <v>1</v>
      </c>
      <c r="HX24" s="62">
        <v>20</v>
      </c>
      <c r="HY24" s="63">
        <v>30</v>
      </c>
      <c r="HZ24" s="60">
        <v>3</v>
      </c>
      <c r="IA24" s="61">
        <v>7</v>
      </c>
      <c r="IB24" s="62">
        <v>10</v>
      </c>
      <c r="IC24" s="228"/>
      <c r="ID24" s="61">
        <v>9</v>
      </c>
      <c r="IE24" s="61">
        <v>5</v>
      </c>
      <c r="IF24" s="61">
        <v>3</v>
      </c>
      <c r="IG24" s="61">
        <v>2</v>
      </c>
      <c r="IH24" s="61">
        <v>1</v>
      </c>
      <c r="II24" s="62">
        <v>20</v>
      </c>
      <c r="IJ24" s="63">
        <v>30</v>
      </c>
      <c r="IK24" s="60">
        <v>10</v>
      </c>
      <c r="IL24" s="61">
        <v>11</v>
      </c>
      <c r="IM24" s="62">
        <v>21</v>
      </c>
      <c r="IN24" s="228"/>
      <c r="IO24" s="61">
        <v>12</v>
      </c>
      <c r="IP24" s="61">
        <v>7</v>
      </c>
      <c r="IQ24" s="61">
        <v>7</v>
      </c>
      <c r="IR24" s="61">
        <v>12</v>
      </c>
      <c r="IS24" s="61">
        <v>1</v>
      </c>
      <c r="IT24" s="62">
        <v>39</v>
      </c>
      <c r="IU24" s="63">
        <v>60</v>
      </c>
      <c r="IV24" s="60">
        <v>12</v>
      </c>
      <c r="IW24" s="61">
        <v>10</v>
      </c>
      <c r="IX24" s="62">
        <v>22</v>
      </c>
      <c r="IY24" s="228"/>
      <c r="IZ24" s="61">
        <v>16</v>
      </c>
      <c r="JA24" s="61">
        <v>13</v>
      </c>
      <c r="JB24" s="61">
        <v>9</v>
      </c>
      <c r="JC24" s="61">
        <v>7</v>
      </c>
      <c r="JD24" s="61">
        <v>7</v>
      </c>
      <c r="JE24" s="62">
        <v>52</v>
      </c>
      <c r="JF24" s="63">
        <v>74</v>
      </c>
      <c r="JG24" s="60">
        <v>9</v>
      </c>
      <c r="JH24" s="61">
        <v>8</v>
      </c>
      <c r="JI24" s="62">
        <v>17</v>
      </c>
      <c r="JJ24" s="228"/>
      <c r="JK24" s="61">
        <v>14</v>
      </c>
      <c r="JL24" s="61">
        <v>13</v>
      </c>
      <c r="JM24" s="61">
        <v>14</v>
      </c>
      <c r="JN24" s="61">
        <v>6</v>
      </c>
      <c r="JO24" s="61">
        <v>3</v>
      </c>
      <c r="JP24" s="62">
        <v>50</v>
      </c>
      <c r="JQ24" s="63">
        <v>67</v>
      </c>
      <c r="JR24" s="60">
        <v>0</v>
      </c>
      <c r="JS24" s="61">
        <v>0</v>
      </c>
      <c r="JT24" s="62">
        <v>0</v>
      </c>
      <c r="JU24" s="228"/>
      <c r="JV24" s="61">
        <v>0</v>
      </c>
      <c r="JW24" s="61">
        <v>0</v>
      </c>
      <c r="JX24" s="61">
        <v>0</v>
      </c>
      <c r="JY24" s="61">
        <v>0</v>
      </c>
      <c r="JZ24" s="61">
        <v>0</v>
      </c>
      <c r="KA24" s="62">
        <v>0</v>
      </c>
      <c r="KB24" s="63">
        <v>0</v>
      </c>
      <c r="KC24" s="60">
        <v>40</v>
      </c>
      <c r="KD24" s="61">
        <v>43</v>
      </c>
      <c r="KE24" s="62">
        <v>83</v>
      </c>
      <c r="KF24" s="228"/>
      <c r="KG24" s="61">
        <v>59</v>
      </c>
      <c r="KH24" s="61">
        <v>46</v>
      </c>
      <c r="KI24" s="61">
        <v>36</v>
      </c>
      <c r="KJ24" s="61">
        <v>32</v>
      </c>
      <c r="KK24" s="61">
        <v>16</v>
      </c>
      <c r="KL24" s="62">
        <v>189</v>
      </c>
      <c r="KM24" s="63">
        <v>272</v>
      </c>
    </row>
    <row r="25" spans="2:299" ht="21" customHeight="1" x14ac:dyDescent="0.2">
      <c r="B25" s="472" t="s">
        <v>22</v>
      </c>
      <c r="C25" s="293">
        <v>11</v>
      </c>
      <c r="D25" s="72">
        <v>10</v>
      </c>
      <c r="E25" s="73">
        <v>21</v>
      </c>
      <c r="F25" s="228"/>
      <c r="G25" s="72">
        <v>21</v>
      </c>
      <c r="H25" s="72">
        <v>24</v>
      </c>
      <c r="I25" s="72">
        <v>9</v>
      </c>
      <c r="J25" s="72">
        <v>7</v>
      </c>
      <c r="K25" s="72">
        <v>7</v>
      </c>
      <c r="L25" s="74">
        <v>68</v>
      </c>
      <c r="M25" s="75">
        <v>89</v>
      </c>
      <c r="N25" s="60">
        <v>0</v>
      </c>
      <c r="O25" s="61">
        <v>0</v>
      </c>
      <c r="P25" s="62">
        <v>0</v>
      </c>
      <c r="Q25" s="228"/>
      <c r="R25" s="61">
        <v>0</v>
      </c>
      <c r="S25" s="61">
        <v>0</v>
      </c>
      <c r="T25" s="61">
        <v>0</v>
      </c>
      <c r="U25" s="61">
        <v>1</v>
      </c>
      <c r="V25" s="61">
        <v>0</v>
      </c>
      <c r="W25" s="62">
        <v>1</v>
      </c>
      <c r="X25" s="63">
        <v>1</v>
      </c>
      <c r="Y25" s="60">
        <v>2</v>
      </c>
      <c r="Z25" s="61">
        <v>1</v>
      </c>
      <c r="AA25" s="62">
        <v>3</v>
      </c>
      <c r="AB25" s="228"/>
      <c r="AC25" s="61">
        <v>3</v>
      </c>
      <c r="AD25" s="61">
        <v>1</v>
      </c>
      <c r="AE25" s="61">
        <v>0</v>
      </c>
      <c r="AF25" s="61">
        <v>0</v>
      </c>
      <c r="AG25" s="61">
        <v>2</v>
      </c>
      <c r="AH25" s="62">
        <v>6</v>
      </c>
      <c r="AI25" s="63">
        <v>9</v>
      </c>
      <c r="AJ25" s="60">
        <v>0</v>
      </c>
      <c r="AK25" s="61">
        <v>0</v>
      </c>
      <c r="AL25" s="62">
        <v>0</v>
      </c>
      <c r="AM25" s="228"/>
      <c r="AN25" s="61">
        <v>3</v>
      </c>
      <c r="AO25" s="61">
        <v>1</v>
      </c>
      <c r="AP25" s="61">
        <v>1</v>
      </c>
      <c r="AQ25" s="61">
        <v>0</v>
      </c>
      <c r="AR25" s="61">
        <v>1</v>
      </c>
      <c r="AS25" s="62">
        <v>6</v>
      </c>
      <c r="AT25" s="63">
        <v>6</v>
      </c>
      <c r="AU25" s="60">
        <v>6</v>
      </c>
      <c r="AV25" s="61">
        <v>6</v>
      </c>
      <c r="AW25" s="62">
        <v>12</v>
      </c>
      <c r="AX25" s="228"/>
      <c r="AY25" s="61">
        <v>3</v>
      </c>
      <c r="AZ25" s="61">
        <v>9</v>
      </c>
      <c r="BA25" s="61">
        <v>2</v>
      </c>
      <c r="BB25" s="61">
        <v>2</v>
      </c>
      <c r="BC25" s="61">
        <v>2</v>
      </c>
      <c r="BD25" s="62">
        <v>18</v>
      </c>
      <c r="BE25" s="63">
        <v>30</v>
      </c>
      <c r="BF25" s="60">
        <v>1</v>
      </c>
      <c r="BG25" s="61">
        <v>1</v>
      </c>
      <c r="BH25" s="62">
        <v>2</v>
      </c>
      <c r="BI25" s="228"/>
      <c r="BJ25" s="61">
        <v>4</v>
      </c>
      <c r="BK25" s="61">
        <v>6</v>
      </c>
      <c r="BL25" s="61">
        <v>3</v>
      </c>
      <c r="BM25" s="61">
        <v>1</v>
      </c>
      <c r="BN25" s="61">
        <v>1</v>
      </c>
      <c r="BO25" s="62">
        <v>15</v>
      </c>
      <c r="BP25" s="63">
        <v>17</v>
      </c>
      <c r="BQ25" s="60">
        <v>2</v>
      </c>
      <c r="BR25" s="61">
        <v>2</v>
      </c>
      <c r="BS25" s="62">
        <v>4</v>
      </c>
      <c r="BT25" s="228"/>
      <c r="BU25" s="61">
        <v>8</v>
      </c>
      <c r="BV25" s="61">
        <v>7</v>
      </c>
      <c r="BW25" s="61">
        <v>3</v>
      </c>
      <c r="BX25" s="61">
        <v>3</v>
      </c>
      <c r="BY25" s="61">
        <v>1</v>
      </c>
      <c r="BZ25" s="62">
        <v>22</v>
      </c>
      <c r="CA25" s="63">
        <v>26</v>
      </c>
      <c r="CB25" s="60">
        <v>0</v>
      </c>
      <c r="CC25" s="61">
        <v>0</v>
      </c>
      <c r="CD25" s="62">
        <v>0</v>
      </c>
      <c r="CE25" s="228"/>
      <c r="CF25" s="61">
        <v>0</v>
      </c>
      <c r="CG25" s="61">
        <v>0</v>
      </c>
      <c r="CH25" s="61">
        <v>0</v>
      </c>
      <c r="CI25" s="61">
        <v>0</v>
      </c>
      <c r="CJ25" s="61">
        <v>0</v>
      </c>
      <c r="CK25" s="62">
        <v>0</v>
      </c>
      <c r="CL25" s="63">
        <v>0</v>
      </c>
      <c r="CM25" s="60">
        <v>11</v>
      </c>
      <c r="CN25" s="61">
        <v>10</v>
      </c>
      <c r="CO25" s="62">
        <v>21</v>
      </c>
      <c r="CP25" s="228"/>
      <c r="CQ25" s="61">
        <v>21</v>
      </c>
      <c r="CR25" s="61">
        <v>24</v>
      </c>
      <c r="CS25" s="61">
        <v>9</v>
      </c>
      <c r="CT25" s="61">
        <v>7</v>
      </c>
      <c r="CU25" s="61">
        <v>7</v>
      </c>
      <c r="CV25" s="62">
        <v>68</v>
      </c>
      <c r="CW25" s="63">
        <v>89</v>
      </c>
      <c r="CX25" s="113">
        <v>1</v>
      </c>
      <c r="CY25" s="72">
        <v>4</v>
      </c>
      <c r="CZ25" s="73">
        <v>5</v>
      </c>
      <c r="DA25" s="228"/>
      <c r="DB25" s="72">
        <v>6</v>
      </c>
      <c r="DC25" s="72">
        <v>3</v>
      </c>
      <c r="DD25" s="72">
        <v>3</v>
      </c>
      <c r="DE25" s="72">
        <v>3</v>
      </c>
      <c r="DF25" s="72">
        <v>3</v>
      </c>
      <c r="DG25" s="74">
        <v>18</v>
      </c>
      <c r="DH25" s="75">
        <v>23</v>
      </c>
      <c r="DI25" s="60">
        <v>0</v>
      </c>
      <c r="DJ25" s="61">
        <v>0</v>
      </c>
      <c r="DK25" s="62">
        <v>0</v>
      </c>
      <c r="DL25" s="228"/>
      <c r="DM25" s="61">
        <v>0</v>
      </c>
      <c r="DN25" s="61">
        <v>0</v>
      </c>
      <c r="DO25" s="61">
        <v>0</v>
      </c>
      <c r="DP25" s="61">
        <v>0</v>
      </c>
      <c r="DQ25" s="61">
        <v>0</v>
      </c>
      <c r="DR25" s="62">
        <v>0</v>
      </c>
      <c r="DS25" s="63">
        <v>0</v>
      </c>
      <c r="DT25" s="60">
        <v>0</v>
      </c>
      <c r="DU25" s="61">
        <v>0</v>
      </c>
      <c r="DV25" s="62">
        <v>0</v>
      </c>
      <c r="DW25" s="228"/>
      <c r="DX25" s="61">
        <v>0</v>
      </c>
      <c r="DY25" s="61">
        <v>0</v>
      </c>
      <c r="DZ25" s="61">
        <v>0</v>
      </c>
      <c r="EA25" s="61">
        <v>0</v>
      </c>
      <c r="EB25" s="61">
        <v>0</v>
      </c>
      <c r="EC25" s="62">
        <v>0</v>
      </c>
      <c r="ED25" s="63">
        <v>0</v>
      </c>
      <c r="EE25" s="60">
        <v>1</v>
      </c>
      <c r="EF25" s="61">
        <v>1</v>
      </c>
      <c r="EG25" s="62">
        <v>2</v>
      </c>
      <c r="EH25" s="228"/>
      <c r="EI25" s="61">
        <v>0</v>
      </c>
      <c r="EJ25" s="61">
        <v>1</v>
      </c>
      <c r="EK25" s="61">
        <v>0</v>
      </c>
      <c r="EL25" s="61">
        <v>0</v>
      </c>
      <c r="EM25" s="61">
        <v>0</v>
      </c>
      <c r="EN25" s="62">
        <v>1</v>
      </c>
      <c r="EO25" s="63">
        <v>3</v>
      </c>
      <c r="EP25" s="60">
        <v>0</v>
      </c>
      <c r="EQ25" s="61">
        <v>1</v>
      </c>
      <c r="ER25" s="62">
        <v>1</v>
      </c>
      <c r="ES25" s="228"/>
      <c r="ET25" s="61">
        <v>2</v>
      </c>
      <c r="EU25" s="61">
        <v>0</v>
      </c>
      <c r="EV25" s="61">
        <v>1</v>
      </c>
      <c r="EW25" s="61">
        <v>1</v>
      </c>
      <c r="EX25" s="61">
        <v>0</v>
      </c>
      <c r="EY25" s="62">
        <v>4</v>
      </c>
      <c r="EZ25" s="63">
        <v>5</v>
      </c>
      <c r="FA25" s="60">
        <v>0</v>
      </c>
      <c r="FB25" s="61">
        <v>0</v>
      </c>
      <c r="FC25" s="62">
        <v>0</v>
      </c>
      <c r="FD25" s="228"/>
      <c r="FE25" s="61">
        <v>1</v>
      </c>
      <c r="FF25" s="61">
        <v>1</v>
      </c>
      <c r="FG25" s="61">
        <v>1</v>
      </c>
      <c r="FH25" s="61">
        <v>1</v>
      </c>
      <c r="FI25" s="61">
        <v>0</v>
      </c>
      <c r="FJ25" s="62">
        <v>4</v>
      </c>
      <c r="FK25" s="63">
        <v>4</v>
      </c>
      <c r="FL25" s="60">
        <v>0</v>
      </c>
      <c r="FM25" s="61">
        <v>2</v>
      </c>
      <c r="FN25" s="62">
        <v>2</v>
      </c>
      <c r="FO25" s="228"/>
      <c r="FP25" s="61">
        <v>3</v>
      </c>
      <c r="FQ25" s="61">
        <v>1</v>
      </c>
      <c r="FR25" s="61">
        <v>1</v>
      </c>
      <c r="FS25" s="61">
        <v>1</v>
      </c>
      <c r="FT25" s="61">
        <v>3</v>
      </c>
      <c r="FU25" s="62">
        <v>9</v>
      </c>
      <c r="FV25" s="63">
        <v>11</v>
      </c>
      <c r="FW25" s="60">
        <v>0</v>
      </c>
      <c r="FX25" s="61">
        <v>0</v>
      </c>
      <c r="FY25" s="62">
        <v>0</v>
      </c>
      <c r="FZ25" s="228"/>
      <c r="GA25" s="61">
        <v>0</v>
      </c>
      <c r="GB25" s="61">
        <v>0</v>
      </c>
      <c r="GC25" s="61">
        <v>0</v>
      </c>
      <c r="GD25" s="61">
        <v>0</v>
      </c>
      <c r="GE25" s="61">
        <v>0</v>
      </c>
      <c r="GF25" s="62">
        <v>0</v>
      </c>
      <c r="GG25" s="63">
        <v>0</v>
      </c>
      <c r="GH25" s="60">
        <v>1</v>
      </c>
      <c r="GI25" s="61">
        <v>4</v>
      </c>
      <c r="GJ25" s="62">
        <v>5</v>
      </c>
      <c r="GK25" s="228"/>
      <c r="GL25" s="61">
        <v>6</v>
      </c>
      <c r="GM25" s="61">
        <v>3</v>
      </c>
      <c r="GN25" s="61">
        <v>3</v>
      </c>
      <c r="GO25" s="61">
        <v>3</v>
      </c>
      <c r="GP25" s="61">
        <v>3</v>
      </c>
      <c r="GQ25" s="62">
        <v>18</v>
      </c>
      <c r="GR25" s="63">
        <v>23</v>
      </c>
      <c r="GS25" s="113">
        <v>12</v>
      </c>
      <c r="GT25" s="72">
        <v>14</v>
      </c>
      <c r="GU25" s="73">
        <v>26</v>
      </c>
      <c r="GV25" s="228"/>
      <c r="GW25" s="72">
        <v>27</v>
      </c>
      <c r="GX25" s="72">
        <v>27</v>
      </c>
      <c r="GY25" s="72">
        <v>12</v>
      </c>
      <c r="GZ25" s="72">
        <v>10</v>
      </c>
      <c r="HA25" s="72">
        <v>10</v>
      </c>
      <c r="HB25" s="74">
        <v>86</v>
      </c>
      <c r="HC25" s="75">
        <v>112</v>
      </c>
      <c r="HD25" s="60">
        <v>0</v>
      </c>
      <c r="HE25" s="61">
        <v>0</v>
      </c>
      <c r="HF25" s="62">
        <v>0</v>
      </c>
      <c r="HG25" s="228"/>
      <c r="HH25" s="61">
        <v>0</v>
      </c>
      <c r="HI25" s="61">
        <v>0</v>
      </c>
      <c r="HJ25" s="61">
        <v>0</v>
      </c>
      <c r="HK25" s="61">
        <v>1</v>
      </c>
      <c r="HL25" s="61">
        <v>0</v>
      </c>
      <c r="HM25" s="62">
        <v>1</v>
      </c>
      <c r="HN25" s="63">
        <v>1</v>
      </c>
      <c r="HO25" s="60">
        <v>2</v>
      </c>
      <c r="HP25" s="61">
        <v>1</v>
      </c>
      <c r="HQ25" s="62">
        <v>3</v>
      </c>
      <c r="HR25" s="228"/>
      <c r="HS25" s="61">
        <v>3</v>
      </c>
      <c r="HT25" s="61">
        <v>1</v>
      </c>
      <c r="HU25" s="61">
        <v>0</v>
      </c>
      <c r="HV25" s="61">
        <v>0</v>
      </c>
      <c r="HW25" s="61">
        <v>2</v>
      </c>
      <c r="HX25" s="62">
        <v>6</v>
      </c>
      <c r="HY25" s="63">
        <v>9</v>
      </c>
      <c r="HZ25" s="60">
        <v>1</v>
      </c>
      <c r="IA25" s="61">
        <v>1</v>
      </c>
      <c r="IB25" s="62">
        <v>2</v>
      </c>
      <c r="IC25" s="228"/>
      <c r="ID25" s="61">
        <v>3</v>
      </c>
      <c r="IE25" s="61">
        <v>2</v>
      </c>
      <c r="IF25" s="61">
        <v>1</v>
      </c>
      <c r="IG25" s="61">
        <v>0</v>
      </c>
      <c r="IH25" s="61">
        <v>1</v>
      </c>
      <c r="II25" s="62">
        <v>7</v>
      </c>
      <c r="IJ25" s="63">
        <v>9</v>
      </c>
      <c r="IK25" s="60">
        <v>6</v>
      </c>
      <c r="IL25" s="61">
        <v>7</v>
      </c>
      <c r="IM25" s="62">
        <v>13</v>
      </c>
      <c r="IN25" s="228"/>
      <c r="IO25" s="61">
        <v>5</v>
      </c>
      <c r="IP25" s="61">
        <v>9</v>
      </c>
      <c r="IQ25" s="61">
        <v>3</v>
      </c>
      <c r="IR25" s="61">
        <v>3</v>
      </c>
      <c r="IS25" s="61">
        <v>2</v>
      </c>
      <c r="IT25" s="62">
        <v>22</v>
      </c>
      <c r="IU25" s="63">
        <v>35</v>
      </c>
      <c r="IV25" s="60">
        <v>1</v>
      </c>
      <c r="IW25" s="61">
        <v>1</v>
      </c>
      <c r="IX25" s="62">
        <v>2</v>
      </c>
      <c r="IY25" s="228"/>
      <c r="IZ25" s="61">
        <v>5</v>
      </c>
      <c r="JA25" s="61">
        <v>7</v>
      </c>
      <c r="JB25" s="61">
        <v>4</v>
      </c>
      <c r="JC25" s="61">
        <v>2</v>
      </c>
      <c r="JD25" s="61">
        <v>1</v>
      </c>
      <c r="JE25" s="62">
        <v>19</v>
      </c>
      <c r="JF25" s="63">
        <v>21</v>
      </c>
      <c r="JG25" s="60">
        <v>2</v>
      </c>
      <c r="JH25" s="61">
        <v>4</v>
      </c>
      <c r="JI25" s="62">
        <v>6</v>
      </c>
      <c r="JJ25" s="228"/>
      <c r="JK25" s="61">
        <v>11</v>
      </c>
      <c r="JL25" s="61">
        <v>8</v>
      </c>
      <c r="JM25" s="61">
        <v>4</v>
      </c>
      <c r="JN25" s="61">
        <v>4</v>
      </c>
      <c r="JO25" s="61">
        <v>4</v>
      </c>
      <c r="JP25" s="62">
        <v>31</v>
      </c>
      <c r="JQ25" s="63">
        <v>37</v>
      </c>
      <c r="JR25" s="60">
        <v>0</v>
      </c>
      <c r="JS25" s="61">
        <v>0</v>
      </c>
      <c r="JT25" s="62">
        <v>0</v>
      </c>
      <c r="JU25" s="228"/>
      <c r="JV25" s="61">
        <v>0</v>
      </c>
      <c r="JW25" s="61">
        <v>0</v>
      </c>
      <c r="JX25" s="61">
        <v>0</v>
      </c>
      <c r="JY25" s="61">
        <v>0</v>
      </c>
      <c r="JZ25" s="61">
        <v>0</v>
      </c>
      <c r="KA25" s="62">
        <v>0</v>
      </c>
      <c r="KB25" s="63">
        <v>0</v>
      </c>
      <c r="KC25" s="60">
        <v>12</v>
      </c>
      <c r="KD25" s="61">
        <v>14</v>
      </c>
      <c r="KE25" s="62">
        <v>26</v>
      </c>
      <c r="KF25" s="228"/>
      <c r="KG25" s="61">
        <v>27</v>
      </c>
      <c r="KH25" s="61">
        <v>27</v>
      </c>
      <c r="KI25" s="61">
        <v>12</v>
      </c>
      <c r="KJ25" s="61">
        <v>10</v>
      </c>
      <c r="KK25" s="61">
        <v>10</v>
      </c>
      <c r="KL25" s="62">
        <v>86</v>
      </c>
      <c r="KM25" s="63">
        <v>112</v>
      </c>
    </row>
    <row r="26" spans="2:299" ht="21" customHeight="1" x14ac:dyDescent="0.2">
      <c r="B26" s="472" t="s">
        <v>23</v>
      </c>
      <c r="C26" s="293">
        <v>15</v>
      </c>
      <c r="D26" s="72">
        <v>15</v>
      </c>
      <c r="E26" s="73">
        <v>30</v>
      </c>
      <c r="F26" s="228"/>
      <c r="G26" s="72">
        <v>29</v>
      </c>
      <c r="H26" s="72">
        <v>22</v>
      </c>
      <c r="I26" s="72">
        <v>21</v>
      </c>
      <c r="J26" s="72">
        <v>15</v>
      </c>
      <c r="K26" s="72">
        <v>8</v>
      </c>
      <c r="L26" s="74">
        <v>95</v>
      </c>
      <c r="M26" s="75">
        <v>125</v>
      </c>
      <c r="N26" s="60">
        <v>0</v>
      </c>
      <c r="O26" s="61">
        <v>1</v>
      </c>
      <c r="P26" s="62">
        <v>1</v>
      </c>
      <c r="Q26" s="228"/>
      <c r="R26" s="61">
        <v>1</v>
      </c>
      <c r="S26" s="61">
        <v>1</v>
      </c>
      <c r="T26" s="61">
        <v>0</v>
      </c>
      <c r="U26" s="61">
        <v>0</v>
      </c>
      <c r="V26" s="61">
        <v>0</v>
      </c>
      <c r="W26" s="62">
        <v>2</v>
      </c>
      <c r="X26" s="63">
        <v>3</v>
      </c>
      <c r="Y26" s="60">
        <v>2</v>
      </c>
      <c r="Z26" s="61">
        <v>0</v>
      </c>
      <c r="AA26" s="62">
        <v>2</v>
      </c>
      <c r="AB26" s="228"/>
      <c r="AC26" s="61">
        <v>1</v>
      </c>
      <c r="AD26" s="61">
        <v>3</v>
      </c>
      <c r="AE26" s="61">
        <v>1</v>
      </c>
      <c r="AF26" s="61">
        <v>1</v>
      </c>
      <c r="AG26" s="61">
        <v>2</v>
      </c>
      <c r="AH26" s="62">
        <v>8</v>
      </c>
      <c r="AI26" s="63">
        <v>10</v>
      </c>
      <c r="AJ26" s="60">
        <v>3</v>
      </c>
      <c r="AK26" s="61">
        <v>2</v>
      </c>
      <c r="AL26" s="62">
        <v>5</v>
      </c>
      <c r="AM26" s="228"/>
      <c r="AN26" s="61">
        <v>4</v>
      </c>
      <c r="AO26" s="61">
        <v>1</v>
      </c>
      <c r="AP26" s="61">
        <v>3</v>
      </c>
      <c r="AQ26" s="61">
        <v>0</v>
      </c>
      <c r="AR26" s="61">
        <v>3</v>
      </c>
      <c r="AS26" s="62">
        <v>11</v>
      </c>
      <c r="AT26" s="63">
        <v>16</v>
      </c>
      <c r="AU26" s="60">
        <v>4</v>
      </c>
      <c r="AV26" s="61">
        <v>7</v>
      </c>
      <c r="AW26" s="62">
        <v>11</v>
      </c>
      <c r="AX26" s="228"/>
      <c r="AY26" s="61">
        <v>8</v>
      </c>
      <c r="AZ26" s="61">
        <v>2</v>
      </c>
      <c r="BA26" s="61">
        <v>6</v>
      </c>
      <c r="BB26" s="61">
        <v>6</v>
      </c>
      <c r="BC26" s="61">
        <v>1</v>
      </c>
      <c r="BD26" s="62">
        <v>23</v>
      </c>
      <c r="BE26" s="63">
        <v>34</v>
      </c>
      <c r="BF26" s="60">
        <v>4</v>
      </c>
      <c r="BG26" s="61">
        <v>3</v>
      </c>
      <c r="BH26" s="62">
        <v>7</v>
      </c>
      <c r="BI26" s="228"/>
      <c r="BJ26" s="61">
        <v>9</v>
      </c>
      <c r="BK26" s="61">
        <v>6</v>
      </c>
      <c r="BL26" s="61">
        <v>9</v>
      </c>
      <c r="BM26" s="61">
        <v>3</v>
      </c>
      <c r="BN26" s="61">
        <v>2</v>
      </c>
      <c r="BO26" s="62">
        <v>29</v>
      </c>
      <c r="BP26" s="63">
        <v>36</v>
      </c>
      <c r="BQ26" s="60">
        <v>2</v>
      </c>
      <c r="BR26" s="61">
        <v>2</v>
      </c>
      <c r="BS26" s="62">
        <v>4</v>
      </c>
      <c r="BT26" s="228"/>
      <c r="BU26" s="61">
        <v>6</v>
      </c>
      <c r="BV26" s="61">
        <v>9</v>
      </c>
      <c r="BW26" s="61">
        <v>2</v>
      </c>
      <c r="BX26" s="61">
        <v>5</v>
      </c>
      <c r="BY26" s="61">
        <v>0</v>
      </c>
      <c r="BZ26" s="62">
        <v>22</v>
      </c>
      <c r="CA26" s="63">
        <v>26</v>
      </c>
      <c r="CB26" s="60">
        <v>0</v>
      </c>
      <c r="CC26" s="61">
        <v>0</v>
      </c>
      <c r="CD26" s="62">
        <v>0</v>
      </c>
      <c r="CE26" s="228"/>
      <c r="CF26" s="61">
        <v>0</v>
      </c>
      <c r="CG26" s="61">
        <v>0</v>
      </c>
      <c r="CH26" s="61">
        <v>0</v>
      </c>
      <c r="CI26" s="61">
        <v>0</v>
      </c>
      <c r="CJ26" s="61">
        <v>0</v>
      </c>
      <c r="CK26" s="62">
        <v>0</v>
      </c>
      <c r="CL26" s="63">
        <v>0</v>
      </c>
      <c r="CM26" s="60">
        <v>15</v>
      </c>
      <c r="CN26" s="61">
        <v>15</v>
      </c>
      <c r="CO26" s="62">
        <v>30</v>
      </c>
      <c r="CP26" s="228"/>
      <c r="CQ26" s="61">
        <v>29</v>
      </c>
      <c r="CR26" s="61">
        <v>22</v>
      </c>
      <c r="CS26" s="61">
        <v>21</v>
      </c>
      <c r="CT26" s="61">
        <v>15</v>
      </c>
      <c r="CU26" s="61">
        <v>8</v>
      </c>
      <c r="CV26" s="62">
        <v>95</v>
      </c>
      <c r="CW26" s="63">
        <v>125</v>
      </c>
      <c r="CX26" s="113">
        <v>9</v>
      </c>
      <c r="CY26" s="72">
        <v>7</v>
      </c>
      <c r="CZ26" s="73">
        <v>16</v>
      </c>
      <c r="DA26" s="228"/>
      <c r="DB26" s="72">
        <v>11</v>
      </c>
      <c r="DC26" s="72">
        <v>10</v>
      </c>
      <c r="DD26" s="72">
        <v>4</v>
      </c>
      <c r="DE26" s="72">
        <v>6</v>
      </c>
      <c r="DF26" s="72">
        <v>5</v>
      </c>
      <c r="DG26" s="74">
        <v>36</v>
      </c>
      <c r="DH26" s="75">
        <v>52</v>
      </c>
      <c r="DI26" s="60">
        <v>0</v>
      </c>
      <c r="DJ26" s="61">
        <v>0</v>
      </c>
      <c r="DK26" s="62">
        <v>0</v>
      </c>
      <c r="DL26" s="228"/>
      <c r="DM26" s="61">
        <v>1</v>
      </c>
      <c r="DN26" s="61">
        <v>0</v>
      </c>
      <c r="DO26" s="61">
        <v>0</v>
      </c>
      <c r="DP26" s="61">
        <v>0</v>
      </c>
      <c r="DQ26" s="61">
        <v>0</v>
      </c>
      <c r="DR26" s="62">
        <v>1</v>
      </c>
      <c r="DS26" s="63">
        <v>1</v>
      </c>
      <c r="DT26" s="60">
        <v>0</v>
      </c>
      <c r="DU26" s="61">
        <v>0</v>
      </c>
      <c r="DV26" s="62">
        <v>0</v>
      </c>
      <c r="DW26" s="228"/>
      <c r="DX26" s="61">
        <v>1</v>
      </c>
      <c r="DY26" s="61">
        <v>0</v>
      </c>
      <c r="DZ26" s="61">
        <v>0</v>
      </c>
      <c r="EA26" s="61">
        <v>0</v>
      </c>
      <c r="EB26" s="61">
        <v>0</v>
      </c>
      <c r="EC26" s="62">
        <v>1</v>
      </c>
      <c r="ED26" s="63">
        <v>1</v>
      </c>
      <c r="EE26" s="60">
        <v>1</v>
      </c>
      <c r="EF26" s="61">
        <v>2</v>
      </c>
      <c r="EG26" s="62">
        <v>3</v>
      </c>
      <c r="EH26" s="228"/>
      <c r="EI26" s="61">
        <v>1</v>
      </c>
      <c r="EJ26" s="61">
        <v>0</v>
      </c>
      <c r="EK26" s="61">
        <v>0</v>
      </c>
      <c r="EL26" s="61">
        <v>0</v>
      </c>
      <c r="EM26" s="61">
        <v>1</v>
      </c>
      <c r="EN26" s="62">
        <v>2</v>
      </c>
      <c r="EO26" s="63">
        <v>5</v>
      </c>
      <c r="EP26" s="60">
        <v>5</v>
      </c>
      <c r="EQ26" s="61">
        <v>3</v>
      </c>
      <c r="ER26" s="62">
        <v>8</v>
      </c>
      <c r="ES26" s="228"/>
      <c r="ET26" s="61">
        <v>2</v>
      </c>
      <c r="EU26" s="61">
        <v>2</v>
      </c>
      <c r="EV26" s="61">
        <v>2</v>
      </c>
      <c r="EW26" s="61">
        <v>0</v>
      </c>
      <c r="EX26" s="61">
        <v>1</v>
      </c>
      <c r="EY26" s="62">
        <v>7</v>
      </c>
      <c r="EZ26" s="63">
        <v>15</v>
      </c>
      <c r="FA26" s="60">
        <v>2</v>
      </c>
      <c r="FB26" s="61">
        <v>1</v>
      </c>
      <c r="FC26" s="62">
        <v>3</v>
      </c>
      <c r="FD26" s="228"/>
      <c r="FE26" s="61">
        <v>1</v>
      </c>
      <c r="FF26" s="61">
        <v>3</v>
      </c>
      <c r="FG26" s="61">
        <v>1</v>
      </c>
      <c r="FH26" s="61">
        <v>3</v>
      </c>
      <c r="FI26" s="61">
        <v>0</v>
      </c>
      <c r="FJ26" s="62">
        <v>8</v>
      </c>
      <c r="FK26" s="63">
        <v>11</v>
      </c>
      <c r="FL26" s="60">
        <v>1</v>
      </c>
      <c r="FM26" s="61">
        <v>1</v>
      </c>
      <c r="FN26" s="62">
        <v>2</v>
      </c>
      <c r="FO26" s="228"/>
      <c r="FP26" s="61">
        <v>5</v>
      </c>
      <c r="FQ26" s="61">
        <v>5</v>
      </c>
      <c r="FR26" s="61">
        <v>1</v>
      </c>
      <c r="FS26" s="61">
        <v>3</v>
      </c>
      <c r="FT26" s="61">
        <v>3</v>
      </c>
      <c r="FU26" s="62">
        <v>17</v>
      </c>
      <c r="FV26" s="63">
        <v>19</v>
      </c>
      <c r="FW26" s="60">
        <v>0</v>
      </c>
      <c r="FX26" s="61">
        <v>0</v>
      </c>
      <c r="FY26" s="62">
        <v>0</v>
      </c>
      <c r="FZ26" s="228"/>
      <c r="GA26" s="61">
        <v>0</v>
      </c>
      <c r="GB26" s="61">
        <v>0</v>
      </c>
      <c r="GC26" s="61">
        <v>0</v>
      </c>
      <c r="GD26" s="61">
        <v>0</v>
      </c>
      <c r="GE26" s="61">
        <v>0</v>
      </c>
      <c r="GF26" s="62">
        <v>0</v>
      </c>
      <c r="GG26" s="63">
        <v>0</v>
      </c>
      <c r="GH26" s="60">
        <v>9</v>
      </c>
      <c r="GI26" s="61">
        <v>7</v>
      </c>
      <c r="GJ26" s="62">
        <v>16</v>
      </c>
      <c r="GK26" s="228"/>
      <c r="GL26" s="61">
        <v>11</v>
      </c>
      <c r="GM26" s="61">
        <v>10</v>
      </c>
      <c r="GN26" s="61">
        <v>4</v>
      </c>
      <c r="GO26" s="61">
        <v>6</v>
      </c>
      <c r="GP26" s="61">
        <v>5</v>
      </c>
      <c r="GQ26" s="62">
        <v>36</v>
      </c>
      <c r="GR26" s="63">
        <v>52</v>
      </c>
      <c r="GS26" s="113">
        <v>24</v>
      </c>
      <c r="GT26" s="72">
        <v>22</v>
      </c>
      <c r="GU26" s="73">
        <v>46</v>
      </c>
      <c r="GV26" s="228"/>
      <c r="GW26" s="72">
        <v>40</v>
      </c>
      <c r="GX26" s="72">
        <v>32</v>
      </c>
      <c r="GY26" s="72">
        <v>25</v>
      </c>
      <c r="GZ26" s="72">
        <v>21</v>
      </c>
      <c r="HA26" s="72">
        <v>13</v>
      </c>
      <c r="HB26" s="74">
        <v>131</v>
      </c>
      <c r="HC26" s="75">
        <v>177</v>
      </c>
      <c r="HD26" s="60">
        <v>0</v>
      </c>
      <c r="HE26" s="61">
        <v>1</v>
      </c>
      <c r="HF26" s="62">
        <v>1</v>
      </c>
      <c r="HG26" s="228"/>
      <c r="HH26" s="61">
        <v>2</v>
      </c>
      <c r="HI26" s="61">
        <v>1</v>
      </c>
      <c r="HJ26" s="61">
        <v>0</v>
      </c>
      <c r="HK26" s="61">
        <v>0</v>
      </c>
      <c r="HL26" s="61">
        <v>0</v>
      </c>
      <c r="HM26" s="62">
        <v>3</v>
      </c>
      <c r="HN26" s="63">
        <v>4</v>
      </c>
      <c r="HO26" s="60">
        <v>2</v>
      </c>
      <c r="HP26" s="61">
        <v>0</v>
      </c>
      <c r="HQ26" s="62">
        <v>2</v>
      </c>
      <c r="HR26" s="228"/>
      <c r="HS26" s="61">
        <v>2</v>
      </c>
      <c r="HT26" s="61">
        <v>3</v>
      </c>
      <c r="HU26" s="61">
        <v>1</v>
      </c>
      <c r="HV26" s="61">
        <v>1</v>
      </c>
      <c r="HW26" s="61">
        <v>2</v>
      </c>
      <c r="HX26" s="62">
        <v>9</v>
      </c>
      <c r="HY26" s="63">
        <v>11</v>
      </c>
      <c r="HZ26" s="60">
        <v>4</v>
      </c>
      <c r="IA26" s="61">
        <v>4</v>
      </c>
      <c r="IB26" s="62">
        <v>8</v>
      </c>
      <c r="IC26" s="228"/>
      <c r="ID26" s="61">
        <v>5</v>
      </c>
      <c r="IE26" s="61">
        <v>1</v>
      </c>
      <c r="IF26" s="61">
        <v>3</v>
      </c>
      <c r="IG26" s="61">
        <v>0</v>
      </c>
      <c r="IH26" s="61">
        <v>4</v>
      </c>
      <c r="II26" s="62">
        <v>13</v>
      </c>
      <c r="IJ26" s="63">
        <v>21</v>
      </c>
      <c r="IK26" s="60">
        <v>9</v>
      </c>
      <c r="IL26" s="61">
        <v>10</v>
      </c>
      <c r="IM26" s="62">
        <v>19</v>
      </c>
      <c r="IN26" s="228"/>
      <c r="IO26" s="61">
        <v>10</v>
      </c>
      <c r="IP26" s="61">
        <v>4</v>
      </c>
      <c r="IQ26" s="61">
        <v>8</v>
      </c>
      <c r="IR26" s="61">
        <v>6</v>
      </c>
      <c r="IS26" s="61">
        <v>2</v>
      </c>
      <c r="IT26" s="62">
        <v>30</v>
      </c>
      <c r="IU26" s="63">
        <v>49</v>
      </c>
      <c r="IV26" s="60">
        <v>6</v>
      </c>
      <c r="IW26" s="61">
        <v>4</v>
      </c>
      <c r="IX26" s="62">
        <v>10</v>
      </c>
      <c r="IY26" s="228"/>
      <c r="IZ26" s="61">
        <v>10</v>
      </c>
      <c r="JA26" s="61">
        <v>9</v>
      </c>
      <c r="JB26" s="61">
        <v>10</v>
      </c>
      <c r="JC26" s="61">
        <v>6</v>
      </c>
      <c r="JD26" s="61">
        <v>2</v>
      </c>
      <c r="JE26" s="62">
        <v>37</v>
      </c>
      <c r="JF26" s="63">
        <v>47</v>
      </c>
      <c r="JG26" s="60">
        <v>3</v>
      </c>
      <c r="JH26" s="61">
        <v>3</v>
      </c>
      <c r="JI26" s="62">
        <v>6</v>
      </c>
      <c r="JJ26" s="228"/>
      <c r="JK26" s="61">
        <v>11</v>
      </c>
      <c r="JL26" s="61">
        <v>14</v>
      </c>
      <c r="JM26" s="61">
        <v>3</v>
      </c>
      <c r="JN26" s="61">
        <v>8</v>
      </c>
      <c r="JO26" s="61">
        <v>3</v>
      </c>
      <c r="JP26" s="62">
        <v>39</v>
      </c>
      <c r="JQ26" s="63">
        <v>45</v>
      </c>
      <c r="JR26" s="60">
        <v>0</v>
      </c>
      <c r="JS26" s="61">
        <v>0</v>
      </c>
      <c r="JT26" s="62">
        <v>0</v>
      </c>
      <c r="JU26" s="228"/>
      <c r="JV26" s="61">
        <v>0</v>
      </c>
      <c r="JW26" s="61">
        <v>0</v>
      </c>
      <c r="JX26" s="61">
        <v>0</v>
      </c>
      <c r="JY26" s="61">
        <v>0</v>
      </c>
      <c r="JZ26" s="61">
        <v>0</v>
      </c>
      <c r="KA26" s="62">
        <v>0</v>
      </c>
      <c r="KB26" s="63">
        <v>0</v>
      </c>
      <c r="KC26" s="60">
        <v>24</v>
      </c>
      <c r="KD26" s="61">
        <v>22</v>
      </c>
      <c r="KE26" s="62">
        <v>46</v>
      </c>
      <c r="KF26" s="228"/>
      <c r="KG26" s="61">
        <v>40</v>
      </c>
      <c r="KH26" s="61">
        <v>32</v>
      </c>
      <c r="KI26" s="61">
        <v>25</v>
      </c>
      <c r="KJ26" s="61">
        <v>21</v>
      </c>
      <c r="KK26" s="61">
        <v>13</v>
      </c>
      <c r="KL26" s="62">
        <v>131</v>
      </c>
      <c r="KM26" s="63">
        <v>177</v>
      </c>
    </row>
    <row r="27" spans="2:299" ht="21" customHeight="1" x14ac:dyDescent="0.2">
      <c r="B27" s="472" t="s">
        <v>24</v>
      </c>
      <c r="C27" s="293">
        <v>20</v>
      </c>
      <c r="D27" s="72">
        <v>20</v>
      </c>
      <c r="E27" s="73">
        <v>40</v>
      </c>
      <c r="F27" s="228"/>
      <c r="G27" s="72">
        <v>32</v>
      </c>
      <c r="H27" s="72">
        <v>21</v>
      </c>
      <c r="I27" s="72">
        <v>16</v>
      </c>
      <c r="J27" s="72">
        <v>13</v>
      </c>
      <c r="K27" s="72">
        <v>10</v>
      </c>
      <c r="L27" s="74">
        <v>92</v>
      </c>
      <c r="M27" s="75">
        <v>132</v>
      </c>
      <c r="N27" s="60">
        <v>0</v>
      </c>
      <c r="O27" s="61">
        <v>0</v>
      </c>
      <c r="P27" s="62">
        <v>0</v>
      </c>
      <c r="Q27" s="228"/>
      <c r="R27" s="61">
        <v>0</v>
      </c>
      <c r="S27" s="61">
        <v>0</v>
      </c>
      <c r="T27" s="61">
        <v>0</v>
      </c>
      <c r="U27" s="61">
        <v>0</v>
      </c>
      <c r="V27" s="61">
        <v>1</v>
      </c>
      <c r="W27" s="62">
        <v>1</v>
      </c>
      <c r="X27" s="63">
        <v>1</v>
      </c>
      <c r="Y27" s="60">
        <v>1</v>
      </c>
      <c r="Z27" s="61">
        <v>1</v>
      </c>
      <c r="AA27" s="62">
        <v>2</v>
      </c>
      <c r="AB27" s="228"/>
      <c r="AC27" s="61">
        <v>0</v>
      </c>
      <c r="AD27" s="61">
        <v>1</v>
      </c>
      <c r="AE27" s="61">
        <v>1</v>
      </c>
      <c r="AF27" s="61">
        <v>1</v>
      </c>
      <c r="AG27" s="61">
        <v>1</v>
      </c>
      <c r="AH27" s="62">
        <v>4</v>
      </c>
      <c r="AI27" s="63">
        <v>6</v>
      </c>
      <c r="AJ27" s="60">
        <v>1</v>
      </c>
      <c r="AK27" s="61">
        <v>1</v>
      </c>
      <c r="AL27" s="62">
        <v>2</v>
      </c>
      <c r="AM27" s="228"/>
      <c r="AN27" s="61">
        <v>2</v>
      </c>
      <c r="AO27" s="61">
        <v>3</v>
      </c>
      <c r="AP27" s="61">
        <v>2</v>
      </c>
      <c r="AQ27" s="61">
        <v>1</v>
      </c>
      <c r="AR27" s="61">
        <v>1</v>
      </c>
      <c r="AS27" s="62">
        <v>9</v>
      </c>
      <c r="AT27" s="63">
        <v>11</v>
      </c>
      <c r="AU27" s="60">
        <v>5</v>
      </c>
      <c r="AV27" s="61">
        <v>5</v>
      </c>
      <c r="AW27" s="62">
        <v>10</v>
      </c>
      <c r="AX27" s="228"/>
      <c r="AY27" s="61">
        <v>7</v>
      </c>
      <c r="AZ27" s="61">
        <v>4</v>
      </c>
      <c r="BA27" s="61">
        <v>3</v>
      </c>
      <c r="BB27" s="61">
        <v>3</v>
      </c>
      <c r="BC27" s="61">
        <v>2</v>
      </c>
      <c r="BD27" s="62">
        <v>19</v>
      </c>
      <c r="BE27" s="63">
        <v>29</v>
      </c>
      <c r="BF27" s="60">
        <v>5</v>
      </c>
      <c r="BG27" s="61">
        <v>5</v>
      </c>
      <c r="BH27" s="62">
        <v>10</v>
      </c>
      <c r="BI27" s="228"/>
      <c r="BJ27" s="61">
        <v>13</v>
      </c>
      <c r="BK27" s="61">
        <v>5</v>
      </c>
      <c r="BL27" s="61">
        <v>7</v>
      </c>
      <c r="BM27" s="61">
        <v>1</v>
      </c>
      <c r="BN27" s="61">
        <v>2</v>
      </c>
      <c r="BO27" s="62">
        <v>28</v>
      </c>
      <c r="BP27" s="63">
        <v>38</v>
      </c>
      <c r="BQ27" s="60">
        <v>8</v>
      </c>
      <c r="BR27" s="61">
        <v>8</v>
      </c>
      <c r="BS27" s="62">
        <v>16</v>
      </c>
      <c r="BT27" s="228"/>
      <c r="BU27" s="61">
        <v>10</v>
      </c>
      <c r="BV27" s="61">
        <v>8</v>
      </c>
      <c r="BW27" s="61">
        <v>3</v>
      </c>
      <c r="BX27" s="61">
        <v>7</v>
      </c>
      <c r="BY27" s="61">
        <v>3</v>
      </c>
      <c r="BZ27" s="62">
        <v>31</v>
      </c>
      <c r="CA27" s="63">
        <v>47</v>
      </c>
      <c r="CB27" s="60">
        <v>0</v>
      </c>
      <c r="CC27" s="61">
        <v>0</v>
      </c>
      <c r="CD27" s="62">
        <v>0</v>
      </c>
      <c r="CE27" s="228"/>
      <c r="CF27" s="61">
        <v>0</v>
      </c>
      <c r="CG27" s="61">
        <v>0</v>
      </c>
      <c r="CH27" s="61">
        <v>0</v>
      </c>
      <c r="CI27" s="61">
        <v>0</v>
      </c>
      <c r="CJ27" s="61">
        <v>0</v>
      </c>
      <c r="CK27" s="62">
        <v>0</v>
      </c>
      <c r="CL27" s="63">
        <v>0</v>
      </c>
      <c r="CM27" s="60">
        <v>20</v>
      </c>
      <c r="CN27" s="61">
        <v>20</v>
      </c>
      <c r="CO27" s="62">
        <v>40</v>
      </c>
      <c r="CP27" s="228"/>
      <c r="CQ27" s="61">
        <v>32</v>
      </c>
      <c r="CR27" s="61">
        <v>21</v>
      </c>
      <c r="CS27" s="61">
        <v>16</v>
      </c>
      <c r="CT27" s="61">
        <v>13</v>
      </c>
      <c r="CU27" s="61">
        <v>10</v>
      </c>
      <c r="CV27" s="62">
        <v>92</v>
      </c>
      <c r="CW27" s="63">
        <v>132</v>
      </c>
      <c r="CX27" s="113">
        <v>7</v>
      </c>
      <c r="CY27" s="72">
        <v>8</v>
      </c>
      <c r="CZ27" s="73">
        <v>15</v>
      </c>
      <c r="DA27" s="228"/>
      <c r="DB27" s="72">
        <v>10</v>
      </c>
      <c r="DC27" s="72">
        <v>7</v>
      </c>
      <c r="DD27" s="72">
        <v>3</v>
      </c>
      <c r="DE27" s="72">
        <v>6</v>
      </c>
      <c r="DF27" s="72">
        <v>3</v>
      </c>
      <c r="DG27" s="74">
        <v>29</v>
      </c>
      <c r="DH27" s="75">
        <v>44</v>
      </c>
      <c r="DI27" s="60">
        <v>0</v>
      </c>
      <c r="DJ27" s="61">
        <v>0</v>
      </c>
      <c r="DK27" s="62">
        <v>0</v>
      </c>
      <c r="DL27" s="228"/>
      <c r="DM27" s="61">
        <v>0</v>
      </c>
      <c r="DN27" s="61">
        <v>0</v>
      </c>
      <c r="DO27" s="61">
        <v>0</v>
      </c>
      <c r="DP27" s="61">
        <v>0</v>
      </c>
      <c r="DQ27" s="61">
        <v>0</v>
      </c>
      <c r="DR27" s="62">
        <v>0</v>
      </c>
      <c r="DS27" s="63">
        <v>0</v>
      </c>
      <c r="DT27" s="60">
        <v>0</v>
      </c>
      <c r="DU27" s="61">
        <v>0</v>
      </c>
      <c r="DV27" s="62">
        <v>0</v>
      </c>
      <c r="DW27" s="228"/>
      <c r="DX27" s="61">
        <v>2</v>
      </c>
      <c r="DY27" s="61">
        <v>0</v>
      </c>
      <c r="DZ27" s="61">
        <v>0</v>
      </c>
      <c r="EA27" s="61">
        <v>0</v>
      </c>
      <c r="EB27" s="61">
        <v>0</v>
      </c>
      <c r="EC27" s="62">
        <v>2</v>
      </c>
      <c r="ED27" s="63">
        <v>2</v>
      </c>
      <c r="EE27" s="60">
        <v>1</v>
      </c>
      <c r="EF27" s="61">
        <v>1</v>
      </c>
      <c r="EG27" s="62">
        <v>2</v>
      </c>
      <c r="EH27" s="228"/>
      <c r="EI27" s="61">
        <v>1</v>
      </c>
      <c r="EJ27" s="61">
        <v>2</v>
      </c>
      <c r="EK27" s="61">
        <v>0</v>
      </c>
      <c r="EL27" s="61">
        <v>0</v>
      </c>
      <c r="EM27" s="61">
        <v>0</v>
      </c>
      <c r="EN27" s="62">
        <v>3</v>
      </c>
      <c r="EO27" s="63">
        <v>5</v>
      </c>
      <c r="EP27" s="60">
        <v>3</v>
      </c>
      <c r="EQ27" s="61">
        <v>2</v>
      </c>
      <c r="ER27" s="62">
        <v>5</v>
      </c>
      <c r="ES27" s="228"/>
      <c r="ET27" s="61">
        <v>3</v>
      </c>
      <c r="EU27" s="61">
        <v>2</v>
      </c>
      <c r="EV27" s="61">
        <v>1</v>
      </c>
      <c r="EW27" s="61">
        <v>1</v>
      </c>
      <c r="EX27" s="61">
        <v>1</v>
      </c>
      <c r="EY27" s="62">
        <v>8</v>
      </c>
      <c r="EZ27" s="63">
        <v>13</v>
      </c>
      <c r="FA27" s="60">
        <v>3</v>
      </c>
      <c r="FB27" s="61">
        <v>3</v>
      </c>
      <c r="FC27" s="62">
        <v>6</v>
      </c>
      <c r="FD27" s="228"/>
      <c r="FE27" s="61">
        <v>3</v>
      </c>
      <c r="FF27" s="61">
        <v>1</v>
      </c>
      <c r="FG27" s="61">
        <v>0</v>
      </c>
      <c r="FH27" s="61">
        <v>1</v>
      </c>
      <c r="FI27" s="61">
        <v>1</v>
      </c>
      <c r="FJ27" s="62">
        <v>6</v>
      </c>
      <c r="FK27" s="63">
        <v>12</v>
      </c>
      <c r="FL27" s="60">
        <v>0</v>
      </c>
      <c r="FM27" s="61">
        <v>2</v>
      </c>
      <c r="FN27" s="62">
        <v>2</v>
      </c>
      <c r="FO27" s="228"/>
      <c r="FP27" s="61">
        <v>1</v>
      </c>
      <c r="FQ27" s="61">
        <v>2</v>
      </c>
      <c r="FR27" s="61">
        <v>2</v>
      </c>
      <c r="FS27" s="61">
        <v>4</v>
      </c>
      <c r="FT27" s="61">
        <v>1</v>
      </c>
      <c r="FU27" s="62">
        <v>10</v>
      </c>
      <c r="FV27" s="63">
        <v>12</v>
      </c>
      <c r="FW27" s="60">
        <v>0</v>
      </c>
      <c r="FX27" s="61">
        <v>0</v>
      </c>
      <c r="FY27" s="62">
        <v>0</v>
      </c>
      <c r="FZ27" s="228"/>
      <c r="GA27" s="61">
        <v>0</v>
      </c>
      <c r="GB27" s="61">
        <v>0</v>
      </c>
      <c r="GC27" s="61">
        <v>0</v>
      </c>
      <c r="GD27" s="61">
        <v>0</v>
      </c>
      <c r="GE27" s="61">
        <v>0</v>
      </c>
      <c r="GF27" s="62">
        <v>0</v>
      </c>
      <c r="GG27" s="63">
        <v>0</v>
      </c>
      <c r="GH27" s="60">
        <v>7</v>
      </c>
      <c r="GI27" s="61">
        <v>8</v>
      </c>
      <c r="GJ27" s="62">
        <v>15</v>
      </c>
      <c r="GK27" s="228"/>
      <c r="GL27" s="61">
        <v>10</v>
      </c>
      <c r="GM27" s="61">
        <v>7</v>
      </c>
      <c r="GN27" s="61">
        <v>3</v>
      </c>
      <c r="GO27" s="61">
        <v>6</v>
      </c>
      <c r="GP27" s="61">
        <v>3</v>
      </c>
      <c r="GQ27" s="62">
        <v>29</v>
      </c>
      <c r="GR27" s="63">
        <v>44</v>
      </c>
      <c r="GS27" s="113">
        <v>27</v>
      </c>
      <c r="GT27" s="72">
        <v>28</v>
      </c>
      <c r="GU27" s="73">
        <v>55</v>
      </c>
      <c r="GV27" s="228"/>
      <c r="GW27" s="72">
        <v>42</v>
      </c>
      <c r="GX27" s="72">
        <v>28</v>
      </c>
      <c r="GY27" s="72">
        <v>19</v>
      </c>
      <c r="GZ27" s="72">
        <v>19</v>
      </c>
      <c r="HA27" s="72">
        <v>13</v>
      </c>
      <c r="HB27" s="74">
        <v>121</v>
      </c>
      <c r="HC27" s="75">
        <v>176</v>
      </c>
      <c r="HD27" s="60">
        <v>0</v>
      </c>
      <c r="HE27" s="61">
        <v>0</v>
      </c>
      <c r="HF27" s="62">
        <v>0</v>
      </c>
      <c r="HG27" s="228"/>
      <c r="HH27" s="61">
        <v>0</v>
      </c>
      <c r="HI27" s="61">
        <v>0</v>
      </c>
      <c r="HJ27" s="61">
        <v>0</v>
      </c>
      <c r="HK27" s="61">
        <v>0</v>
      </c>
      <c r="HL27" s="61">
        <v>1</v>
      </c>
      <c r="HM27" s="62">
        <v>1</v>
      </c>
      <c r="HN27" s="63">
        <v>1</v>
      </c>
      <c r="HO27" s="60">
        <v>1</v>
      </c>
      <c r="HP27" s="61">
        <v>1</v>
      </c>
      <c r="HQ27" s="62">
        <v>2</v>
      </c>
      <c r="HR27" s="228"/>
      <c r="HS27" s="61">
        <v>2</v>
      </c>
      <c r="HT27" s="61">
        <v>1</v>
      </c>
      <c r="HU27" s="61">
        <v>1</v>
      </c>
      <c r="HV27" s="61">
        <v>1</v>
      </c>
      <c r="HW27" s="61">
        <v>1</v>
      </c>
      <c r="HX27" s="62">
        <v>6</v>
      </c>
      <c r="HY27" s="63">
        <v>8</v>
      </c>
      <c r="HZ27" s="60">
        <v>2</v>
      </c>
      <c r="IA27" s="61">
        <v>2</v>
      </c>
      <c r="IB27" s="62">
        <v>4</v>
      </c>
      <c r="IC27" s="228"/>
      <c r="ID27" s="61">
        <v>3</v>
      </c>
      <c r="IE27" s="61">
        <v>5</v>
      </c>
      <c r="IF27" s="61">
        <v>2</v>
      </c>
      <c r="IG27" s="61">
        <v>1</v>
      </c>
      <c r="IH27" s="61">
        <v>1</v>
      </c>
      <c r="II27" s="62">
        <v>12</v>
      </c>
      <c r="IJ27" s="63">
        <v>16</v>
      </c>
      <c r="IK27" s="60">
        <v>8</v>
      </c>
      <c r="IL27" s="61">
        <v>7</v>
      </c>
      <c r="IM27" s="62">
        <v>15</v>
      </c>
      <c r="IN27" s="228"/>
      <c r="IO27" s="61">
        <v>10</v>
      </c>
      <c r="IP27" s="61">
        <v>6</v>
      </c>
      <c r="IQ27" s="61">
        <v>4</v>
      </c>
      <c r="IR27" s="61">
        <v>4</v>
      </c>
      <c r="IS27" s="61">
        <v>3</v>
      </c>
      <c r="IT27" s="62">
        <v>27</v>
      </c>
      <c r="IU27" s="63">
        <v>42</v>
      </c>
      <c r="IV27" s="60">
        <v>8</v>
      </c>
      <c r="IW27" s="61">
        <v>8</v>
      </c>
      <c r="IX27" s="62">
        <v>16</v>
      </c>
      <c r="IY27" s="228"/>
      <c r="IZ27" s="61">
        <v>16</v>
      </c>
      <c r="JA27" s="61">
        <v>6</v>
      </c>
      <c r="JB27" s="61">
        <v>7</v>
      </c>
      <c r="JC27" s="61">
        <v>2</v>
      </c>
      <c r="JD27" s="61">
        <v>3</v>
      </c>
      <c r="JE27" s="62">
        <v>34</v>
      </c>
      <c r="JF27" s="63">
        <v>50</v>
      </c>
      <c r="JG27" s="60">
        <v>8</v>
      </c>
      <c r="JH27" s="61">
        <v>10</v>
      </c>
      <c r="JI27" s="62">
        <v>18</v>
      </c>
      <c r="JJ27" s="228"/>
      <c r="JK27" s="61">
        <v>11</v>
      </c>
      <c r="JL27" s="61">
        <v>10</v>
      </c>
      <c r="JM27" s="61">
        <v>5</v>
      </c>
      <c r="JN27" s="61">
        <v>11</v>
      </c>
      <c r="JO27" s="61">
        <v>4</v>
      </c>
      <c r="JP27" s="62">
        <v>41</v>
      </c>
      <c r="JQ27" s="63">
        <v>59</v>
      </c>
      <c r="JR27" s="60">
        <v>0</v>
      </c>
      <c r="JS27" s="61">
        <v>0</v>
      </c>
      <c r="JT27" s="62">
        <v>0</v>
      </c>
      <c r="JU27" s="228"/>
      <c r="JV27" s="61">
        <v>0</v>
      </c>
      <c r="JW27" s="61">
        <v>0</v>
      </c>
      <c r="JX27" s="61">
        <v>0</v>
      </c>
      <c r="JY27" s="61">
        <v>0</v>
      </c>
      <c r="JZ27" s="61">
        <v>0</v>
      </c>
      <c r="KA27" s="62">
        <v>0</v>
      </c>
      <c r="KB27" s="63">
        <v>0</v>
      </c>
      <c r="KC27" s="60">
        <v>27</v>
      </c>
      <c r="KD27" s="61">
        <v>28</v>
      </c>
      <c r="KE27" s="62">
        <v>55</v>
      </c>
      <c r="KF27" s="228"/>
      <c r="KG27" s="61">
        <v>42</v>
      </c>
      <c r="KH27" s="61">
        <v>28</v>
      </c>
      <c r="KI27" s="61">
        <v>19</v>
      </c>
      <c r="KJ27" s="61">
        <v>19</v>
      </c>
      <c r="KK27" s="61">
        <v>13</v>
      </c>
      <c r="KL27" s="62">
        <v>121</v>
      </c>
      <c r="KM27" s="63">
        <v>176</v>
      </c>
    </row>
    <row r="28" spans="2:299" ht="21" customHeight="1" x14ac:dyDescent="0.2">
      <c r="B28" s="472" t="s">
        <v>25</v>
      </c>
      <c r="C28" s="293">
        <v>11</v>
      </c>
      <c r="D28" s="72">
        <v>11</v>
      </c>
      <c r="E28" s="73">
        <v>22</v>
      </c>
      <c r="F28" s="228"/>
      <c r="G28" s="72">
        <v>11</v>
      </c>
      <c r="H28" s="72">
        <v>12</v>
      </c>
      <c r="I28" s="72">
        <v>5</v>
      </c>
      <c r="J28" s="72">
        <v>5</v>
      </c>
      <c r="K28" s="72">
        <v>7</v>
      </c>
      <c r="L28" s="74">
        <v>40</v>
      </c>
      <c r="M28" s="75">
        <v>62</v>
      </c>
      <c r="N28" s="60">
        <v>0</v>
      </c>
      <c r="O28" s="61">
        <v>1</v>
      </c>
      <c r="P28" s="62">
        <v>1</v>
      </c>
      <c r="Q28" s="228"/>
      <c r="R28" s="61">
        <v>0</v>
      </c>
      <c r="S28" s="61">
        <v>0</v>
      </c>
      <c r="T28" s="61">
        <v>0</v>
      </c>
      <c r="U28" s="61">
        <v>1</v>
      </c>
      <c r="V28" s="61">
        <v>0</v>
      </c>
      <c r="W28" s="62">
        <v>1</v>
      </c>
      <c r="X28" s="63">
        <v>2</v>
      </c>
      <c r="Y28" s="60">
        <v>2</v>
      </c>
      <c r="Z28" s="61">
        <v>1</v>
      </c>
      <c r="AA28" s="62">
        <v>3</v>
      </c>
      <c r="AB28" s="228"/>
      <c r="AC28" s="61">
        <v>2</v>
      </c>
      <c r="AD28" s="61">
        <v>1</v>
      </c>
      <c r="AE28" s="61">
        <v>0</v>
      </c>
      <c r="AF28" s="61">
        <v>1</v>
      </c>
      <c r="AG28" s="61">
        <v>0</v>
      </c>
      <c r="AH28" s="62">
        <v>4</v>
      </c>
      <c r="AI28" s="63">
        <v>7</v>
      </c>
      <c r="AJ28" s="60">
        <v>0</v>
      </c>
      <c r="AK28" s="61">
        <v>0</v>
      </c>
      <c r="AL28" s="62">
        <v>0</v>
      </c>
      <c r="AM28" s="228"/>
      <c r="AN28" s="61">
        <v>1</v>
      </c>
      <c r="AO28" s="61">
        <v>0</v>
      </c>
      <c r="AP28" s="61">
        <v>1</v>
      </c>
      <c r="AQ28" s="61">
        <v>0</v>
      </c>
      <c r="AR28" s="61">
        <v>1</v>
      </c>
      <c r="AS28" s="62">
        <v>3</v>
      </c>
      <c r="AT28" s="63">
        <v>3</v>
      </c>
      <c r="AU28" s="60">
        <v>4</v>
      </c>
      <c r="AV28" s="61">
        <v>5</v>
      </c>
      <c r="AW28" s="62">
        <v>9</v>
      </c>
      <c r="AX28" s="228"/>
      <c r="AY28" s="61">
        <v>4</v>
      </c>
      <c r="AZ28" s="61">
        <v>3</v>
      </c>
      <c r="BA28" s="61">
        <v>1</v>
      </c>
      <c r="BB28" s="61">
        <v>1</v>
      </c>
      <c r="BC28" s="61">
        <v>2</v>
      </c>
      <c r="BD28" s="62">
        <v>11</v>
      </c>
      <c r="BE28" s="63">
        <v>20</v>
      </c>
      <c r="BF28" s="60">
        <v>4</v>
      </c>
      <c r="BG28" s="61">
        <v>2</v>
      </c>
      <c r="BH28" s="62">
        <v>6</v>
      </c>
      <c r="BI28" s="228"/>
      <c r="BJ28" s="61">
        <v>0</v>
      </c>
      <c r="BK28" s="61">
        <v>3</v>
      </c>
      <c r="BL28" s="61">
        <v>2</v>
      </c>
      <c r="BM28" s="61">
        <v>1</v>
      </c>
      <c r="BN28" s="61">
        <v>3</v>
      </c>
      <c r="BO28" s="62">
        <v>9</v>
      </c>
      <c r="BP28" s="63">
        <v>15</v>
      </c>
      <c r="BQ28" s="60">
        <v>1</v>
      </c>
      <c r="BR28" s="61">
        <v>2</v>
      </c>
      <c r="BS28" s="62">
        <v>3</v>
      </c>
      <c r="BT28" s="228"/>
      <c r="BU28" s="61">
        <v>4</v>
      </c>
      <c r="BV28" s="61">
        <v>5</v>
      </c>
      <c r="BW28" s="61">
        <v>1</v>
      </c>
      <c r="BX28" s="61">
        <v>1</v>
      </c>
      <c r="BY28" s="61">
        <v>1</v>
      </c>
      <c r="BZ28" s="62">
        <v>12</v>
      </c>
      <c r="CA28" s="63">
        <v>15</v>
      </c>
      <c r="CB28" s="60">
        <v>0</v>
      </c>
      <c r="CC28" s="61">
        <v>0</v>
      </c>
      <c r="CD28" s="62">
        <v>0</v>
      </c>
      <c r="CE28" s="228"/>
      <c r="CF28" s="61">
        <v>0</v>
      </c>
      <c r="CG28" s="61">
        <v>0</v>
      </c>
      <c r="CH28" s="61">
        <v>0</v>
      </c>
      <c r="CI28" s="61">
        <v>0</v>
      </c>
      <c r="CJ28" s="61">
        <v>0</v>
      </c>
      <c r="CK28" s="62">
        <v>0</v>
      </c>
      <c r="CL28" s="63">
        <v>0</v>
      </c>
      <c r="CM28" s="60">
        <v>11</v>
      </c>
      <c r="CN28" s="61">
        <v>11</v>
      </c>
      <c r="CO28" s="62">
        <v>22</v>
      </c>
      <c r="CP28" s="228"/>
      <c r="CQ28" s="61">
        <v>11</v>
      </c>
      <c r="CR28" s="61">
        <v>12</v>
      </c>
      <c r="CS28" s="61">
        <v>5</v>
      </c>
      <c r="CT28" s="61">
        <v>5</v>
      </c>
      <c r="CU28" s="61">
        <v>7</v>
      </c>
      <c r="CV28" s="62">
        <v>40</v>
      </c>
      <c r="CW28" s="63">
        <v>62</v>
      </c>
      <c r="CX28" s="113">
        <v>5</v>
      </c>
      <c r="CY28" s="72">
        <v>11</v>
      </c>
      <c r="CZ28" s="73">
        <v>16</v>
      </c>
      <c r="DA28" s="228"/>
      <c r="DB28" s="72">
        <v>8</v>
      </c>
      <c r="DC28" s="72">
        <v>7</v>
      </c>
      <c r="DD28" s="72">
        <v>6</v>
      </c>
      <c r="DE28" s="72">
        <v>3</v>
      </c>
      <c r="DF28" s="72">
        <v>3</v>
      </c>
      <c r="DG28" s="74">
        <v>27</v>
      </c>
      <c r="DH28" s="75">
        <v>43</v>
      </c>
      <c r="DI28" s="60">
        <v>0</v>
      </c>
      <c r="DJ28" s="61">
        <v>0</v>
      </c>
      <c r="DK28" s="62">
        <v>0</v>
      </c>
      <c r="DL28" s="228"/>
      <c r="DM28" s="61">
        <v>0</v>
      </c>
      <c r="DN28" s="61">
        <v>0</v>
      </c>
      <c r="DO28" s="61">
        <v>0</v>
      </c>
      <c r="DP28" s="61">
        <v>0</v>
      </c>
      <c r="DQ28" s="61">
        <v>0</v>
      </c>
      <c r="DR28" s="62">
        <v>0</v>
      </c>
      <c r="DS28" s="63">
        <v>0</v>
      </c>
      <c r="DT28" s="60">
        <v>1</v>
      </c>
      <c r="DU28" s="61">
        <v>0</v>
      </c>
      <c r="DV28" s="62">
        <v>1</v>
      </c>
      <c r="DW28" s="228"/>
      <c r="DX28" s="61">
        <v>1</v>
      </c>
      <c r="DY28" s="61">
        <v>1</v>
      </c>
      <c r="DZ28" s="61">
        <v>0</v>
      </c>
      <c r="EA28" s="61">
        <v>0</v>
      </c>
      <c r="EB28" s="61">
        <v>1</v>
      </c>
      <c r="EC28" s="62">
        <v>3</v>
      </c>
      <c r="ED28" s="63">
        <v>4</v>
      </c>
      <c r="EE28" s="60">
        <v>0</v>
      </c>
      <c r="EF28" s="61">
        <v>2</v>
      </c>
      <c r="EG28" s="62">
        <v>2</v>
      </c>
      <c r="EH28" s="228"/>
      <c r="EI28" s="61">
        <v>0</v>
      </c>
      <c r="EJ28" s="61">
        <v>0</v>
      </c>
      <c r="EK28" s="61">
        <v>0</v>
      </c>
      <c r="EL28" s="61">
        <v>0</v>
      </c>
      <c r="EM28" s="61">
        <v>0</v>
      </c>
      <c r="EN28" s="62">
        <v>0</v>
      </c>
      <c r="EO28" s="63">
        <v>2</v>
      </c>
      <c r="EP28" s="60">
        <v>0</v>
      </c>
      <c r="EQ28" s="61">
        <v>2</v>
      </c>
      <c r="ER28" s="62">
        <v>2</v>
      </c>
      <c r="ES28" s="228"/>
      <c r="ET28" s="61">
        <v>1</v>
      </c>
      <c r="EU28" s="61">
        <v>1</v>
      </c>
      <c r="EV28" s="61">
        <v>0</v>
      </c>
      <c r="EW28" s="61">
        <v>0</v>
      </c>
      <c r="EX28" s="61">
        <v>0</v>
      </c>
      <c r="EY28" s="62">
        <v>2</v>
      </c>
      <c r="EZ28" s="63">
        <v>4</v>
      </c>
      <c r="FA28" s="60">
        <v>3</v>
      </c>
      <c r="FB28" s="61">
        <v>3</v>
      </c>
      <c r="FC28" s="62">
        <v>6</v>
      </c>
      <c r="FD28" s="228"/>
      <c r="FE28" s="61">
        <v>2</v>
      </c>
      <c r="FF28" s="61">
        <v>2</v>
      </c>
      <c r="FG28" s="61">
        <v>1</v>
      </c>
      <c r="FH28" s="61">
        <v>2</v>
      </c>
      <c r="FI28" s="61">
        <v>1</v>
      </c>
      <c r="FJ28" s="62">
        <v>8</v>
      </c>
      <c r="FK28" s="63">
        <v>14</v>
      </c>
      <c r="FL28" s="60">
        <v>1</v>
      </c>
      <c r="FM28" s="61">
        <v>4</v>
      </c>
      <c r="FN28" s="62">
        <v>5</v>
      </c>
      <c r="FO28" s="228"/>
      <c r="FP28" s="61">
        <v>4</v>
      </c>
      <c r="FQ28" s="61">
        <v>3</v>
      </c>
      <c r="FR28" s="61">
        <v>5</v>
      </c>
      <c r="FS28" s="61">
        <v>1</v>
      </c>
      <c r="FT28" s="61">
        <v>1</v>
      </c>
      <c r="FU28" s="62">
        <v>14</v>
      </c>
      <c r="FV28" s="63">
        <v>19</v>
      </c>
      <c r="FW28" s="60">
        <v>0</v>
      </c>
      <c r="FX28" s="61">
        <v>0</v>
      </c>
      <c r="FY28" s="62">
        <v>0</v>
      </c>
      <c r="FZ28" s="228"/>
      <c r="GA28" s="61">
        <v>0</v>
      </c>
      <c r="GB28" s="61">
        <v>0</v>
      </c>
      <c r="GC28" s="61">
        <v>0</v>
      </c>
      <c r="GD28" s="61">
        <v>0</v>
      </c>
      <c r="GE28" s="61">
        <v>0</v>
      </c>
      <c r="GF28" s="62">
        <v>0</v>
      </c>
      <c r="GG28" s="63">
        <v>0</v>
      </c>
      <c r="GH28" s="60">
        <v>5</v>
      </c>
      <c r="GI28" s="61">
        <v>11</v>
      </c>
      <c r="GJ28" s="62">
        <v>16</v>
      </c>
      <c r="GK28" s="228"/>
      <c r="GL28" s="61">
        <v>8</v>
      </c>
      <c r="GM28" s="61">
        <v>7</v>
      </c>
      <c r="GN28" s="61">
        <v>6</v>
      </c>
      <c r="GO28" s="61">
        <v>3</v>
      </c>
      <c r="GP28" s="61">
        <v>3</v>
      </c>
      <c r="GQ28" s="62">
        <v>27</v>
      </c>
      <c r="GR28" s="63">
        <v>43</v>
      </c>
      <c r="GS28" s="113">
        <v>16</v>
      </c>
      <c r="GT28" s="72">
        <v>22</v>
      </c>
      <c r="GU28" s="73">
        <v>38</v>
      </c>
      <c r="GV28" s="228"/>
      <c r="GW28" s="72">
        <v>19</v>
      </c>
      <c r="GX28" s="72">
        <v>19</v>
      </c>
      <c r="GY28" s="72">
        <v>11</v>
      </c>
      <c r="GZ28" s="72">
        <v>8</v>
      </c>
      <c r="HA28" s="72">
        <v>10</v>
      </c>
      <c r="HB28" s="74">
        <v>67</v>
      </c>
      <c r="HC28" s="75">
        <v>105</v>
      </c>
      <c r="HD28" s="60">
        <v>0</v>
      </c>
      <c r="HE28" s="61">
        <v>1</v>
      </c>
      <c r="HF28" s="62">
        <v>1</v>
      </c>
      <c r="HG28" s="228"/>
      <c r="HH28" s="61">
        <v>0</v>
      </c>
      <c r="HI28" s="61">
        <v>0</v>
      </c>
      <c r="HJ28" s="61">
        <v>0</v>
      </c>
      <c r="HK28" s="61">
        <v>1</v>
      </c>
      <c r="HL28" s="61">
        <v>0</v>
      </c>
      <c r="HM28" s="62">
        <v>1</v>
      </c>
      <c r="HN28" s="63">
        <v>2</v>
      </c>
      <c r="HO28" s="60">
        <v>3</v>
      </c>
      <c r="HP28" s="61">
        <v>1</v>
      </c>
      <c r="HQ28" s="62">
        <v>4</v>
      </c>
      <c r="HR28" s="228"/>
      <c r="HS28" s="61">
        <v>3</v>
      </c>
      <c r="HT28" s="61">
        <v>2</v>
      </c>
      <c r="HU28" s="61">
        <v>0</v>
      </c>
      <c r="HV28" s="61">
        <v>1</v>
      </c>
      <c r="HW28" s="61">
        <v>1</v>
      </c>
      <c r="HX28" s="62">
        <v>7</v>
      </c>
      <c r="HY28" s="63">
        <v>11</v>
      </c>
      <c r="HZ28" s="60">
        <v>0</v>
      </c>
      <c r="IA28" s="61">
        <v>2</v>
      </c>
      <c r="IB28" s="62">
        <v>2</v>
      </c>
      <c r="IC28" s="228"/>
      <c r="ID28" s="61">
        <v>1</v>
      </c>
      <c r="IE28" s="61">
        <v>0</v>
      </c>
      <c r="IF28" s="61">
        <v>1</v>
      </c>
      <c r="IG28" s="61">
        <v>0</v>
      </c>
      <c r="IH28" s="61">
        <v>1</v>
      </c>
      <c r="II28" s="62">
        <v>3</v>
      </c>
      <c r="IJ28" s="63">
        <v>5</v>
      </c>
      <c r="IK28" s="60">
        <v>4</v>
      </c>
      <c r="IL28" s="61">
        <v>7</v>
      </c>
      <c r="IM28" s="62">
        <v>11</v>
      </c>
      <c r="IN28" s="228"/>
      <c r="IO28" s="61">
        <v>5</v>
      </c>
      <c r="IP28" s="61">
        <v>4</v>
      </c>
      <c r="IQ28" s="61">
        <v>1</v>
      </c>
      <c r="IR28" s="61">
        <v>1</v>
      </c>
      <c r="IS28" s="61">
        <v>2</v>
      </c>
      <c r="IT28" s="62">
        <v>13</v>
      </c>
      <c r="IU28" s="63">
        <v>24</v>
      </c>
      <c r="IV28" s="60">
        <v>7</v>
      </c>
      <c r="IW28" s="61">
        <v>5</v>
      </c>
      <c r="IX28" s="62">
        <v>12</v>
      </c>
      <c r="IY28" s="228"/>
      <c r="IZ28" s="61">
        <v>2</v>
      </c>
      <c r="JA28" s="61">
        <v>5</v>
      </c>
      <c r="JB28" s="61">
        <v>3</v>
      </c>
      <c r="JC28" s="61">
        <v>3</v>
      </c>
      <c r="JD28" s="61">
        <v>4</v>
      </c>
      <c r="JE28" s="62">
        <v>17</v>
      </c>
      <c r="JF28" s="63">
        <v>29</v>
      </c>
      <c r="JG28" s="60">
        <v>2</v>
      </c>
      <c r="JH28" s="61">
        <v>6</v>
      </c>
      <c r="JI28" s="62">
        <v>8</v>
      </c>
      <c r="JJ28" s="228"/>
      <c r="JK28" s="61">
        <v>8</v>
      </c>
      <c r="JL28" s="61">
        <v>8</v>
      </c>
      <c r="JM28" s="61">
        <v>6</v>
      </c>
      <c r="JN28" s="61">
        <v>2</v>
      </c>
      <c r="JO28" s="61">
        <v>2</v>
      </c>
      <c r="JP28" s="62">
        <v>26</v>
      </c>
      <c r="JQ28" s="63">
        <v>34</v>
      </c>
      <c r="JR28" s="60">
        <v>0</v>
      </c>
      <c r="JS28" s="61">
        <v>0</v>
      </c>
      <c r="JT28" s="62">
        <v>0</v>
      </c>
      <c r="JU28" s="228"/>
      <c r="JV28" s="61">
        <v>0</v>
      </c>
      <c r="JW28" s="61">
        <v>0</v>
      </c>
      <c r="JX28" s="61">
        <v>0</v>
      </c>
      <c r="JY28" s="61">
        <v>0</v>
      </c>
      <c r="JZ28" s="61">
        <v>0</v>
      </c>
      <c r="KA28" s="62">
        <v>0</v>
      </c>
      <c r="KB28" s="63">
        <v>0</v>
      </c>
      <c r="KC28" s="60">
        <v>16</v>
      </c>
      <c r="KD28" s="61">
        <v>22</v>
      </c>
      <c r="KE28" s="62">
        <v>38</v>
      </c>
      <c r="KF28" s="228"/>
      <c r="KG28" s="61">
        <v>19</v>
      </c>
      <c r="KH28" s="61">
        <v>19</v>
      </c>
      <c r="KI28" s="61">
        <v>11</v>
      </c>
      <c r="KJ28" s="61">
        <v>8</v>
      </c>
      <c r="KK28" s="61">
        <v>10</v>
      </c>
      <c r="KL28" s="62">
        <v>67</v>
      </c>
      <c r="KM28" s="63">
        <v>105</v>
      </c>
    </row>
    <row r="29" spans="2:299" ht="21" customHeight="1" x14ac:dyDescent="0.2">
      <c r="B29" s="472" t="s">
        <v>26</v>
      </c>
      <c r="C29" s="293">
        <v>9</v>
      </c>
      <c r="D29" s="72">
        <v>9</v>
      </c>
      <c r="E29" s="73">
        <v>18</v>
      </c>
      <c r="F29" s="228"/>
      <c r="G29" s="72">
        <v>24</v>
      </c>
      <c r="H29" s="72">
        <v>17</v>
      </c>
      <c r="I29" s="72">
        <v>8</v>
      </c>
      <c r="J29" s="72">
        <v>10</v>
      </c>
      <c r="K29" s="72">
        <v>8</v>
      </c>
      <c r="L29" s="74">
        <v>67</v>
      </c>
      <c r="M29" s="75">
        <v>85</v>
      </c>
      <c r="N29" s="60">
        <v>0</v>
      </c>
      <c r="O29" s="61">
        <v>0</v>
      </c>
      <c r="P29" s="62">
        <v>0</v>
      </c>
      <c r="Q29" s="228"/>
      <c r="R29" s="61">
        <v>1</v>
      </c>
      <c r="S29" s="61">
        <v>0</v>
      </c>
      <c r="T29" s="61">
        <v>1</v>
      </c>
      <c r="U29" s="61">
        <v>0</v>
      </c>
      <c r="V29" s="61">
        <v>0</v>
      </c>
      <c r="W29" s="62">
        <v>2</v>
      </c>
      <c r="X29" s="63">
        <v>2</v>
      </c>
      <c r="Y29" s="60">
        <v>0</v>
      </c>
      <c r="Z29" s="61">
        <v>1</v>
      </c>
      <c r="AA29" s="62">
        <v>1</v>
      </c>
      <c r="AB29" s="228"/>
      <c r="AC29" s="61">
        <v>1</v>
      </c>
      <c r="AD29" s="61">
        <v>2</v>
      </c>
      <c r="AE29" s="61">
        <v>0</v>
      </c>
      <c r="AF29" s="61">
        <v>0</v>
      </c>
      <c r="AG29" s="61">
        <v>1</v>
      </c>
      <c r="AH29" s="62">
        <v>4</v>
      </c>
      <c r="AI29" s="63">
        <v>5</v>
      </c>
      <c r="AJ29" s="60">
        <v>1</v>
      </c>
      <c r="AK29" s="61">
        <v>1</v>
      </c>
      <c r="AL29" s="62">
        <v>2</v>
      </c>
      <c r="AM29" s="228"/>
      <c r="AN29" s="61">
        <v>4</v>
      </c>
      <c r="AO29" s="61">
        <v>3</v>
      </c>
      <c r="AP29" s="61">
        <v>1</v>
      </c>
      <c r="AQ29" s="61">
        <v>2</v>
      </c>
      <c r="AR29" s="61">
        <v>0</v>
      </c>
      <c r="AS29" s="62">
        <v>10</v>
      </c>
      <c r="AT29" s="63">
        <v>12</v>
      </c>
      <c r="AU29" s="60">
        <v>2</v>
      </c>
      <c r="AV29" s="61">
        <v>1</v>
      </c>
      <c r="AW29" s="62">
        <v>3</v>
      </c>
      <c r="AX29" s="228"/>
      <c r="AY29" s="61">
        <v>6</v>
      </c>
      <c r="AZ29" s="61">
        <v>4</v>
      </c>
      <c r="BA29" s="61">
        <v>1</v>
      </c>
      <c r="BB29" s="61">
        <v>4</v>
      </c>
      <c r="BC29" s="61">
        <v>1</v>
      </c>
      <c r="BD29" s="62">
        <v>16</v>
      </c>
      <c r="BE29" s="63">
        <v>19</v>
      </c>
      <c r="BF29" s="60">
        <v>3</v>
      </c>
      <c r="BG29" s="61">
        <v>2</v>
      </c>
      <c r="BH29" s="62">
        <v>5</v>
      </c>
      <c r="BI29" s="228"/>
      <c r="BJ29" s="61">
        <v>4</v>
      </c>
      <c r="BK29" s="61">
        <v>3</v>
      </c>
      <c r="BL29" s="61">
        <v>2</v>
      </c>
      <c r="BM29" s="61">
        <v>3</v>
      </c>
      <c r="BN29" s="61">
        <v>2</v>
      </c>
      <c r="BO29" s="62">
        <v>14</v>
      </c>
      <c r="BP29" s="63">
        <v>19</v>
      </c>
      <c r="BQ29" s="60">
        <v>3</v>
      </c>
      <c r="BR29" s="61">
        <v>4</v>
      </c>
      <c r="BS29" s="62">
        <v>7</v>
      </c>
      <c r="BT29" s="228"/>
      <c r="BU29" s="61">
        <v>8</v>
      </c>
      <c r="BV29" s="61">
        <v>5</v>
      </c>
      <c r="BW29" s="61">
        <v>3</v>
      </c>
      <c r="BX29" s="61">
        <v>1</v>
      </c>
      <c r="BY29" s="61">
        <v>4</v>
      </c>
      <c r="BZ29" s="62">
        <v>21</v>
      </c>
      <c r="CA29" s="63">
        <v>28</v>
      </c>
      <c r="CB29" s="60">
        <v>0</v>
      </c>
      <c r="CC29" s="61">
        <v>0</v>
      </c>
      <c r="CD29" s="62">
        <v>0</v>
      </c>
      <c r="CE29" s="228"/>
      <c r="CF29" s="61">
        <v>0</v>
      </c>
      <c r="CG29" s="61">
        <v>0</v>
      </c>
      <c r="CH29" s="61">
        <v>0</v>
      </c>
      <c r="CI29" s="61">
        <v>0</v>
      </c>
      <c r="CJ29" s="61">
        <v>0</v>
      </c>
      <c r="CK29" s="62">
        <v>0</v>
      </c>
      <c r="CL29" s="63">
        <v>0</v>
      </c>
      <c r="CM29" s="60">
        <v>9</v>
      </c>
      <c r="CN29" s="61">
        <v>9</v>
      </c>
      <c r="CO29" s="62">
        <v>18</v>
      </c>
      <c r="CP29" s="228"/>
      <c r="CQ29" s="61">
        <v>24</v>
      </c>
      <c r="CR29" s="61">
        <v>17</v>
      </c>
      <c r="CS29" s="61">
        <v>8</v>
      </c>
      <c r="CT29" s="61">
        <v>10</v>
      </c>
      <c r="CU29" s="61">
        <v>8</v>
      </c>
      <c r="CV29" s="62">
        <v>67</v>
      </c>
      <c r="CW29" s="63">
        <v>85</v>
      </c>
      <c r="CX29" s="113">
        <v>2</v>
      </c>
      <c r="CY29" s="72">
        <v>4</v>
      </c>
      <c r="CZ29" s="73">
        <v>6</v>
      </c>
      <c r="DA29" s="228"/>
      <c r="DB29" s="72">
        <v>7</v>
      </c>
      <c r="DC29" s="72">
        <v>7</v>
      </c>
      <c r="DD29" s="72">
        <v>5</v>
      </c>
      <c r="DE29" s="72">
        <v>3</v>
      </c>
      <c r="DF29" s="72">
        <v>1</v>
      </c>
      <c r="DG29" s="74">
        <v>23</v>
      </c>
      <c r="DH29" s="75">
        <v>29</v>
      </c>
      <c r="DI29" s="60">
        <v>0</v>
      </c>
      <c r="DJ29" s="61">
        <v>0</v>
      </c>
      <c r="DK29" s="62">
        <v>0</v>
      </c>
      <c r="DL29" s="228"/>
      <c r="DM29" s="61">
        <v>0</v>
      </c>
      <c r="DN29" s="61">
        <v>0</v>
      </c>
      <c r="DO29" s="61">
        <v>0</v>
      </c>
      <c r="DP29" s="61">
        <v>0</v>
      </c>
      <c r="DQ29" s="61">
        <v>0</v>
      </c>
      <c r="DR29" s="62">
        <v>0</v>
      </c>
      <c r="DS29" s="63">
        <v>0</v>
      </c>
      <c r="DT29" s="60">
        <v>0</v>
      </c>
      <c r="DU29" s="61">
        <v>0</v>
      </c>
      <c r="DV29" s="62">
        <v>0</v>
      </c>
      <c r="DW29" s="228"/>
      <c r="DX29" s="61">
        <v>0</v>
      </c>
      <c r="DY29" s="61">
        <v>1</v>
      </c>
      <c r="DZ29" s="61">
        <v>0</v>
      </c>
      <c r="EA29" s="61">
        <v>1</v>
      </c>
      <c r="EB29" s="61">
        <v>0</v>
      </c>
      <c r="EC29" s="62">
        <v>2</v>
      </c>
      <c r="ED29" s="63">
        <v>2</v>
      </c>
      <c r="EE29" s="60">
        <v>0</v>
      </c>
      <c r="EF29" s="61">
        <v>2</v>
      </c>
      <c r="EG29" s="62">
        <v>2</v>
      </c>
      <c r="EH29" s="228"/>
      <c r="EI29" s="61">
        <v>1</v>
      </c>
      <c r="EJ29" s="61">
        <v>0</v>
      </c>
      <c r="EK29" s="61">
        <v>1</v>
      </c>
      <c r="EL29" s="61">
        <v>0</v>
      </c>
      <c r="EM29" s="61">
        <v>0</v>
      </c>
      <c r="EN29" s="62">
        <v>2</v>
      </c>
      <c r="EO29" s="63">
        <v>4</v>
      </c>
      <c r="EP29" s="60">
        <v>0</v>
      </c>
      <c r="EQ29" s="61">
        <v>0</v>
      </c>
      <c r="ER29" s="62">
        <v>0</v>
      </c>
      <c r="ES29" s="228"/>
      <c r="ET29" s="61">
        <v>0</v>
      </c>
      <c r="EU29" s="61">
        <v>0</v>
      </c>
      <c r="EV29" s="61">
        <v>1</v>
      </c>
      <c r="EW29" s="61">
        <v>0</v>
      </c>
      <c r="EX29" s="61">
        <v>0</v>
      </c>
      <c r="EY29" s="62">
        <v>1</v>
      </c>
      <c r="EZ29" s="63">
        <v>1</v>
      </c>
      <c r="FA29" s="60">
        <v>2</v>
      </c>
      <c r="FB29" s="61">
        <v>1</v>
      </c>
      <c r="FC29" s="62">
        <v>3</v>
      </c>
      <c r="FD29" s="228"/>
      <c r="FE29" s="61">
        <v>4</v>
      </c>
      <c r="FF29" s="61">
        <v>1</v>
      </c>
      <c r="FG29" s="61">
        <v>1</v>
      </c>
      <c r="FH29" s="61">
        <v>0</v>
      </c>
      <c r="FI29" s="61">
        <v>0</v>
      </c>
      <c r="FJ29" s="62">
        <v>6</v>
      </c>
      <c r="FK29" s="63">
        <v>9</v>
      </c>
      <c r="FL29" s="60">
        <v>0</v>
      </c>
      <c r="FM29" s="61">
        <v>1</v>
      </c>
      <c r="FN29" s="62">
        <v>1</v>
      </c>
      <c r="FO29" s="228"/>
      <c r="FP29" s="61">
        <v>2</v>
      </c>
      <c r="FQ29" s="61">
        <v>5</v>
      </c>
      <c r="FR29" s="61">
        <v>2</v>
      </c>
      <c r="FS29" s="61">
        <v>2</v>
      </c>
      <c r="FT29" s="61">
        <v>1</v>
      </c>
      <c r="FU29" s="62">
        <v>12</v>
      </c>
      <c r="FV29" s="63">
        <v>13</v>
      </c>
      <c r="FW29" s="60">
        <v>0</v>
      </c>
      <c r="FX29" s="61">
        <v>0</v>
      </c>
      <c r="FY29" s="62">
        <v>0</v>
      </c>
      <c r="FZ29" s="228"/>
      <c r="GA29" s="61">
        <v>0</v>
      </c>
      <c r="GB29" s="61">
        <v>0</v>
      </c>
      <c r="GC29" s="61">
        <v>0</v>
      </c>
      <c r="GD29" s="61">
        <v>0</v>
      </c>
      <c r="GE29" s="61">
        <v>0</v>
      </c>
      <c r="GF29" s="62">
        <v>0</v>
      </c>
      <c r="GG29" s="63">
        <v>0</v>
      </c>
      <c r="GH29" s="60">
        <v>2</v>
      </c>
      <c r="GI29" s="61">
        <v>4</v>
      </c>
      <c r="GJ29" s="62">
        <v>6</v>
      </c>
      <c r="GK29" s="228"/>
      <c r="GL29" s="61">
        <v>7</v>
      </c>
      <c r="GM29" s="61">
        <v>7</v>
      </c>
      <c r="GN29" s="61">
        <v>5</v>
      </c>
      <c r="GO29" s="61">
        <v>3</v>
      </c>
      <c r="GP29" s="61">
        <v>1</v>
      </c>
      <c r="GQ29" s="62">
        <v>23</v>
      </c>
      <c r="GR29" s="63">
        <v>29</v>
      </c>
      <c r="GS29" s="113">
        <v>11</v>
      </c>
      <c r="GT29" s="72">
        <v>13</v>
      </c>
      <c r="GU29" s="73">
        <v>24</v>
      </c>
      <c r="GV29" s="228"/>
      <c r="GW29" s="72">
        <v>31</v>
      </c>
      <c r="GX29" s="72">
        <v>24</v>
      </c>
      <c r="GY29" s="72">
        <v>13</v>
      </c>
      <c r="GZ29" s="72">
        <v>13</v>
      </c>
      <c r="HA29" s="72">
        <v>9</v>
      </c>
      <c r="HB29" s="74">
        <v>90</v>
      </c>
      <c r="HC29" s="75">
        <v>114</v>
      </c>
      <c r="HD29" s="60">
        <v>0</v>
      </c>
      <c r="HE29" s="61">
        <v>0</v>
      </c>
      <c r="HF29" s="62">
        <v>0</v>
      </c>
      <c r="HG29" s="228"/>
      <c r="HH29" s="61">
        <v>1</v>
      </c>
      <c r="HI29" s="61">
        <v>0</v>
      </c>
      <c r="HJ29" s="61">
        <v>1</v>
      </c>
      <c r="HK29" s="61">
        <v>0</v>
      </c>
      <c r="HL29" s="61">
        <v>0</v>
      </c>
      <c r="HM29" s="62">
        <v>2</v>
      </c>
      <c r="HN29" s="63">
        <v>2</v>
      </c>
      <c r="HO29" s="60">
        <v>0</v>
      </c>
      <c r="HP29" s="61">
        <v>1</v>
      </c>
      <c r="HQ29" s="62">
        <v>1</v>
      </c>
      <c r="HR29" s="228"/>
      <c r="HS29" s="61">
        <v>1</v>
      </c>
      <c r="HT29" s="61">
        <v>3</v>
      </c>
      <c r="HU29" s="61">
        <v>0</v>
      </c>
      <c r="HV29" s="61">
        <v>1</v>
      </c>
      <c r="HW29" s="61">
        <v>1</v>
      </c>
      <c r="HX29" s="62">
        <v>6</v>
      </c>
      <c r="HY29" s="63">
        <v>7</v>
      </c>
      <c r="HZ29" s="60">
        <v>1</v>
      </c>
      <c r="IA29" s="61">
        <v>3</v>
      </c>
      <c r="IB29" s="62">
        <v>4</v>
      </c>
      <c r="IC29" s="228"/>
      <c r="ID29" s="61">
        <v>5</v>
      </c>
      <c r="IE29" s="61">
        <v>3</v>
      </c>
      <c r="IF29" s="61">
        <v>2</v>
      </c>
      <c r="IG29" s="61">
        <v>2</v>
      </c>
      <c r="IH29" s="61">
        <v>0</v>
      </c>
      <c r="II29" s="62">
        <v>12</v>
      </c>
      <c r="IJ29" s="63">
        <v>16</v>
      </c>
      <c r="IK29" s="60">
        <v>2</v>
      </c>
      <c r="IL29" s="61">
        <v>1</v>
      </c>
      <c r="IM29" s="62">
        <v>3</v>
      </c>
      <c r="IN29" s="228"/>
      <c r="IO29" s="61">
        <v>6</v>
      </c>
      <c r="IP29" s="61">
        <v>4</v>
      </c>
      <c r="IQ29" s="61">
        <v>2</v>
      </c>
      <c r="IR29" s="61">
        <v>4</v>
      </c>
      <c r="IS29" s="61">
        <v>1</v>
      </c>
      <c r="IT29" s="62">
        <v>17</v>
      </c>
      <c r="IU29" s="63">
        <v>20</v>
      </c>
      <c r="IV29" s="60">
        <v>5</v>
      </c>
      <c r="IW29" s="61">
        <v>3</v>
      </c>
      <c r="IX29" s="62">
        <v>8</v>
      </c>
      <c r="IY29" s="228"/>
      <c r="IZ29" s="61">
        <v>8</v>
      </c>
      <c r="JA29" s="61">
        <v>4</v>
      </c>
      <c r="JB29" s="61">
        <v>3</v>
      </c>
      <c r="JC29" s="61">
        <v>3</v>
      </c>
      <c r="JD29" s="61">
        <v>2</v>
      </c>
      <c r="JE29" s="62">
        <v>20</v>
      </c>
      <c r="JF29" s="63">
        <v>28</v>
      </c>
      <c r="JG29" s="60">
        <v>3</v>
      </c>
      <c r="JH29" s="61">
        <v>5</v>
      </c>
      <c r="JI29" s="62">
        <v>8</v>
      </c>
      <c r="JJ29" s="228"/>
      <c r="JK29" s="61">
        <v>10</v>
      </c>
      <c r="JL29" s="61">
        <v>10</v>
      </c>
      <c r="JM29" s="61">
        <v>5</v>
      </c>
      <c r="JN29" s="61">
        <v>3</v>
      </c>
      <c r="JO29" s="61">
        <v>5</v>
      </c>
      <c r="JP29" s="62">
        <v>33</v>
      </c>
      <c r="JQ29" s="63">
        <v>41</v>
      </c>
      <c r="JR29" s="60">
        <v>0</v>
      </c>
      <c r="JS29" s="61">
        <v>0</v>
      </c>
      <c r="JT29" s="62">
        <v>0</v>
      </c>
      <c r="JU29" s="228"/>
      <c r="JV29" s="61">
        <v>0</v>
      </c>
      <c r="JW29" s="61">
        <v>0</v>
      </c>
      <c r="JX29" s="61">
        <v>0</v>
      </c>
      <c r="JY29" s="61">
        <v>0</v>
      </c>
      <c r="JZ29" s="61">
        <v>0</v>
      </c>
      <c r="KA29" s="62">
        <v>0</v>
      </c>
      <c r="KB29" s="63">
        <v>0</v>
      </c>
      <c r="KC29" s="60">
        <v>11</v>
      </c>
      <c r="KD29" s="61">
        <v>13</v>
      </c>
      <c r="KE29" s="62">
        <v>24</v>
      </c>
      <c r="KF29" s="228"/>
      <c r="KG29" s="61">
        <v>31</v>
      </c>
      <c r="KH29" s="61">
        <v>24</v>
      </c>
      <c r="KI29" s="61">
        <v>13</v>
      </c>
      <c r="KJ29" s="61">
        <v>13</v>
      </c>
      <c r="KK29" s="61">
        <v>9</v>
      </c>
      <c r="KL29" s="62">
        <v>90</v>
      </c>
      <c r="KM29" s="63">
        <v>114</v>
      </c>
    </row>
    <row r="30" spans="2:299" ht="21" customHeight="1" x14ac:dyDescent="0.2">
      <c r="B30" s="472" t="s">
        <v>27</v>
      </c>
      <c r="C30" s="293">
        <v>13</v>
      </c>
      <c r="D30" s="72">
        <v>17</v>
      </c>
      <c r="E30" s="73">
        <v>30</v>
      </c>
      <c r="F30" s="228"/>
      <c r="G30" s="72">
        <v>12</v>
      </c>
      <c r="H30" s="72">
        <v>15</v>
      </c>
      <c r="I30" s="72">
        <v>14</v>
      </c>
      <c r="J30" s="72">
        <v>5</v>
      </c>
      <c r="K30" s="72">
        <v>5</v>
      </c>
      <c r="L30" s="74">
        <v>51</v>
      </c>
      <c r="M30" s="75">
        <v>81</v>
      </c>
      <c r="N30" s="60">
        <v>0</v>
      </c>
      <c r="O30" s="61">
        <v>1</v>
      </c>
      <c r="P30" s="62">
        <v>1</v>
      </c>
      <c r="Q30" s="228"/>
      <c r="R30" s="61">
        <v>0</v>
      </c>
      <c r="S30" s="61">
        <v>1</v>
      </c>
      <c r="T30" s="61">
        <v>0</v>
      </c>
      <c r="U30" s="61">
        <v>0</v>
      </c>
      <c r="V30" s="61">
        <v>0</v>
      </c>
      <c r="W30" s="62">
        <v>1</v>
      </c>
      <c r="X30" s="63">
        <v>2</v>
      </c>
      <c r="Y30" s="60">
        <v>1</v>
      </c>
      <c r="Z30" s="61">
        <v>1</v>
      </c>
      <c r="AA30" s="62">
        <v>2</v>
      </c>
      <c r="AB30" s="228"/>
      <c r="AC30" s="61">
        <v>0</v>
      </c>
      <c r="AD30" s="61">
        <v>2</v>
      </c>
      <c r="AE30" s="61">
        <v>1</v>
      </c>
      <c r="AF30" s="61">
        <v>0</v>
      </c>
      <c r="AG30" s="61">
        <v>1</v>
      </c>
      <c r="AH30" s="62">
        <v>4</v>
      </c>
      <c r="AI30" s="63">
        <v>6</v>
      </c>
      <c r="AJ30" s="60">
        <v>2</v>
      </c>
      <c r="AK30" s="61">
        <v>1</v>
      </c>
      <c r="AL30" s="62">
        <v>3</v>
      </c>
      <c r="AM30" s="228"/>
      <c r="AN30" s="61">
        <v>0</v>
      </c>
      <c r="AO30" s="61">
        <v>1</v>
      </c>
      <c r="AP30" s="61">
        <v>1</v>
      </c>
      <c r="AQ30" s="61">
        <v>0</v>
      </c>
      <c r="AR30" s="61">
        <v>0</v>
      </c>
      <c r="AS30" s="62">
        <v>2</v>
      </c>
      <c r="AT30" s="63">
        <v>5</v>
      </c>
      <c r="AU30" s="60">
        <v>3</v>
      </c>
      <c r="AV30" s="61">
        <v>7</v>
      </c>
      <c r="AW30" s="62">
        <v>10</v>
      </c>
      <c r="AX30" s="228"/>
      <c r="AY30" s="61">
        <v>4</v>
      </c>
      <c r="AZ30" s="61">
        <v>6</v>
      </c>
      <c r="BA30" s="61">
        <v>3</v>
      </c>
      <c r="BB30" s="61">
        <v>1</v>
      </c>
      <c r="BC30" s="61">
        <v>1</v>
      </c>
      <c r="BD30" s="62">
        <v>15</v>
      </c>
      <c r="BE30" s="63">
        <v>25</v>
      </c>
      <c r="BF30" s="60">
        <v>6</v>
      </c>
      <c r="BG30" s="61">
        <v>5</v>
      </c>
      <c r="BH30" s="62">
        <v>11</v>
      </c>
      <c r="BI30" s="228"/>
      <c r="BJ30" s="61">
        <v>1</v>
      </c>
      <c r="BK30" s="61">
        <v>2</v>
      </c>
      <c r="BL30" s="61">
        <v>4</v>
      </c>
      <c r="BM30" s="61">
        <v>3</v>
      </c>
      <c r="BN30" s="61">
        <v>2</v>
      </c>
      <c r="BO30" s="62">
        <v>12</v>
      </c>
      <c r="BP30" s="63">
        <v>23</v>
      </c>
      <c r="BQ30" s="60">
        <v>1</v>
      </c>
      <c r="BR30" s="61">
        <v>2</v>
      </c>
      <c r="BS30" s="62">
        <v>3</v>
      </c>
      <c r="BT30" s="228"/>
      <c r="BU30" s="61">
        <v>7</v>
      </c>
      <c r="BV30" s="61">
        <v>3</v>
      </c>
      <c r="BW30" s="61">
        <v>5</v>
      </c>
      <c r="BX30" s="61">
        <v>1</v>
      </c>
      <c r="BY30" s="61">
        <v>1</v>
      </c>
      <c r="BZ30" s="62">
        <v>17</v>
      </c>
      <c r="CA30" s="63">
        <v>20</v>
      </c>
      <c r="CB30" s="60">
        <v>0</v>
      </c>
      <c r="CC30" s="61">
        <v>0</v>
      </c>
      <c r="CD30" s="62">
        <v>0</v>
      </c>
      <c r="CE30" s="228"/>
      <c r="CF30" s="61">
        <v>0</v>
      </c>
      <c r="CG30" s="61">
        <v>0</v>
      </c>
      <c r="CH30" s="61">
        <v>0</v>
      </c>
      <c r="CI30" s="61">
        <v>0</v>
      </c>
      <c r="CJ30" s="61">
        <v>0</v>
      </c>
      <c r="CK30" s="62">
        <v>0</v>
      </c>
      <c r="CL30" s="63">
        <v>0</v>
      </c>
      <c r="CM30" s="60">
        <v>13</v>
      </c>
      <c r="CN30" s="61">
        <v>17</v>
      </c>
      <c r="CO30" s="62">
        <v>30</v>
      </c>
      <c r="CP30" s="228"/>
      <c r="CQ30" s="61">
        <v>12</v>
      </c>
      <c r="CR30" s="61">
        <v>15</v>
      </c>
      <c r="CS30" s="61">
        <v>14</v>
      </c>
      <c r="CT30" s="61">
        <v>5</v>
      </c>
      <c r="CU30" s="61">
        <v>5</v>
      </c>
      <c r="CV30" s="62">
        <v>51</v>
      </c>
      <c r="CW30" s="63">
        <v>81</v>
      </c>
      <c r="CX30" s="113">
        <v>4</v>
      </c>
      <c r="CY30" s="72">
        <v>4</v>
      </c>
      <c r="CZ30" s="73">
        <v>8</v>
      </c>
      <c r="DA30" s="228"/>
      <c r="DB30" s="72">
        <v>10</v>
      </c>
      <c r="DC30" s="72">
        <v>3</v>
      </c>
      <c r="DD30" s="72">
        <v>5</v>
      </c>
      <c r="DE30" s="72">
        <v>2</v>
      </c>
      <c r="DF30" s="72">
        <v>1</v>
      </c>
      <c r="DG30" s="74">
        <v>21</v>
      </c>
      <c r="DH30" s="75">
        <v>29</v>
      </c>
      <c r="DI30" s="60">
        <v>0</v>
      </c>
      <c r="DJ30" s="61">
        <v>1</v>
      </c>
      <c r="DK30" s="62">
        <v>1</v>
      </c>
      <c r="DL30" s="228"/>
      <c r="DM30" s="61">
        <v>0</v>
      </c>
      <c r="DN30" s="61">
        <v>0</v>
      </c>
      <c r="DO30" s="61">
        <v>0</v>
      </c>
      <c r="DP30" s="61">
        <v>0</v>
      </c>
      <c r="DQ30" s="61">
        <v>0</v>
      </c>
      <c r="DR30" s="62">
        <v>0</v>
      </c>
      <c r="DS30" s="63">
        <v>1</v>
      </c>
      <c r="DT30" s="60">
        <v>0</v>
      </c>
      <c r="DU30" s="61">
        <v>0</v>
      </c>
      <c r="DV30" s="62">
        <v>0</v>
      </c>
      <c r="DW30" s="228"/>
      <c r="DX30" s="61">
        <v>0</v>
      </c>
      <c r="DY30" s="61">
        <v>0</v>
      </c>
      <c r="DZ30" s="61">
        <v>0</v>
      </c>
      <c r="EA30" s="61">
        <v>0</v>
      </c>
      <c r="EB30" s="61">
        <v>0</v>
      </c>
      <c r="EC30" s="62">
        <v>0</v>
      </c>
      <c r="ED30" s="63">
        <v>0</v>
      </c>
      <c r="EE30" s="60">
        <v>1</v>
      </c>
      <c r="EF30" s="61">
        <v>0</v>
      </c>
      <c r="EG30" s="62">
        <v>1</v>
      </c>
      <c r="EH30" s="228"/>
      <c r="EI30" s="61">
        <v>0</v>
      </c>
      <c r="EJ30" s="61">
        <v>1</v>
      </c>
      <c r="EK30" s="61">
        <v>0</v>
      </c>
      <c r="EL30" s="61">
        <v>0</v>
      </c>
      <c r="EM30" s="61">
        <v>0</v>
      </c>
      <c r="EN30" s="62">
        <v>1</v>
      </c>
      <c r="EO30" s="63">
        <v>2</v>
      </c>
      <c r="EP30" s="60">
        <v>3</v>
      </c>
      <c r="EQ30" s="61">
        <v>0</v>
      </c>
      <c r="ER30" s="62">
        <v>3</v>
      </c>
      <c r="ES30" s="228"/>
      <c r="ET30" s="61">
        <v>3</v>
      </c>
      <c r="EU30" s="61">
        <v>1</v>
      </c>
      <c r="EV30" s="61">
        <v>0</v>
      </c>
      <c r="EW30" s="61">
        <v>0</v>
      </c>
      <c r="EX30" s="61">
        <v>0</v>
      </c>
      <c r="EY30" s="62">
        <v>4</v>
      </c>
      <c r="EZ30" s="63">
        <v>7</v>
      </c>
      <c r="FA30" s="60">
        <v>0</v>
      </c>
      <c r="FB30" s="61">
        <v>1</v>
      </c>
      <c r="FC30" s="62">
        <v>1</v>
      </c>
      <c r="FD30" s="228"/>
      <c r="FE30" s="61">
        <v>3</v>
      </c>
      <c r="FF30" s="61">
        <v>0</v>
      </c>
      <c r="FG30" s="61">
        <v>1</v>
      </c>
      <c r="FH30" s="61">
        <v>1</v>
      </c>
      <c r="FI30" s="61">
        <v>0</v>
      </c>
      <c r="FJ30" s="62">
        <v>5</v>
      </c>
      <c r="FK30" s="63">
        <v>6</v>
      </c>
      <c r="FL30" s="60">
        <v>0</v>
      </c>
      <c r="FM30" s="61">
        <v>2</v>
      </c>
      <c r="FN30" s="62">
        <v>2</v>
      </c>
      <c r="FO30" s="228"/>
      <c r="FP30" s="61">
        <v>4</v>
      </c>
      <c r="FQ30" s="61">
        <v>1</v>
      </c>
      <c r="FR30" s="61">
        <v>4</v>
      </c>
      <c r="FS30" s="61">
        <v>1</v>
      </c>
      <c r="FT30" s="61">
        <v>1</v>
      </c>
      <c r="FU30" s="62">
        <v>11</v>
      </c>
      <c r="FV30" s="63">
        <v>13</v>
      </c>
      <c r="FW30" s="60">
        <v>0</v>
      </c>
      <c r="FX30" s="61">
        <v>0</v>
      </c>
      <c r="FY30" s="62">
        <v>0</v>
      </c>
      <c r="FZ30" s="228"/>
      <c r="GA30" s="61">
        <v>0</v>
      </c>
      <c r="GB30" s="61">
        <v>0</v>
      </c>
      <c r="GC30" s="61">
        <v>0</v>
      </c>
      <c r="GD30" s="61">
        <v>0</v>
      </c>
      <c r="GE30" s="61">
        <v>0</v>
      </c>
      <c r="GF30" s="62">
        <v>0</v>
      </c>
      <c r="GG30" s="63">
        <v>0</v>
      </c>
      <c r="GH30" s="60">
        <v>4</v>
      </c>
      <c r="GI30" s="61">
        <v>4</v>
      </c>
      <c r="GJ30" s="62">
        <v>8</v>
      </c>
      <c r="GK30" s="228"/>
      <c r="GL30" s="61">
        <v>10</v>
      </c>
      <c r="GM30" s="61">
        <v>3</v>
      </c>
      <c r="GN30" s="61">
        <v>5</v>
      </c>
      <c r="GO30" s="61">
        <v>2</v>
      </c>
      <c r="GP30" s="61">
        <v>1</v>
      </c>
      <c r="GQ30" s="62">
        <v>21</v>
      </c>
      <c r="GR30" s="63">
        <v>29</v>
      </c>
      <c r="GS30" s="113">
        <v>17</v>
      </c>
      <c r="GT30" s="72">
        <v>21</v>
      </c>
      <c r="GU30" s="73">
        <v>38</v>
      </c>
      <c r="GV30" s="228"/>
      <c r="GW30" s="72">
        <v>22</v>
      </c>
      <c r="GX30" s="72">
        <v>18</v>
      </c>
      <c r="GY30" s="72">
        <v>19</v>
      </c>
      <c r="GZ30" s="72">
        <v>7</v>
      </c>
      <c r="HA30" s="72">
        <v>6</v>
      </c>
      <c r="HB30" s="74">
        <v>72</v>
      </c>
      <c r="HC30" s="75">
        <v>110</v>
      </c>
      <c r="HD30" s="60">
        <v>0</v>
      </c>
      <c r="HE30" s="61">
        <v>2</v>
      </c>
      <c r="HF30" s="62">
        <v>2</v>
      </c>
      <c r="HG30" s="228"/>
      <c r="HH30" s="61">
        <v>0</v>
      </c>
      <c r="HI30" s="61">
        <v>1</v>
      </c>
      <c r="HJ30" s="61">
        <v>0</v>
      </c>
      <c r="HK30" s="61">
        <v>0</v>
      </c>
      <c r="HL30" s="61">
        <v>0</v>
      </c>
      <c r="HM30" s="62">
        <v>1</v>
      </c>
      <c r="HN30" s="63">
        <v>3</v>
      </c>
      <c r="HO30" s="60">
        <v>1</v>
      </c>
      <c r="HP30" s="61">
        <v>1</v>
      </c>
      <c r="HQ30" s="62">
        <v>2</v>
      </c>
      <c r="HR30" s="228"/>
      <c r="HS30" s="61">
        <v>0</v>
      </c>
      <c r="HT30" s="61">
        <v>2</v>
      </c>
      <c r="HU30" s="61">
        <v>1</v>
      </c>
      <c r="HV30" s="61">
        <v>0</v>
      </c>
      <c r="HW30" s="61">
        <v>1</v>
      </c>
      <c r="HX30" s="62">
        <v>4</v>
      </c>
      <c r="HY30" s="63">
        <v>6</v>
      </c>
      <c r="HZ30" s="60">
        <v>3</v>
      </c>
      <c r="IA30" s="61">
        <v>1</v>
      </c>
      <c r="IB30" s="62">
        <v>4</v>
      </c>
      <c r="IC30" s="228"/>
      <c r="ID30" s="61">
        <v>0</v>
      </c>
      <c r="IE30" s="61">
        <v>2</v>
      </c>
      <c r="IF30" s="61">
        <v>1</v>
      </c>
      <c r="IG30" s="61">
        <v>0</v>
      </c>
      <c r="IH30" s="61">
        <v>0</v>
      </c>
      <c r="II30" s="62">
        <v>3</v>
      </c>
      <c r="IJ30" s="63">
        <v>7</v>
      </c>
      <c r="IK30" s="60">
        <v>6</v>
      </c>
      <c r="IL30" s="61">
        <v>7</v>
      </c>
      <c r="IM30" s="62">
        <v>13</v>
      </c>
      <c r="IN30" s="228"/>
      <c r="IO30" s="61">
        <v>7</v>
      </c>
      <c r="IP30" s="61">
        <v>7</v>
      </c>
      <c r="IQ30" s="61">
        <v>3</v>
      </c>
      <c r="IR30" s="61">
        <v>1</v>
      </c>
      <c r="IS30" s="61">
        <v>1</v>
      </c>
      <c r="IT30" s="62">
        <v>19</v>
      </c>
      <c r="IU30" s="63">
        <v>32</v>
      </c>
      <c r="IV30" s="60">
        <v>6</v>
      </c>
      <c r="IW30" s="61">
        <v>6</v>
      </c>
      <c r="IX30" s="62">
        <v>12</v>
      </c>
      <c r="IY30" s="228"/>
      <c r="IZ30" s="61">
        <v>4</v>
      </c>
      <c r="JA30" s="61">
        <v>2</v>
      </c>
      <c r="JB30" s="61">
        <v>5</v>
      </c>
      <c r="JC30" s="61">
        <v>4</v>
      </c>
      <c r="JD30" s="61">
        <v>2</v>
      </c>
      <c r="JE30" s="62">
        <v>17</v>
      </c>
      <c r="JF30" s="63">
        <v>29</v>
      </c>
      <c r="JG30" s="60">
        <v>1</v>
      </c>
      <c r="JH30" s="61">
        <v>4</v>
      </c>
      <c r="JI30" s="62">
        <v>5</v>
      </c>
      <c r="JJ30" s="228"/>
      <c r="JK30" s="61">
        <v>11</v>
      </c>
      <c r="JL30" s="61">
        <v>4</v>
      </c>
      <c r="JM30" s="61">
        <v>9</v>
      </c>
      <c r="JN30" s="61">
        <v>2</v>
      </c>
      <c r="JO30" s="61">
        <v>2</v>
      </c>
      <c r="JP30" s="62">
        <v>28</v>
      </c>
      <c r="JQ30" s="63">
        <v>33</v>
      </c>
      <c r="JR30" s="60">
        <v>0</v>
      </c>
      <c r="JS30" s="61">
        <v>0</v>
      </c>
      <c r="JT30" s="62">
        <v>0</v>
      </c>
      <c r="JU30" s="228"/>
      <c r="JV30" s="61">
        <v>0</v>
      </c>
      <c r="JW30" s="61">
        <v>0</v>
      </c>
      <c r="JX30" s="61">
        <v>0</v>
      </c>
      <c r="JY30" s="61">
        <v>0</v>
      </c>
      <c r="JZ30" s="61">
        <v>0</v>
      </c>
      <c r="KA30" s="62">
        <v>0</v>
      </c>
      <c r="KB30" s="63">
        <v>0</v>
      </c>
      <c r="KC30" s="60">
        <v>17</v>
      </c>
      <c r="KD30" s="61">
        <v>21</v>
      </c>
      <c r="KE30" s="62">
        <v>38</v>
      </c>
      <c r="KF30" s="228"/>
      <c r="KG30" s="61">
        <v>22</v>
      </c>
      <c r="KH30" s="61">
        <v>18</v>
      </c>
      <c r="KI30" s="61">
        <v>19</v>
      </c>
      <c r="KJ30" s="61">
        <v>7</v>
      </c>
      <c r="KK30" s="61">
        <v>6</v>
      </c>
      <c r="KL30" s="62">
        <v>72</v>
      </c>
      <c r="KM30" s="63">
        <v>110</v>
      </c>
    </row>
    <row r="31" spans="2:299" ht="21" customHeight="1" x14ac:dyDescent="0.2">
      <c r="B31" s="472" t="s">
        <v>28</v>
      </c>
      <c r="C31" s="293">
        <v>0</v>
      </c>
      <c r="D31" s="72">
        <v>2</v>
      </c>
      <c r="E31" s="73">
        <v>2</v>
      </c>
      <c r="F31" s="228"/>
      <c r="G31" s="72">
        <v>6</v>
      </c>
      <c r="H31" s="72">
        <v>2</v>
      </c>
      <c r="I31" s="72">
        <v>5</v>
      </c>
      <c r="J31" s="72">
        <v>2</v>
      </c>
      <c r="K31" s="72">
        <v>0</v>
      </c>
      <c r="L31" s="74">
        <v>15</v>
      </c>
      <c r="M31" s="75">
        <v>17</v>
      </c>
      <c r="N31" s="60">
        <v>0</v>
      </c>
      <c r="O31" s="61">
        <v>1</v>
      </c>
      <c r="P31" s="62">
        <v>1</v>
      </c>
      <c r="Q31" s="228"/>
      <c r="R31" s="61">
        <v>0</v>
      </c>
      <c r="S31" s="61">
        <v>0</v>
      </c>
      <c r="T31" s="61">
        <v>1</v>
      </c>
      <c r="U31" s="61">
        <v>0</v>
      </c>
      <c r="V31" s="61">
        <v>0</v>
      </c>
      <c r="W31" s="62">
        <v>1</v>
      </c>
      <c r="X31" s="63">
        <v>2</v>
      </c>
      <c r="Y31" s="60">
        <v>0</v>
      </c>
      <c r="Z31" s="61">
        <v>1</v>
      </c>
      <c r="AA31" s="62">
        <v>1</v>
      </c>
      <c r="AB31" s="228"/>
      <c r="AC31" s="61">
        <v>2</v>
      </c>
      <c r="AD31" s="61">
        <v>0</v>
      </c>
      <c r="AE31" s="61">
        <v>0</v>
      </c>
      <c r="AF31" s="61">
        <v>0</v>
      </c>
      <c r="AG31" s="61">
        <v>0</v>
      </c>
      <c r="AH31" s="62">
        <v>2</v>
      </c>
      <c r="AI31" s="63">
        <v>3</v>
      </c>
      <c r="AJ31" s="60">
        <v>0</v>
      </c>
      <c r="AK31" s="61">
        <v>0</v>
      </c>
      <c r="AL31" s="62">
        <v>0</v>
      </c>
      <c r="AM31" s="228"/>
      <c r="AN31" s="61">
        <v>1</v>
      </c>
      <c r="AO31" s="61">
        <v>0</v>
      </c>
      <c r="AP31" s="61">
        <v>1</v>
      </c>
      <c r="AQ31" s="61">
        <v>0</v>
      </c>
      <c r="AR31" s="61">
        <v>0</v>
      </c>
      <c r="AS31" s="62">
        <v>2</v>
      </c>
      <c r="AT31" s="63">
        <v>2</v>
      </c>
      <c r="AU31" s="60">
        <v>0</v>
      </c>
      <c r="AV31" s="61">
        <v>0</v>
      </c>
      <c r="AW31" s="62">
        <v>0</v>
      </c>
      <c r="AX31" s="228"/>
      <c r="AY31" s="61">
        <v>3</v>
      </c>
      <c r="AZ31" s="61">
        <v>1</v>
      </c>
      <c r="BA31" s="61">
        <v>0</v>
      </c>
      <c r="BB31" s="61">
        <v>1</v>
      </c>
      <c r="BC31" s="61">
        <v>0</v>
      </c>
      <c r="BD31" s="62">
        <v>5</v>
      </c>
      <c r="BE31" s="63">
        <v>5</v>
      </c>
      <c r="BF31" s="60">
        <v>0</v>
      </c>
      <c r="BG31" s="61">
        <v>0</v>
      </c>
      <c r="BH31" s="62">
        <v>0</v>
      </c>
      <c r="BI31" s="228"/>
      <c r="BJ31" s="61">
        <v>0</v>
      </c>
      <c r="BK31" s="61">
        <v>1</v>
      </c>
      <c r="BL31" s="61">
        <v>1</v>
      </c>
      <c r="BM31" s="61">
        <v>0</v>
      </c>
      <c r="BN31" s="61">
        <v>0</v>
      </c>
      <c r="BO31" s="62">
        <v>2</v>
      </c>
      <c r="BP31" s="63">
        <v>2</v>
      </c>
      <c r="BQ31" s="60">
        <v>0</v>
      </c>
      <c r="BR31" s="61">
        <v>0</v>
      </c>
      <c r="BS31" s="62">
        <v>0</v>
      </c>
      <c r="BT31" s="228"/>
      <c r="BU31" s="61">
        <v>0</v>
      </c>
      <c r="BV31" s="61">
        <v>0</v>
      </c>
      <c r="BW31" s="61">
        <v>2</v>
      </c>
      <c r="BX31" s="61">
        <v>1</v>
      </c>
      <c r="BY31" s="61">
        <v>0</v>
      </c>
      <c r="BZ31" s="62">
        <v>3</v>
      </c>
      <c r="CA31" s="63">
        <v>3</v>
      </c>
      <c r="CB31" s="60">
        <v>0</v>
      </c>
      <c r="CC31" s="61">
        <v>0</v>
      </c>
      <c r="CD31" s="62">
        <v>0</v>
      </c>
      <c r="CE31" s="228"/>
      <c r="CF31" s="61">
        <v>0</v>
      </c>
      <c r="CG31" s="61">
        <v>0</v>
      </c>
      <c r="CH31" s="61">
        <v>0</v>
      </c>
      <c r="CI31" s="61">
        <v>0</v>
      </c>
      <c r="CJ31" s="61">
        <v>0</v>
      </c>
      <c r="CK31" s="62">
        <v>0</v>
      </c>
      <c r="CL31" s="63">
        <v>0</v>
      </c>
      <c r="CM31" s="60">
        <v>0</v>
      </c>
      <c r="CN31" s="61">
        <v>2</v>
      </c>
      <c r="CO31" s="62">
        <v>2</v>
      </c>
      <c r="CP31" s="228"/>
      <c r="CQ31" s="61">
        <v>6</v>
      </c>
      <c r="CR31" s="61">
        <v>2</v>
      </c>
      <c r="CS31" s="61">
        <v>5</v>
      </c>
      <c r="CT31" s="61">
        <v>2</v>
      </c>
      <c r="CU31" s="61">
        <v>0</v>
      </c>
      <c r="CV31" s="62">
        <v>15</v>
      </c>
      <c r="CW31" s="63">
        <v>17</v>
      </c>
      <c r="CX31" s="113">
        <v>0</v>
      </c>
      <c r="CY31" s="72">
        <v>1</v>
      </c>
      <c r="CZ31" s="73">
        <v>1</v>
      </c>
      <c r="DA31" s="228"/>
      <c r="DB31" s="72">
        <v>1</v>
      </c>
      <c r="DC31" s="72">
        <v>2</v>
      </c>
      <c r="DD31" s="72">
        <v>1</v>
      </c>
      <c r="DE31" s="72">
        <v>2</v>
      </c>
      <c r="DF31" s="72">
        <v>0</v>
      </c>
      <c r="DG31" s="74">
        <v>6</v>
      </c>
      <c r="DH31" s="75">
        <v>7</v>
      </c>
      <c r="DI31" s="60">
        <v>0</v>
      </c>
      <c r="DJ31" s="61">
        <v>0</v>
      </c>
      <c r="DK31" s="62">
        <v>0</v>
      </c>
      <c r="DL31" s="228"/>
      <c r="DM31" s="61">
        <v>0</v>
      </c>
      <c r="DN31" s="61">
        <v>0</v>
      </c>
      <c r="DO31" s="61">
        <v>0</v>
      </c>
      <c r="DP31" s="61">
        <v>0</v>
      </c>
      <c r="DQ31" s="61">
        <v>0</v>
      </c>
      <c r="DR31" s="62">
        <v>0</v>
      </c>
      <c r="DS31" s="63">
        <v>0</v>
      </c>
      <c r="DT31" s="60">
        <v>0</v>
      </c>
      <c r="DU31" s="61">
        <v>1</v>
      </c>
      <c r="DV31" s="62">
        <v>1</v>
      </c>
      <c r="DW31" s="228"/>
      <c r="DX31" s="61">
        <v>0</v>
      </c>
      <c r="DY31" s="61">
        <v>0</v>
      </c>
      <c r="DZ31" s="61">
        <v>1</v>
      </c>
      <c r="EA31" s="61">
        <v>0</v>
      </c>
      <c r="EB31" s="61">
        <v>0</v>
      </c>
      <c r="EC31" s="62">
        <v>1</v>
      </c>
      <c r="ED31" s="63">
        <v>2</v>
      </c>
      <c r="EE31" s="60">
        <v>0</v>
      </c>
      <c r="EF31" s="61">
        <v>0</v>
      </c>
      <c r="EG31" s="62">
        <v>0</v>
      </c>
      <c r="EH31" s="228"/>
      <c r="EI31" s="61">
        <v>0</v>
      </c>
      <c r="EJ31" s="61">
        <v>0</v>
      </c>
      <c r="EK31" s="61">
        <v>0</v>
      </c>
      <c r="EL31" s="61">
        <v>0</v>
      </c>
      <c r="EM31" s="61">
        <v>0</v>
      </c>
      <c r="EN31" s="62">
        <v>0</v>
      </c>
      <c r="EO31" s="63">
        <v>0</v>
      </c>
      <c r="EP31" s="60">
        <v>0</v>
      </c>
      <c r="EQ31" s="61">
        <v>0</v>
      </c>
      <c r="ER31" s="62">
        <v>0</v>
      </c>
      <c r="ES31" s="228"/>
      <c r="ET31" s="61">
        <v>0</v>
      </c>
      <c r="EU31" s="61">
        <v>1</v>
      </c>
      <c r="EV31" s="61">
        <v>0</v>
      </c>
      <c r="EW31" s="61">
        <v>0</v>
      </c>
      <c r="EX31" s="61">
        <v>0</v>
      </c>
      <c r="EY31" s="62">
        <v>1</v>
      </c>
      <c r="EZ31" s="63">
        <v>1</v>
      </c>
      <c r="FA31" s="60">
        <v>0</v>
      </c>
      <c r="FB31" s="61">
        <v>0</v>
      </c>
      <c r="FC31" s="62">
        <v>0</v>
      </c>
      <c r="FD31" s="228"/>
      <c r="FE31" s="61">
        <v>1</v>
      </c>
      <c r="FF31" s="61">
        <v>0</v>
      </c>
      <c r="FG31" s="61">
        <v>0</v>
      </c>
      <c r="FH31" s="61">
        <v>2</v>
      </c>
      <c r="FI31" s="61">
        <v>0</v>
      </c>
      <c r="FJ31" s="62">
        <v>3</v>
      </c>
      <c r="FK31" s="63">
        <v>3</v>
      </c>
      <c r="FL31" s="60">
        <v>0</v>
      </c>
      <c r="FM31" s="61">
        <v>0</v>
      </c>
      <c r="FN31" s="62">
        <v>0</v>
      </c>
      <c r="FO31" s="228"/>
      <c r="FP31" s="61">
        <v>0</v>
      </c>
      <c r="FQ31" s="61">
        <v>1</v>
      </c>
      <c r="FR31" s="61">
        <v>0</v>
      </c>
      <c r="FS31" s="61">
        <v>0</v>
      </c>
      <c r="FT31" s="61">
        <v>0</v>
      </c>
      <c r="FU31" s="62">
        <v>1</v>
      </c>
      <c r="FV31" s="63">
        <v>1</v>
      </c>
      <c r="FW31" s="60">
        <v>0</v>
      </c>
      <c r="FX31" s="61">
        <v>0</v>
      </c>
      <c r="FY31" s="62">
        <v>0</v>
      </c>
      <c r="FZ31" s="228"/>
      <c r="GA31" s="61">
        <v>0</v>
      </c>
      <c r="GB31" s="61">
        <v>0</v>
      </c>
      <c r="GC31" s="61">
        <v>0</v>
      </c>
      <c r="GD31" s="61">
        <v>0</v>
      </c>
      <c r="GE31" s="61">
        <v>0</v>
      </c>
      <c r="GF31" s="62">
        <v>0</v>
      </c>
      <c r="GG31" s="63">
        <v>0</v>
      </c>
      <c r="GH31" s="60">
        <v>0</v>
      </c>
      <c r="GI31" s="61">
        <v>1</v>
      </c>
      <c r="GJ31" s="62">
        <v>1</v>
      </c>
      <c r="GK31" s="228"/>
      <c r="GL31" s="61">
        <v>1</v>
      </c>
      <c r="GM31" s="61">
        <v>2</v>
      </c>
      <c r="GN31" s="61">
        <v>1</v>
      </c>
      <c r="GO31" s="61">
        <v>2</v>
      </c>
      <c r="GP31" s="61">
        <v>0</v>
      </c>
      <c r="GQ31" s="62">
        <v>6</v>
      </c>
      <c r="GR31" s="63">
        <v>7</v>
      </c>
      <c r="GS31" s="113">
        <v>0</v>
      </c>
      <c r="GT31" s="72">
        <v>3</v>
      </c>
      <c r="GU31" s="73">
        <v>3</v>
      </c>
      <c r="GV31" s="228"/>
      <c r="GW31" s="72">
        <v>7</v>
      </c>
      <c r="GX31" s="72">
        <v>4</v>
      </c>
      <c r="GY31" s="72">
        <v>6</v>
      </c>
      <c r="GZ31" s="72">
        <v>4</v>
      </c>
      <c r="HA31" s="72">
        <v>0</v>
      </c>
      <c r="HB31" s="74">
        <v>21</v>
      </c>
      <c r="HC31" s="75">
        <v>24</v>
      </c>
      <c r="HD31" s="60">
        <v>0</v>
      </c>
      <c r="HE31" s="61">
        <v>1</v>
      </c>
      <c r="HF31" s="62">
        <v>1</v>
      </c>
      <c r="HG31" s="228"/>
      <c r="HH31" s="61">
        <v>0</v>
      </c>
      <c r="HI31" s="61">
        <v>0</v>
      </c>
      <c r="HJ31" s="61">
        <v>1</v>
      </c>
      <c r="HK31" s="61">
        <v>0</v>
      </c>
      <c r="HL31" s="61">
        <v>0</v>
      </c>
      <c r="HM31" s="62">
        <v>1</v>
      </c>
      <c r="HN31" s="63">
        <v>2</v>
      </c>
      <c r="HO31" s="60">
        <v>0</v>
      </c>
      <c r="HP31" s="61">
        <v>2</v>
      </c>
      <c r="HQ31" s="62">
        <v>2</v>
      </c>
      <c r="HR31" s="228"/>
      <c r="HS31" s="61">
        <v>2</v>
      </c>
      <c r="HT31" s="61">
        <v>0</v>
      </c>
      <c r="HU31" s="61">
        <v>1</v>
      </c>
      <c r="HV31" s="61">
        <v>0</v>
      </c>
      <c r="HW31" s="61">
        <v>0</v>
      </c>
      <c r="HX31" s="62">
        <v>3</v>
      </c>
      <c r="HY31" s="63">
        <v>5</v>
      </c>
      <c r="HZ31" s="60">
        <v>0</v>
      </c>
      <c r="IA31" s="61">
        <v>0</v>
      </c>
      <c r="IB31" s="62">
        <v>0</v>
      </c>
      <c r="IC31" s="228"/>
      <c r="ID31" s="61">
        <v>1</v>
      </c>
      <c r="IE31" s="61">
        <v>0</v>
      </c>
      <c r="IF31" s="61">
        <v>1</v>
      </c>
      <c r="IG31" s="61">
        <v>0</v>
      </c>
      <c r="IH31" s="61">
        <v>0</v>
      </c>
      <c r="II31" s="62">
        <v>2</v>
      </c>
      <c r="IJ31" s="63">
        <v>2</v>
      </c>
      <c r="IK31" s="60">
        <v>0</v>
      </c>
      <c r="IL31" s="61">
        <v>0</v>
      </c>
      <c r="IM31" s="62">
        <v>0</v>
      </c>
      <c r="IN31" s="228"/>
      <c r="IO31" s="61">
        <v>3</v>
      </c>
      <c r="IP31" s="61">
        <v>2</v>
      </c>
      <c r="IQ31" s="61">
        <v>0</v>
      </c>
      <c r="IR31" s="61">
        <v>1</v>
      </c>
      <c r="IS31" s="61">
        <v>0</v>
      </c>
      <c r="IT31" s="62">
        <v>6</v>
      </c>
      <c r="IU31" s="63">
        <v>6</v>
      </c>
      <c r="IV31" s="60">
        <v>0</v>
      </c>
      <c r="IW31" s="61">
        <v>0</v>
      </c>
      <c r="IX31" s="62">
        <v>0</v>
      </c>
      <c r="IY31" s="228"/>
      <c r="IZ31" s="61">
        <v>1</v>
      </c>
      <c r="JA31" s="61">
        <v>1</v>
      </c>
      <c r="JB31" s="61">
        <v>1</v>
      </c>
      <c r="JC31" s="61">
        <v>2</v>
      </c>
      <c r="JD31" s="61">
        <v>0</v>
      </c>
      <c r="JE31" s="62">
        <v>5</v>
      </c>
      <c r="JF31" s="63">
        <v>5</v>
      </c>
      <c r="JG31" s="60">
        <v>0</v>
      </c>
      <c r="JH31" s="61">
        <v>0</v>
      </c>
      <c r="JI31" s="62">
        <v>0</v>
      </c>
      <c r="JJ31" s="228"/>
      <c r="JK31" s="61">
        <v>0</v>
      </c>
      <c r="JL31" s="61">
        <v>1</v>
      </c>
      <c r="JM31" s="61">
        <v>2</v>
      </c>
      <c r="JN31" s="61">
        <v>1</v>
      </c>
      <c r="JO31" s="61">
        <v>0</v>
      </c>
      <c r="JP31" s="62">
        <v>4</v>
      </c>
      <c r="JQ31" s="63">
        <v>4</v>
      </c>
      <c r="JR31" s="60">
        <v>0</v>
      </c>
      <c r="JS31" s="61">
        <v>0</v>
      </c>
      <c r="JT31" s="62">
        <v>0</v>
      </c>
      <c r="JU31" s="228"/>
      <c r="JV31" s="61">
        <v>0</v>
      </c>
      <c r="JW31" s="61">
        <v>0</v>
      </c>
      <c r="JX31" s="61">
        <v>0</v>
      </c>
      <c r="JY31" s="61">
        <v>0</v>
      </c>
      <c r="JZ31" s="61">
        <v>0</v>
      </c>
      <c r="KA31" s="62">
        <v>0</v>
      </c>
      <c r="KB31" s="63">
        <v>0</v>
      </c>
      <c r="KC31" s="60">
        <v>0</v>
      </c>
      <c r="KD31" s="61">
        <v>3</v>
      </c>
      <c r="KE31" s="62">
        <v>3</v>
      </c>
      <c r="KF31" s="228"/>
      <c r="KG31" s="61">
        <v>7</v>
      </c>
      <c r="KH31" s="61">
        <v>4</v>
      </c>
      <c r="KI31" s="61">
        <v>6</v>
      </c>
      <c r="KJ31" s="61">
        <v>4</v>
      </c>
      <c r="KK31" s="61">
        <v>0</v>
      </c>
      <c r="KL31" s="62">
        <v>21</v>
      </c>
      <c r="KM31" s="63">
        <v>24</v>
      </c>
    </row>
    <row r="32" spans="2:299" ht="21" customHeight="1" x14ac:dyDescent="0.2">
      <c r="B32" s="472" t="s">
        <v>29</v>
      </c>
      <c r="C32" s="293">
        <v>1</v>
      </c>
      <c r="D32" s="72">
        <v>5</v>
      </c>
      <c r="E32" s="73">
        <v>6</v>
      </c>
      <c r="F32" s="228"/>
      <c r="G32" s="72">
        <v>4</v>
      </c>
      <c r="H32" s="72">
        <v>5</v>
      </c>
      <c r="I32" s="72">
        <v>4</v>
      </c>
      <c r="J32" s="72">
        <v>4</v>
      </c>
      <c r="K32" s="72">
        <v>2</v>
      </c>
      <c r="L32" s="74">
        <v>19</v>
      </c>
      <c r="M32" s="75">
        <v>25</v>
      </c>
      <c r="N32" s="60">
        <v>0</v>
      </c>
      <c r="O32" s="61">
        <v>0</v>
      </c>
      <c r="P32" s="62">
        <v>0</v>
      </c>
      <c r="Q32" s="228"/>
      <c r="R32" s="61">
        <v>0</v>
      </c>
      <c r="S32" s="61">
        <v>0</v>
      </c>
      <c r="T32" s="61">
        <v>1</v>
      </c>
      <c r="U32" s="61">
        <v>0</v>
      </c>
      <c r="V32" s="61">
        <v>0</v>
      </c>
      <c r="W32" s="62">
        <v>1</v>
      </c>
      <c r="X32" s="63">
        <v>1</v>
      </c>
      <c r="Y32" s="60">
        <v>0</v>
      </c>
      <c r="Z32" s="61">
        <v>0</v>
      </c>
      <c r="AA32" s="62">
        <v>0</v>
      </c>
      <c r="AB32" s="228"/>
      <c r="AC32" s="61">
        <v>0</v>
      </c>
      <c r="AD32" s="61">
        <v>0</v>
      </c>
      <c r="AE32" s="61">
        <v>0</v>
      </c>
      <c r="AF32" s="61">
        <v>0</v>
      </c>
      <c r="AG32" s="61">
        <v>0</v>
      </c>
      <c r="AH32" s="62">
        <v>0</v>
      </c>
      <c r="AI32" s="63">
        <v>0</v>
      </c>
      <c r="AJ32" s="60">
        <v>0</v>
      </c>
      <c r="AK32" s="61">
        <v>1</v>
      </c>
      <c r="AL32" s="62">
        <v>1</v>
      </c>
      <c r="AM32" s="228"/>
      <c r="AN32" s="61">
        <v>1</v>
      </c>
      <c r="AO32" s="61">
        <v>0</v>
      </c>
      <c r="AP32" s="61">
        <v>0</v>
      </c>
      <c r="AQ32" s="61">
        <v>1</v>
      </c>
      <c r="AR32" s="61">
        <v>0</v>
      </c>
      <c r="AS32" s="62">
        <v>2</v>
      </c>
      <c r="AT32" s="63">
        <v>3</v>
      </c>
      <c r="AU32" s="60">
        <v>0</v>
      </c>
      <c r="AV32" s="61">
        <v>1</v>
      </c>
      <c r="AW32" s="62">
        <v>1</v>
      </c>
      <c r="AX32" s="228"/>
      <c r="AY32" s="61">
        <v>2</v>
      </c>
      <c r="AZ32" s="61">
        <v>0</v>
      </c>
      <c r="BA32" s="61">
        <v>2</v>
      </c>
      <c r="BB32" s="61">
        <v>2</v>
      </c>
      <c r="BC32" s="61">
        <v>0</v>
      </c>
      <c r="BD32" s="62">
        <v>6</v>
      </c>
      <c r="BE32" s="63">
        <v>7</v>
      </c>
      <c r="BF32" s="60">
        <v>0</v>
      </c>
      <c r="BG32" s="61">
        <v>2</v>
      </c>
      <c r="BH32" s="62">
        <v>2</v>
      </c>
      <c r="BI32" s="228"/>
      <c r="BJ32" s="61">
        <v>1</v>
      </c>
      <c r="BK32" s="61">
        <v>1</v>
      </c>
      <c r="BL32" s="61">
        <v>0</v>
      </c>
      <c r="BM32" s="61">
        <v>0</v>
      </c>
      <c r="BN32" s="61">
        <v>0</v>
      </c>
      <c r="BO32" s="62">
        <v>2</v>
      </c>
      <c r="BP32" s="63">
        <v>4</v>
      </c>
      <c r="BQ32" s="60">
        <v>1</v>
      </c>
      <c r="BR32" s="61">
        <v>1</v>
      </c>
      <c r="BS32" s="62">
        <v>2</v>
      </c>
      <c r="BT32" s="228"/>
      <c r="BU32" s="61">
        <v>0</v>
      </c>
      <c r="BV32" s="61">
        <v>4</v>
      </c>
      <c r="BW32" s="61">
        <v>1</v>
      </c>
      <c r="BX32" s="61">
        <v>1</v>
      </c>
      <c r="BY32" s="61">
        <v>2</v>
      </c>
      <c r="BZ32" s="62">
        <v>8</v>
      </c>
      <c r="CA32" s="63">
        <v>10</v>
      </c>
      <c r="CB32" s="60">
        <v>0</v>
      </c>
      <c r="CC32" s="61">
        <v>0</v>
      </c>
      <c r="CD32" s="62">
        <v>0</v>
      </c>
      <c r="CE32" s="228"/>
      <c r="CF32" s="61">
        <v>0</v>
      </c>
      <c r="CG32" s="61">
        <v>0</v>
      </c>
      <c r="CH32" s="61">
        <v>0</v>
      </c>
      <c r="CI32" s="61">
        <v>0</v>
      </c>
      <c r="CJ32" s="61">
        <v>0</v>
      </c>
      <c r="CK32" s="62">
        <v>0</v>
      </c>
      <c r="CL32" s="63">
        <v>0</v>
      </c>
      <c r="CM32" s="60">
        <v>1</v>
      </c>
      <c r="CN32" s="61">
        <v>5</v>
      </c>
      <c r="CO32" s="62">
        <v>6</v>
      </c>
      <c r="CP32" s="228"/>
      <c r="CQ32" s="61">
        <v>4</v>
      </c>
      <c r="CR32" s="61">
        <v>5</v>
      </c>
      <c r="CS32" s="61">
        <v>4</v>
      </c>
      <c r="CT32" s="61">
        <v>4</v>
      </c>
      <c r="CU32" s="61">
        <v>2</v>
      </c>
      <c r="CV32" s="62">
        <v>19</v>
      </c>
      <c r="CW32" s="63">
        <v>25</v>
      </c>
      <c r="CX32" s="113">
        <v>1</v>
      </c>
      <c r="CY32" s="72">
        <v>2</v>
      </c>
      <c r="CZ32" s="73">
        <v>3</v>
      </c>
      <c r="DA32" s="228"/>
      <c r="DB32" s="72">
        <v>6</v>
      </c>
      <c r="DC32" s="72">
        <v>2</v>
      </c>
      <c r="DD32" s="72">
        <v>0</v>
      </c>
      <c r="DE32" s="72">
        <v>2</v>
      </c>
      <c r="DF32" s="72">
        <v>0</v>
      </c>
      <c r="DG32" s="74">
        <v>10</v>
      </c>
      <c r="DH32" s="75">
        <v>13</v>
      </c>
      <c r="DI32" s="60">
        <v>0</v>
      </c>
      <c r="DJ32" s="61">
        <v>0</v>
      </c>
      <c r="DK32" s="62">
        <v>0</v>
      </c>
      <c r="DL32" s="228"/>
      <c r="DM32" s="61">
        <v>0</v>
      </c>
      <c r="DN32" s="61">
        <v>0</v>
      </c>
      <c r="DO32" s="61">
        <v>0</v>
      </c>
      <c r="DP32" s="61">
        <v>0</v>
      </c>
      <c r="DQ32" s="61">
        <v>0</v>
      </c>
      <c r="DR32" s="62">
        <v>0</v>
      </c>
      <c r="DS32" s="63">
        <v>0</v>
      </c>
      <c r="DT32" s="60">
        <v>0</v>
      </c>
      <c r="DU32" s="61">
        <v>1</v>
      </c>
      <c r="DV32" s="62">
        <v>1</v>
      </c>
      <c r="DW32" s="228"/>
      <c r="DX32" s="61">
        <v>0</v>
      </c>
      <c r="DY32" s="61">
        <v>1</v>
      </c>
      <c r="DZ32" s="61">
        <v>0</v>
      </c>
      <c r="EA32" s="61">
        <v>0</v>
      </c>
      <c r="EB32" s="61">
        <v>0</v>
      </c>
      <c r="EC32" s="62">
        <v>1</v>
      </c>
      <c r="ED32" s="63">
        <v>2</v>
      </c>
      <c r="EE32" s="60">
        <v>1</v>
      </c>
      <c r="EF32" s="61">
        <v>0</v>
      </c>
      <c r="EG32" s="62">
        <v>1</v>
      </c>
      <c r="EH32" s="228"/>
      <c r="EI32" s="61">
        <v>0</v>
      </c>
      <c r="EJ32" s="61">
        <v>0</v>
      </c>
      <c r="EK32" s="61">
        <v>0</v>
      </c>
      <c r="EL32" s="61">
        <v>0</v>
      </c>
      <c r="EM32" s="61">
        <v>0</v>
      </c>
      <c r="EN32" s="62">
        <v>0</v>
      </c>
      <c r="EO32" s="63">
        <v>1</v>
      </c>
      <c r="EP32" s="60">
        <v>0</v>
      </c>
      <c r="EQ32" s="61">
        <v>1</v>
      </c>
      <c r="ER32" s="62">
        <v>1</v>
      </c>
      <c r="ES32" s="228"/>
      <c r="ET32" s="61">
        <v>3</v>
      </c>
      <c r="EU32" s="61">
        <v>0</v>
      </c>
      <c r="EV32" s="61">
        <v>0</v>
      </c>
      <c r="EW32" s="61">
        <v>1</v>
      </c>
      <c r="EX32" s="61">
        <v>0</v>
      </c>
      <c r="EY32" s="62">
        <v>4</v>
      </c>
      <c r="EZ32" s="63">
        <v>5</v>
      </c>
      <c r="FA32" s="60">
        <v>0</v>
      </c>
      <c r="FB32" s="61">
        <v>0</v>
      </c>
      <c r="FC32" s="62">
        <v>0</v>
      </c>
      <c r="FD32" s="228"/>
      <c r="FE32" s="61">
        <v>1</v>
      </c>
      <c r="FF32" s="61">
        <v>0</v>
      </c>
      <c r="FG32" s="61">
        <v>0</v>
      </c>
      <c r="FH32" s="61">
        <v>0</v>
      </c>
      <c r="FI32" s="61">
        <v>0</v>
      </c>
      <c r="FJ32" s="62">
        <v>1</v>
      </c>
      <c r="FK32" s="63">
        <v>1</v>
      </c>
      <c r="FL32" s="60">
        <v>0</v>
      </c>
      <c r="FM32" s="61">
        <v>0</v>
      </c>
      <c r="FN32" s="62">
        <v>0</v>
      </c>
      <c r="FO32" s="228"/>
      <c r="FP32" s="61">
        <v>2</v>
      </c>
      <c r="FQ32" s="61">
        <v>1</v>
      </c>
      <c r="FR32" s="61">
        <v>0</v>
      </c>
      <c r="FS32" s="61">
        <v>1</v>
      </c>
      <c r="FT32" s="61">
        <v>0</v>
      </c>
      <c r="FU32" s="62">
        <v>4</v>
      </c>
      <c r="FV32" s="63">
        <v>4</v>
      </c>
      <c r="FW32" s="60">
        <v>0</v>
      </c>
      <c r="FX32" s="61">
        <v>0</v>
      </c>
      <c r="FY32" s="62">
        <v>0</v>
      </c>
      <c r="FZ32" s="228"/>
      <c r="GA32" s="61">
        <v>0</v>
      </c>
      <c r="GB32" s="61">
        <v>0</v>
      </c>
      <c r="GC32" s="61">
        <v>0</v>
      </c>
      <c r="GD32" s="61">
        <v>0</v>
      </c>
      <c r="GE32" s="61">
        <v>0</v>
      </c>
      <c r="GF32" s="62">
        <v>0</v>
      </c>
      <c r="GG32" s="63">
        <v>0</v>
      </c>
      <c r="GH32" s="60">
        <v>1</v>
      </c>
      <c r="GI32" s="61">
        <v>2</v>
      </c>
      <c r="GJ32" s="62">
        <v>3</v>
      </c>
      <c r="GK32" s="228"/>
      <c r="GL32" s="61">
        <v>6</v>
      </c>
      <c r="GM32" s="61">
        <v>2</v>
      </c>
      <c r="GN32" s="61">
        <v>0</v>
      </c>
      <c r="GO32" s="61">
        <v>2</v>
      </c>
      <c r="GP32" s="61">
        <v>0</v>
      </c>
      <c r="GQ32" s="62">
        <v>10</v>
      </c>
      <c r="GR32" s="63">
        <v>13</v>
      </c>
      <c r="GS32" s="113">
        <v>2</v>
      </c>
      <c r="GT32" s="72">
        <v>7</v>
      </c>
      <c r="GU32" s="73">
        <v>9</v>
      </c>
      <c r="GV32" s="228"/>
      <c r="GW32" s="72">
        <v>10</v>
      </c>
      <c r="GX32" s="72">
        <v>7</v>
      </c>
      <c r="GY32" s="72">
        <v>4</v>
      </c>
      <c r="GZ32" s="72">
        <v>6</v>
      </c>
      <c r="HA32" s="72">
        <v>2</v>
      </c>
      <c r="HB32" s="74">
        <v>29</v>
      </c>
      <c r="HC32" s="75">
        <v>38</v>
      </c>
      <c r="HD32" s="60">
        <v>0</v>
      </c>
      <c r="HE32" s="61">
        <v>0</v>
      </c>
      <c r="HF32" s="62">
        <v>0</v>
      </c>
      <c r="HG32" s="228"/>
      <c r="HH32" s="61">
        <v>0</v>
      </c>
      <c r="HI32" s="61">
        <v>0</v>
      </c>
      <c r="HJ32" s="61">
        <v>1</v>
      </c>
      <c r="HK32" s="61">
        <v>0</v>
      </c>
      <c r="HL32" s="61">
        <v>0</v>
      </c>
      <c r="HM32" s="62">
        <v>1</v>
      </c>
      <c r="HN32" s="63">
        <v>1</v>
      </c>
      <c r="HO32" s="60">
        <v>0</v>
      </c>
      <c r="HP32" s="61">
        <v>1</v>
      </c>
      <c r="HQ32" s="62">
        <v>1</v>
      </c>
      <c r="HR32" s="228"/>
      <c r="HS32" s="61">
        <v>0</v>
      </c>
      <c r="HT32" s="61">
        <v>1</v>
      </c>
      <c r="HU32" s="61">
        <v>0</v>
      </c>
      <c r="HV32" s="61">
        <v>0</v>
      </c>
      <c r="HW32" s="61">
        <v>0</v>
      </c>
      <c r="HX32" s="62">
        <v>1</v>
      </c>
      <c r="HY32" s="63">
        <v>2</v>
      </c>
      <c r="HZ32" s="60">
        <v>1</v>
      </c>
      <c r="IA32" s="61">
        <v>1</v>
      </c>
      <c r="IB32" s="62">
        <v>2</v>
      </c>
      <c r="IC32" s="228"/>
      <c r="ID32" s="61">
        <v>1</v>
      </c>
      <c r="IE32" s="61">
        <v>0</v>
      </c>
      <c r="IF32" s="61">
        <v>0</v>
      </c>
      <c r="IG32" s="61">
        <v>1</v>
      </c>
      <c r="IH32" s="61">
        <v>0</v>
      </c>
      <c r="II32" s="62">
        <v>2</v>
      </c>
      <c r="IJ32" s="63">
        <v>4</v>
      </c>
      <c r="IK32" s="60">
        <v>0</v>
      </c>
      <c r="IL32" s="61">
        <v>2</v>
      </c>
      <c r="IM32" s="62">
        <v>2</v>
      </c>
      <c r="IN32" s="228"/>
      <c r="IO32" s="61">
        <v>5</v>
      </c>
      <c r="IP32" s="61">
        <v>0</v>
      </c>
      <c r="IQ32" s="61">
        <v>2</v>
      </c>
      <c r="IR32" s="61">
        <v>3</v>
      </c>
      <c r="IS32" s="61">
        <v>0</v>
      </c>
      <c r="IT32" s="62">
        <v>10</v>
      </c>
      <c r="IU32" s="63">
        <v>12</v>
      </c>
      <c r="IV32" s="60">
        <v>0</v>
      </c>
      <c r="IW32" s="61">
        <v>2</v>
      </c>
      <c r="IX32" s="62">
        <v>2</v>
      </c>
      <c r="IY32" s="228"/>
      <c r="IZ32" s="61">
        <v>2</v>
      </c>
      <c r="JA32" s="61">
        <v>1</v>
      </c>
      <c r="JB32" s="61">
        <v>0</v>
      </c>
      <c r="JC32" s="61">
        <v>0</v>
      </c>
      <c r="JD32" s="61">
        <v>0</v>
      </c>
      <c r="JE32" s="62">
        <v>3</v>
      </c>
      <c r="JF32" s="63">
        <v>5</v>
      </c>
      <c r="JG32" s="60">
        <v>1</v>
      </c>
      <c r="JH32" s="61">
        <v>1</v>
      </c>
      <c r="JI32" s="62">
        <v>2</v>
      </c>
      <c r="JJ32" s="228"/>
      <c r="JK32" s="61">
        <v>2</v>
      </c>
      <c r="JL32" s="61">
        <v>5</v>
      </c>
      <c r="JM32" s="61">
        <v>1</v>
      </c>
      <c r="JN32" s="61">
        <v>2</v>
      </c>
      <c r="JO32" s="61">
        <v>2</v>
      </c>
      <c r="JP32" s="62">
        <v>12</v>
      </c>
      <c r="JQ32" s="63">
        <v>14</v>
      </c>
      <c r="JR32" s="60">
        <v>0</v>
      </c>
      <c r="JS32" s="61">
        <v>0</v>
      </c>
      <c r="JT32" s="62">
        <v>0</v>
      </c>
      <c r="JU32" s="228"/>
      <c r="JV32" s="61">
        <v>0</v>
      </c>
      <c r="JW32" s="61">
        <v>0</v>
      </c>
      <c r="JX32" s="61">
        <v>0</v>
      </c>
      <c r="JY32" s="61">
        <v>0</v>
      </c>
      <c r="JZ32" s="61">
        <v>0</v>
      </c>
      <c r="KA32" s="62">
        <v>0</v>
      </c>
      <c r="KB32" s="63">
        <v>0</v>
      </c>
      <c r="KC32" s="60">
        <v>2</v>
      </c>
      <c r="KD32" s="61">
        <v>7</v>
      </c>
      <c r="KE32" s="62">
        <v>9</v>
      </c>
      <c r="KF32" s="228"/>
      <c r="KG32" s="61">
        <v>10</v>
      </c>
      <c r="KH32" s="61">
        <v>7</v>
      </c>
      <c r="KI32" s="61">
        <v>4</v>
      </c>
      <c r="KJ32" s="61">
        <v>6</v>
      </c>
      <c r="KK32" s="61">
        <v>2</v>
      </c>
      <c r="KL32" s="62">
        <v>29</v>
      </c>
      <c r="KM32" s="63">
        <v>38</v>
      </c>
    </row>
    <row r="33" spans="2:299" ht="21" customHeight="1" x14ac:dyDescent="0.2">
      <c r="B33" s="472" t="s">
        <v>30</v>
      </c>
      <c r="C33" s="293">
        <v>1</v>
      </c>
      <c r="D33" s="72">
        <v>1</v>
      </c>
      <c r="E33" s="73">
        <v>2</v>
      </c>
      <c r="F33" s="228"/>
      <c r="G33" s="72">
        <v>6</v>
      </c>
      <c r="H33" s="72">
        <v>3</v>
      </c>
      <c r="I33" s="72">
        <v>4</v>
      </c>
      <c r="J33" s="72">
        <v>3</v>
      </c>
      <c r="K33" s="72">
        <v>1</v>
      </c>
      <c r="L33" s="74">
        <v>17</v>
      </c>
      <c r="M33" s="75">
        <v>19</v>
      </c>
      <c r="N33" s="60">
        <v>0</v>
      </c>
      <c r="O33" s="61">
        <v>0</v>
      </c>
      <c r="P33" s="62">
        <v>0</v>
      </c>
      <c r="Q33" s="228"/>
      <c r="R33" s="61">
        <v>0</v>
      </c>
      <c r="S33" s="61">
        <v>0</v>
      </c>
      <c r="T33" s="61">
        <v>0</v>
      </c>
      <c r="U33" s="61">
        <v>0</v>
      </c>
      <c r="V33" s="61">
        <v>0</v>
      </c>
      <c r="W33" s="62">
        <v>0</v>
      </c>
      <c r="X33" s="63">
        <v>0</v>
      </c>
      <c r="Y33" s="60">
        <v>0</v>
      </c>
      <c r="Z33" s="61">
        <v>0</v>
      </c>
      <c r="AA33" s="62">
        <v>0</v>
      </c>
      <c r="AB33" s="228"/>
      <c r="AC33" s="61">
        <v>0</v>
      </c>
      <c r="AD33" s="61">
        <v>0</v>
      </c>
      <c r="AE33" s="61">
        <v>1</v>
      </c>
      <c r="AF33" s="61">
        <v>0</v>
      </c>
      <c r="AG33" s="61">
        <v>0</v>
      </c>
      <c r="AH33" s="62">
        <v>1</v>
      </c>
      <c r="AI33" s="63">
        <v>1</v>
      </c>
      <c r="AJ33" s="60">
        <v>0</v>
      </c>
      <c r="AK33" s="61">
        <v>0</v>
      </c>
      <c r="AL33" s="62">
        <v>0</v>
      </c>
      <c r="AM33" s="228"/>
      <c r="AN33" s="61">
        <v>1</v>
      </c>
      <c r="AO33" s="61">
        <v>0</v>
      </c>
      <c r="AP33" s="61">
        <v>0</v>
      </c>
      <c r="AQ33" s="61">
        <v>0</v>
      </c>
      <c r="AR33" s="61">
        <v>0</v>
      </c>
      <c r="AS33" s="62">
        <v>1</v>
      </c>
      <c r="AT33" s="63">
        <v>1</v>
      </c>
      <c r="AU33" s="60">
        <v>0</v>
      </c>
      <c r="AV33" s="61">
        <v>0</v>
      </c>
      <c r="AW33" s="62">
        <v>0</v>
      </c>
      <c r="AX33" s="228"/>
      <c r="AY33" s="61">
        <v>2</v>
      </c>
      <c r="AZ33" s="61">
        <v>1</v>
      </c>
      <c r="BA33" s="61">
        <v>0</v>
      </c>
      <c r="BB33" s="61">
        <v>1</v>
      </c>
      <c r="BC33" s="61">
        <v>0</v>
      </c>
      <c r="BD33" s="62">
        <v>4</v>
      </c>
      <c r="BE33" s="63">
        <v>4</v>
      </c>
      <c r="BF33" s="60">
        <v>0</v>
      </c>
      <c r="BG33" s="61">
        <v>0</v>
      </c>
      <c r="BH33" s="62">
        <v>0</v>
      </c>
      <c r="BI33" s="228"/>
      <c r="BJ33" s="61">
        <v>1</v>
      </c>
      <c r="BK33" s="61">
        <v>0</v>
      </c>
      <c r="BL33" s="61">
        <v>3</v>
      </c>
      <c r="BM33" s="61">
        <v>1</v>
      </c>
      <c r="BN33" s="61">
        <v>1</v>
      </c>
      <c r="BO33" s="62">
        <v>6</v>
      </c>
      <c r="BP33" s="63">
        <v>6</v>
      </c>
      <c r="BQ33" s="60">
        <v>1</v>
      </c>
      <c r="BR33" s="61">
        <v>1</v>
      </c>
      <c r="BS33" s="62">
        <v>2</v>
      </c>
      <c r="BT33" s="228"/>
      <c r="BU33" s="61">
        <v>2</v>
      </c>
      <c r="BV33" s="61">
        <v>2</v>
      </c>
      <c r="BW33" s="61">
        <v>0</v>
      </c>
      <c r="BX33" s="61">
        <v>1</v>
      </c>
      <c r="BY33" s="61">
        <v>0</v>
      </c>
      <c r="BZ33" s="62">
        <v>5</v>
      </c>
      <c r="CA33" s="63">
        <v>7</v>
      </c>
      <c r="CB33" s="60">
        <v>0</v>
      </c>
      <c r="CC33" s="61">
        <v>0</v>
      </c>
      <c r="CD33" s="62">
        <v>0</v>
      </c>
      <c r="CE33" s="228"/>
      <c r="CF33" s="61">
        <v>0</v>
      </c>
      <c r="CG33" s="61">
        <v>0</v>
      </c>
      <c r="CH33" s="61">
        <v>0</v>
      </c>
      <c r="CI33" s="61">
        <v>0</v>
      </c>
      <c r="CJ33" s="61">
        <v>0</v>
      </c>
      <c r="CK33" s="62">
        <v>0</v>
      </c>
      <c r="CL33" s="63">
        <v>0</v>
      </c>
      <c r="CM33" s="60">
        <v>1</v>
      </c>
      <c r="CN33" s="61">
        <v>1</v>
      </c>
      <c r="CO33" s="62">
        <v>2</v>
      </c>
      <c r="CP33" s="228"/>
      <c r="CQ33" s="61">
        <v>6</v>
      </c>
      <c r="CR33" s="61">
        <v>3</v>
      </c>
      <c r="CS33" s="61">
        <v>4</v>
      </c>
      <c r="CT33" s="61">
        <v>3</v>
      </c>
      <c r="CU33" s="61">
        <v>1</v>
      </c>
      <c r="CV33" s="62">
        <v>17</v>
      </c>
      <c r="CW33" s="63">
        <v>19</v>
      </c>
      <c r="CX33" s="113">
        <v>0</v>
      </c>
      <c r="CY33" s="72">
        <v>2</v>
      </c>
      <c r="CZ33" s="73">
        <v>2</v>
      </c>
      <c r="DA33" s="228"/>
      <c r="DB33" s="72">
        <v>2</v>
      </c>
      <c r="DC33" s="72">
        <v>1</v>
      </c>
      <c r="DD33" s="72">
        <v>2</v>
      </c>
      <c r="DE33" s="72">
        <v>0</v>
      </c>
      <c r="DF33" s="72">
        <v>0</v>
      </c>
      <c r="DG33" s="74">
        <v>5</v>
      </c>
      <c r="DH33" s="75">
        <v>7</v>
      </c>
      <c r="DI33" s="60">
        <v>0</v>
      </c>
      <c r="DJ33" s="61">
        <v>0</v>
      </c>
      <c r="DK33" s="62">
        <v>0</v>
      </c>
      <c r="DL33" s="228"/>
      <c r="DM33" s="61">
        <v>0</v>
      </c>
      <c r="DN33" s="61">
        <v>0</v>
      </c>
      <c r="DO33" s="61">
        <v>0</v>
      </c>
      <c r="DP33" s="61">
        <v>0</v>
      </c>
      <c r="DQ33" s="61">
        <v>0</v>
      </c>
      <c r="DR33" s="62">
        <v>0</v>
      </c>
      <c r="DS33" s="63">
        <v>0</v>
      </c>
      <c r="DT33" s="60">
        <v>0</v>
      </c>
      <c r="DU33" s="61">
        <v>0</v>
      </c>
      <c r="DV33" s="62">
        <v>0</v>
      </c>
      <c r="DW33" s="228"/>
      <c r="DX33" s="61">
        <v>0</v>
      </c>
      <c r="DY33" s="61">
        <v>0</v>
      </c>
      <c r="DZ33" s="61">
        <v>1</v>
      </c>
      <c r="EA33" s="61">
        <v>0</v>
      </c>
      <c r="EB33" s="61">
        <v>0</v>
      </c>
      <c r="EC33" s="62">
        <v>1</v>
      </c>
      <c r="ED33" s="63">
        <v>1</v>
      </c>
      <c r="EE33" s="60">
        <v>0</v>
      </c>
      <c r="EF33" s="61">
        <v>0</v>
      </c>
      <c r="EG33" s="62">
        <v>0</v>
      </c>
      <c r="EH33" s="228"/>
      <c r="EI33" s="61">
        <v>0</v>
      </c>
      <c r="EJ33" s="61">
        <v>0</v>
      </c>
      <c r="EK33" s="61">
        <v>0</v>
      </c>
      <c r="EL33" s="61">
        <v>0</v>
      </c>
      <c r="EM33" s="61">
        <v>0</v>
      </c>
      <c r="EN33" s="62">
        <v>0</v>
      </c>
      <c r="EO33" s="63">
        <v>0</v>
      </c>
      <c r="EP33" s="60">
        <v>0</v>
      </c>
      <c r="EQ33" s="61">
        <v>1</v>
      </c>
      <c r="ER33" s="62">
        <v>1</v>
      </c>
      <c r="ES33" s="228"/>
      <c r="ET33" s="61">
        <v>0</v>
      </c>
      <c r="EU33" s="61">
        <v>0</v>
      </c>
      <c r="EV33" s="61">
        <v>0</v>
      </c>
      <c r="EW33" s="61">
        <v>0</v>
      </c>
      <c r="EX33" s="61">
        <v>0</v>
      </c>
      <c r="EY33" s="62">
        <v>0</v>
      </c>
      <c r="EZ33" s="63">
        <v>1</v>
      </c>
      <c r="FA33" s="60">
        <v>0</v>
      </c>
      <c r="FB33" s="61">
        <v>0</v>
      </c>
      <c r="FC33" s="62">
        <v>0</v>
      </c>
      <c r="FD33" s="228"/>
      <c r="FE33" s="61">
        <v>2</v>
      </c>
      <c r="FF33" s="61">
        <v>0</v>
      </c>
      <c r="FG33" s="61">
        <v>0</v>
      </c>
      <c r="FH33" s="61">
        <v>0</v>
      </c>
      <c r="FI33" s="61">
        <v>0</v>
      </c>
      <c r="FJ33" s="62">
        <v>2</v>
      </c>
      <c r="FK33" s="63">
        <v>2</v>
      </c>
      <c r="FL33" s="60">
        <v>0</v>
      </c>
      <c r="FM33" s="61">
        <v>1</v>
      </c>
      <c r="FN33" s="62">
        <v>1</v>
      </c>
      <c r="FO33" s="228"/>
      <c r="FP33" s="61">
        <v>0</v>
      </c>
      <c r="FQ33" s="61">
        <v>1</v>
      </c>
      <c r="FR33" s="61">
        <v>1</v>
      </c>
      <c r="FS33" s="61">
        <v>0</v>
      </c>
      <c r="FT33" s="61">
        <v>0</v>
      </c>
      <c r="FU33" s="62">
        <v>2</v>
      </c>
      <c r="FV33" s="63">
        <v>3</v>
      </c>
      <c r="FW33" s="60">
        <v>0</v>
      </c>
      <c r="FX33" s="61">
        <v>0</v>
      </c>
      <c r="FY33" s="62">
        <v>0</v>
      </c>
      <c r="FZ33" s="228"/>
      <c r="GA33" s="61">
        <v>0</v>
      </c>
      <c r="GB33" s="61">
        <v>0</v>
      </c>
      <c r="GC33" s="61">
        <v>0</v>
      </c>
      <c r="GD33" s="61">
        <v>0</v>
      </c>
      <c r="GE33" s="61">
        <v>0</v>
      </c>
      <c r="GF33" s="62">
        <v>0</v>
      </c>
      <c r="GG33" s="63">
        <v>0</v>
      </c>
      <c r="GH33" s="60">
        <v>0</v>
      </c>
      <c r="GI33" s="61">
        <v>2</v>
      </c>
      <c r="GJ33" s="62">
        <v>2</v>
      </c>
      <c r="GK33" s="228"/>
      <c r="GL33" s="61">
        <v>2</v>
      </c>
      <c r="GM33" s="61">
        <v>1</v>
      </c>
      <c r="GN33" s="61">
        <v>2</v>
      </c>
      <c r="GO33" s="61">
        <v>0</v>
      </c>
      <c r="GP33" s="61">
        <v>0</v>
      </c>
      <c r="GQ33" s="62">
        <v>5</v>
      </c>
      <c r="GR33" s="63">
        <v>7</v>
      </c>
      <c r="GS33" s="113">
        <v>1</v>
      </c>
      <c r="GT33" s="72">
        <v>3</v>
      </c>
      <c r="GU33" s="73">
        <v>4</v>
      </c>
      <c r="GV33" s="228"/>
      <c r="GW33" s="72">
        <v>8</v>
      </c>
      <c r="GX33" s="72">
        <v>4</v>
      </c>
      <c r="GY33" s="72">
        <v>6</v>
      </c>
      <c r="GZ33" s="72">
        <v>3</v>
      </c>
      <c r="HA33" s="72">
        <v>1</v>
      </c>
      <c r="HB33" s="74">
        <v>22</v>
      </c>
      <c r="HC33" s="75">
        <v>26</v>
      </c>
      <c r="HD33" s="60">
        <v>0</v>
      </c>
      <c r="HE33" s="61">
        <v>0</v>
      </c>
      <c r="HF33" s="62">
        <v>0</v>
      </c>
      <c r="HG33" s="228"/>
      <c r="HH33" s="61">
        <v>0</v>
      </c>
      <c r="HI33" s="61">
        <v>0</v>
      </c>
      <c r="HJ33" s="61">
        <v>0</v>
      </c>
      <c r="HK33" s="61">
        <v>0</v>
      </c>
      <c r="HL33" s="61">
        <v>0</v>
      </c>
      <c r="HM33" s="62">
        <v>0</v>
      </c>
      <c r="HN33" s="63">
        <v>0</v>
      </c>
      <c r="HO33" s="60">
        <v>0</v>
      </c>
      <c r="HP33" s="61">
        <v>0</v>
      </c>
      <c r="HQ33" s="62">
        <v>0</v>
      </c>
      <c r="HR33" s="228"/>
      <c r="HS33" s="61">
        <v>0</v>
      </c>
      <c r="HT33" s="61">
        <v>0</v>
      </c>
      <c r="HU33" s="61">
        <v>2</v>
      </c>
      <c r="HV33" s="61">
        <v>0</v>
      </c>
      <c r="HW33" s="61">
        <v>0</v>
      </c>
      <c r="HX33" s="62">
        <v>2</v>
      </c>
      <c r="HY33" s="63">
        <v>2</v>
      </c>
      <c r="HZ33" s="60">
        <v>0</v>
      </c>
      <c r="IA33" s="61">
        <v>0</v>
      </c>
      <c r="IB33" s="62">
        <v>0</v>
      </c>
      <c r="IC33" s="228"/>
      <c r="ID33" s="61">
        <v>1</v>
      </c>
      <c r="IE33" s="61">
        <v>0</v>
      </c>
      <c r="IF33" s="61">
        <v>0</v>
      </c>
      <c r="IG33" s="61">
        <v>0</v>
      </c>
      <c r="IH33" s="61">
        <v>0</v>
      </c>
      <c r="II33" s="62">
        <v>1</v>
      </c>
      <c r="IJ33" s="63">
        <v>1</v>
      </c>
      <c r="IK33" s="60">
        <v>0</v>
      </c>
      <c r="IL33" s="61">
        <v>1</v>
      </c>
      <c r="IM33" s="62">
        <v>1</v>
      </c>
      <c r="IN33" s="228"/>
      <c r="IO33" s="61">
        <v>2</v>
      </c>
      <c r="IP33" s="61">
        <v>1</v>
      </c>
      <c r="IQ33" s="61">
        <v>0</v>
      </c>
      <c r="IR33" s="61">
        <v>1</v>
      </c>
      <c r="IS33" s="61">
        <v>0</v>
      </c>
      <c r="IT33" s="62">
        <v>4</v>
      </c>
      <c r="IU33" s="63">
        <v>5</v>
      </c>
      <c r="IV33" s="60">
        <v>0</v>
      </c>
      <c r="IW33" s="61">
        <v>0</v>
      </c>
      <c r="IX33" s="62">
        <v>0</v>
      </c>
      <c r="IY33" s="228"/>
      <c r="IZ33" s="61">
        <v>3</v>
      </c>
      <c r="JA33" s="61">
        <v>0</v>
      </c>
      <c r="JB33" s="61">
        <v>3</v>
      </c>
      <c r="JC33" s="61">
        <v>1</v>
      </c>
      <c r="JD33" s="61">
        <v>1</v>
      </c>
      <c r="JE33" s="62">
        <v>8</v>
      </c>
      <c r="JF33" s="63">
        <v>8</v>
      </c>
      <c r="JG33" s="60">
        <v>1</v>
      </c>
      <c r="JH33" s="61">
        <v>2</v>
      </c>
      <c r="JI33" s="62">
        <v>3</v>
      </c>
      <c r="JJ33" s="228"/>
      <c r="JK33" s="61">
        <v>2</v>
      </c>
      <c r="JL33" s="61">
        <v>3</v>
      </c>
      <c r="JM33" s="61">
        <v>1</v>
      </c>
      <c r="JN33" s="61">
        <v>1</v>
      </c>
      <c r="JO33" s="61">
        <v>0</v>
      </c>
      <c r="JP33" s="62">
        <v>7</v>
      </c>
      <c r="JQ33" s="63">
        <v>10</v>
      </c>
      <c r="JR33" s="60">
        <v>0</v>
      </c>
      <c r="JS33" s="61">
        <v>0</v>
      </c>
      <c r="JT33" s="62">
        <v>0</v>
      </c>
      <c r="JU33" s="228"/>
      <c r="JV33" s="61">
        <v>0</v>
      </c>
      <c r="JW33" s="61">
        <v>0</v>
      </c>
      <c r="JX33" s="61">
        <v>0</v>
      </c>
      <c r="JY33" s="61">
        <v>0</v>
      </c>
      <c r="JZ33" s="61">
        <v>0</v>
      </c>
      <c r="KA33" s="62">
        <v>0</v>
      </c>
      <c r="KB33" s="63">
        <v>0</v>
      </c>
      <c r="KC33" s="60">
        <v>1</v>
      </c>
      <c r="KD33" s="61">
        <v>3</v>
      </c>
      <c r="KE33" s="62">
        <v>4</v>
      </c>
      <c r="KF33" s="228"/>
      <c r="KG33" s="61">
        <v>8</v>
      </c>
      <c r="KH33" s="61">
        <v>4</v>
      </c>
      <c r="KI33" s="61">
        <v>6</v>
      </c>
      <c r="KJ33" s="61">
        <v>3</v>
      </c>
      <c r="KK33" s="61">
        <v>1</v>
      </c>
      <c r="KL33" s="62">
        <v>22</v>
      </c>
      <c r="KM33" s="63">
        <v>26</v>
      </c>
    </row>
    <row r="34" spans="2:299" ht="21" customHeight="1" x14ac:dyDescent="0.2">
      <c r="B34" s="472" t="s">
        <v>31</v>
      </c>
      <c r="C34" s="293">
        <v>3</v>
      </c>
      <c r="D34" s="72">
        <v>4</v>
      </c>
      <c r="E34" s="73">
        <v>7</v>
      </c>
      <c r="F34" s="228"/>
      <c r="G34" s="72">
        <v>8</v>
      </c>
      <c r="H34" s="72">
        <v>6</v>
      </c>
      <c r="I34" s="72">
        <v>6</v>
      </c>
      <c r="J34" s="72">
        <v>2</v>
      </c>
      <c r="K34" s="72">
        <v>4</v>
      </c>
      <c r="L34" s="74">
        <v>26</v>
      </c>
      <c r="M34" s="75">
        <v>33</v>
      </c>
      <c r="N34" s="60">
        <v>0</v>
      </c>
      <c r="O34" s="61">
        <v>0</v>
      </c>
      <c r="P34" s="62">
        <v>0</v>
      </c>
      <c r="Q34" s="228"/>
      <c r="R34" s="61">
        <v>0</v>
      </c>
      <c r="S34" s="61">
        <v>1</v>
      </c>
      <c r="T34" s="61">
        <v>0</v>
      </c>
      <c r="U34" s="61">
        <v>0</v>
      </c>
      <c r="V34" s="61">
        <v>0</v>
      </c>
      <c r="W34" s="62">
        <v>1</v>
      </c>
      <c r="X34" s="63">
        <v>1</v>
      </c>
      <c r="Y34" s="60">
        <v>1</v>
      </c>
      <c r="Z34" s="61">
        <v>1</v>
      </c>
      <c r="AA34" s="62">
        <v>2</v>
      </c>
      <c r="AB34" s="228"/>
      <c r="AC34" s="61">
        <v>2</v>
      </c>
      <c r="AD34" s="61">
        <v>0</v>
      </c>
      <c r="AE34" s="61">
        <v>2</v>
      </c>
      <c r="AF34" s="61">
        <v>1</v>
      </c>
      <c r="AG34" s="61">
        <v>2</v>
      </c>
      <c r="AH34" s="62">
        <v>7</v>
      </c>
      <c r="AI34" s="63">
        <v>9</v>
      </c>
      <c r="AJ34" s="60">
        <v>0</v>
      </c>
      <c r="AK34" s="61">
        <v>0</v>
      </c>
      <c r="AL34" s="62">
        <v>0</v>
      </c>
      <c r="AM34" s="228"/>
      <c r="AN34" s="61">
        <v>1</v>
      </c>
      <c r="AO34" s="61">
        <v>1</v>
      </c>
      <c r="AP34" s="61">
        <v>1</v>
      </c>
      <c r="AQ34" s="61">
        <v>1</v>
      </c>
      <c r="AR34" s="61">
        <v>0</v>
      </c>
      <c r="AS34" s="62">
        <v>4</v>
      </c>
      <c r="AT34" s="63">
        <v>4</v>
      </c>
      <c r="AU34" s="60">
        <v>1</v>
      </c>
      <c r="AV34" s="61">
        <v>1</v>
      </c>
      <c r="AW34" s="62">
        <v>2</v>
      </c>
      <c r="AX34" s="228"/>
      <c r="AY34" s="61">
        <v>0</v>
      </c>
      <c r="AZ34" s="61">
        <v>0</v>
      </c>
      <c r="BA34" s="61">
        <v>0</v>
      </c>
      <c r="BB34" s="61">
        <v>0</v>
      </c>
      <c r="BC34" s="61">
        <v>0</v>
      </c>
      <c r="BD34" s="62">
        <v>0</v>
      </c>
      <c r="BE34" s="63">
        <v>2</v>
      </c>
      <c r="BF34" s="60">
        <v>0</v>
      </c>
      <c r="BG34" s="61">
        <v>1</v>
      </c>
      <c r="BH34" s="62">
        <v>1</v>
      </c>
      <c r="BI34" s="228"/>
      <c r="BJ34" s="61">
        <v>2</v>
      </c>
      <c r="BK34" s="61">
        <v>1</v>
      </c>
      <c r="BL34" s="61">
        <v>1</v>
      </c>
      <c r="BM34" s="61">
        <v>0</v>
      </c>
      <c r="BN34" s="61">
        <v>1</v>
      </c>
      <c r="BO34" s="62">
        <v>5</v>
      </c>
      <c r="BP34" s="63">
        <v>6</v>
      </c>
      <c r="BQ34" s="60">
        <v>1</v>
      </c>
      <c r="BR34" s="61">
        <v>1</v>
      </c>
      <c r="BS34" s="62">
        <v>2</v>
      </c>
      <c r="BT34" s="228"/>
      <c r="BU34" s="61">
        <v>3</v>
      </c>
      <c r="BV34" s="61">
        <v>3</v>
      </c>
      <c r="BW34" s="61">
        <v>2</v>
      </c>
      <c r="BX34" s="61">
        <v>0</v>
      </c>
      <c r="BY34" s="61">
        <v>1</v>
      </c>
      <c r="BZ34" s="62">
        <v>9</v>
      </c>
      <c r="CA34" s="63">
        <v>11</v>
      </c>
      <c r="CB34" s="60">
        <v>0</v>
      </c>
      <c r="CC34" s="61">
        <v>0</v>
      </c>
      <c r="CD34" s="62">
        <v>0</v>
      </c>
      <c r="CE34" s="228"/>
      <c r="CF34" s="61">
        <v>0</v>
      </c>
      <c r="CG34" s="61">
        <v>0</v>
      </c>
      <c r="CH34" s="61">
        <v>0</v>
      </c>
      <c r="CI34" s="61">
        <v>0</v>
      </c>
      <c r="CJ34" s="61">
        <v>0</v>
      </c>
      <c r="CK34" s="62">
        <v>0</v>
      </c>
      <c r="CL34" s="63">
        <v>0</v>
      </c>
      <c r="CM34" s="60">
        <v>3</v>
      </c>
      <c r="CN34" s="61">
        <v>4</v>
      </c>
      <c r="CO34" s="62">
        <v>7</v>
      </c>
      <c r="CP34" s="228"/>
      <c r="CQ34" s="61">
        <v>8</v>
      </c>
      <c r="CR34" s="61">
        <v>6</v>
      </c>
      <c r="CS34" s="61">
        <v>6</v>
      </c>
      <c r="CT34" s="61">
        <v>2</v>
      </c>
      <c r="CU34" s="61">
        <v>4</v>
      </c>
      <c r="CV34" s="62">
        <v>26</v>
      </c>
      <c r="CW34" s="63">
        <v>33</v>
      </c>
      <c r="CX34" s="113">
        <v>1</v>
      </c>
      <c r="CY34" s="72">
        <v>1</v>
      </c>
      <c r="CZ34" s="73">
        <v>2</v>
      </c>
      <c r="DA34" s="228"/>
      <c r="DB34" s="72">
        <v>2</v>
      </c>
      <c r="DC34" s="72">
        <v>1</v>
      </c>
      <c r="DD34" s="72">
        <v>2</v>
      </c>
      <c r="DE34" s="72">
        <v>2</v>
      </c>
      <c r="DF34" s="72">
        <v>0</v>
      </c>
      <c r="DG34" s="74">
        <v>7</v>
      </c>
      <c r="DH34" s="75">
        <v>9</v>
      </c>
      <c r="DI34" s="60">
        <v>0</v>
      </c>
      <c r="DJ34" s="61">
        <v>0</v>
      </c>
      <c r="DK34" s="62">
        <v>0</v>
      </c>
      <c r="DL34" s="228"/>
      <c r="DM34" s="61">
        <v>0</v>
      </c>
      <c r="DN34" s="61">
        <v>0</v>
      </c>
      <c r="DO34" s="61">
        <v>0</v>
      </c>
      <c r="DP34" s="61">
        <v>0</v>
      </c>
      <c r="DQ34" s="61">
        <v>0</v>
      </c>
      <c r="DR34" s="62">
        <v>0</v>
      </c>
      <c r="DS34" s="63">
        <v>0</v>
      </c>
      <c r="DT34" s="60">
        <v>0</v>
      </c>
      <c r="DU34" s="61">
        <v>0</v>
      </c>
      <c r="DV34" s="62">
        <v>0</v>
      </c>
      <c r="DW34" s="228"/>
      <c r="DX34" s="61">
        <v>0</v>
      </c>
      <c r="DY34" s="61">
        <v>0</v>
      </c>
      <c r="DZ34" s="61">
        <v>0</v>
      </c>
      <c r="EA34" s="61">
        <v>0</v>
      </c>
      <c r="EB34" s="61">
        <v>0</v>
      </c>
      <c r="EC34" s="62">
        <v>0</v>
      </c>
      <c r="ED34" s="63">
        <v>0</v>
      </c>
      <c r="EE34" s="60">
        <v>0</v>
      </c>
      <c r="EF34" s="61">
        <v>0</v>
      </c>
      <c r="EG34" s="62">
        <v>0</v>
      </c>
      <c r="EH34" s="228"/>
      <c r="EI34" s="61">
        <v>0</v>
      </c>
      <c r="EJ34" s="61">
        <v>0</v>
      </c>
      <c r="EK34" s="61">
        <v>0</v>
      </c>
      <c r="EL34" s="61">
        <v>2</v>
      </c>
      <c r="EM34" s="61">
        <v>0</v>
      </c>
      <c r="EN34" s="62">
        <v>2</v>
      </c>
      <c r="EO34" s="63">
        <v>2</v>
      </c>
      <c r="EP34" s="60">
        <v>0</v>
      </c>
      <c r="EQ34" s="61">
        <v>0</v>
      </c>
      <c r="ER34" s="62">
        <v>0</v>
      </c>
      <c r="ES34" s="228"/>
      <c r="ET34" s="61">
        <v>1</v>
      </c>
      <c r="EU34" s="61">
        <v>0</v>
      </c>
      <c r="EV34" s="61">
        <v>1</v>
      </c>
      <c r="EW34" s="61">
        <v>0</v>
      </c>
      <c r="EX34" s="61">
        <v>0</v>
      </c>
      <c r="EY34" s="62">
        <v>2</v>
      </c>
      <c r="EZ34" s="63">
        <v>2</v>
      </c>
      <c r="FA34" s="60">
        <v>1</v>
      </c>
      <c r="FB34" s="61">
        <v>1</v>
      </c>
      <c r="FC34" s="62">
        <v>2</v>
      </c>
      <c r="FD34" s="228"/>
      <c r="FE34" s="61">
        <v>0</v>
      </c>
      <c r="FF34" s="61">
        <v>0</v>
      </c>
      <c r="FG34" s="61">
        <v>0</v>
      </c>
      <c r="FH34" s="61">
        <v>0</v>
      </c>
      <c r="FI34" s="61">
        <v>0</v>
      </c>
      <c r="FJ34" s="62">
        <v>0</v>
      </c>
      <c r="FK34" s="63">
        <v>2</v>
      </c>
      <c r="FL34" s="60">
        <v>0</v>
      </c>
      <c r="FM34" s="61">
        <v>0</v>
      </c>
      <c r="FN34" s="62">
        <v>0</v>
      </c>
      <c r="FO34" s="228"/>
      <c r="FP34" s="61">
        <v>1</v>
      </c>
      <c r="FQ34" s="61">
        <v>1</v>
      </c>
      <c r="FR34" s="61">
        <v>1</v>
      </c>
      <c r="FS34" s="61">
        <v>0</v>
      </c>
      <c r="FT34" s="61">
        <v>0</v>
      </c>
      <c r="FU34" s="62">
        <v>3</v>
      </c>
      <c r="FV34" s="63">
        <v>3</v>
      </c>
      <c r="FW34" s="60">
        <v>0</v>
      </c>
      <c r="FX34" s="61">
        <v>0</v>
      </c>
      <c r="FY34" s="62">
        <v>0</v>
      </c>
      <c r="FZ34" s="228"/>
      <c r="GA34" s="61">
        <v>0</v>
      </c>
      <c r="GB34" s="61">
        <v>0</v>
      </c>
      <c r="GC34" s="61">
        <v>0</v>
      </c>
      <c r="GD34" s="61">
        <v>0</v>
      </c>
      <c r="GE34" s="61">
        <v>0</v>
      </c>
      <c r="GF34" s="62">
        <v>0</v>
      </c>
      <c r="GG34" s="63">
        <v>0</v>
      </c>
      <c r="GH34" s="60">
        <v>1</v>
      </c>
      <c r="GI34" s="61">
        <v>1</v>
      </c>
      <c r="GJ34" s="62">
        <v>2</v>
      </c>
      <c r="GK34" s="228"/>
      <c r="GL34" s="61">
        <v>2</v>
      </c>
      <c r="GM34" s="61">
        <v>1</v>
      </c>
      <c r="GN34" s="61">
        <v>2</v>
      </c>
      <c r="GO34" s="61">
        <v>2</v>
      </c>
      <c r="GP34" s="61">
        <v>0</v>
      </c>
      <c r="GQ34" s="62">
        <v>7</v>
      </c>
      <c r="GR34" s="63">
        <v>9</v>
      </c>
      <c r="GS34" s="113">
        <v>4</v>
      </c>
      <c r="GT34" s="72">
        <v>5</v>
      </c>
      <c r="GU34" s="73">
        <v>9</v>
      </c>
      <c r="GV34" s="228"/>
      <c r="GW34" s="72">
        <v>10</v>
      </c>
      <c r="GX34" s="72">
        <v>7</v>
      </c>
      <c r="GY34" s="72">
        <v>8</v>
      </c>
      <c r="GZ34" s="72">
        <v>4</v>
      </c>
      <c r="HA34" s="72">
        <v>4</v>
      </c>
      <c r="HB34" s="74">
        <v>33</v>
      </c>
      <c r="HC34" s="75">
        <v>42</v>
      </c>
      <c r="HD34" s="60">
        <v>0</v>
      </c>
      <c r="HE34" s="61">
        <v>0</v>
      </c>
      <c r="HF34" s="62">
        <v>0</v>
      </c>
      <c r="HG34" s="228"/>
      <c r="HH34" s="61">
        <v>0</v>
      </c>
      <c r="HI34" s="61">
        <v>1</v>
      </c>
      <c r="HJ34" s="61">
        <v>0</v>
      </c>
      <c r="HK34" s="61">
        <v>0</v>
      </c>
      <c r="HL34" s="61">
        <v>0</v>
      </c>
      <c r="HM34" s="62">
        <v>1</v>
      </c>
      <c r="HN34" s="63">
        <v>1</v>
      </c>
      <c r="HO34" s="60">
        <v>1</v>
      </c>
      <c r="HP34" s="61">
        <v>1</v>
      </c>
      <c r="HQ34" s="62">
        <v>2</v>
      </c>
      <c r="HR34" s="228"/>
      <c r="HS34" s="61">
        <v>2</v>
      </c>
      <c r="HT34" s="61">
        <v>0</v>
      </c>
      <c r="HU34" s="61">
        <v>2</v>
      </c>
      <c r="HV34" s="61">
        <v>1</v>
      </c>
      <c r="HW34" s="61">
        <v>2</v>
      </c>
      <c r="HX34" s="62">
        <v>7</v>
      </c>
      <c r="HY34" s="63">
        <v>9</v>
      </c>
      <c r="HZ34" s="60">
        <v>0</v>
      </c>
      <c r="IA34" s="61">
        <v>0</v>
      </c>
      <c r="IB34" s="62">
        <v>0</v>
      </c>
      <c r="IC34" s="228"/>
      <c r="ID34" s="61">
        <v>1</v>
      </c>
      <c r="IE34" s="61">
        <v>1</v>
      </c>
      <c r="IF34" s="61">
        <v>1</v>
      </c>
      <c r="IG34" s="61">
        <v>3</v>
      </c>
      <c r="IH34" s="61">
        <v>0</v>
      </c>
      <c r="II34" s="62">
        <v>6</v>
      </c>
      <c r="IJ34" s="63">
        <v>6</v>
      </c>
      <c r="IK34" s="60">
        <v>1</v>
      </c>
      <c r="IL34" s="61">
        <v>1</v>
      </c>
      <c r="IM34" s="62">
        <v>2</v>
      </c>
      <c r="IN34" s="228"/>
      <c r="IO34" s="61">
        <v>1</v>
      </c>
      <c r="IP34" s="61">
        <v>0</v>
      </c>
      <c r="IQ34" s="61">
        <v>1</v>
      </c>
      <c r="IR34" s="61">
        <v>0</v>
      </c>
      <c r="IS34" s="61">
        <v>0</v>
      </c>
      <c r="IT34" s="62">
        <v>2</v>
      </c>
      <c r="IU34" s="63">
        <v>4</v>
      </c>
      <c r="IV34" s="60">
        <v>1</v>
      </c>
      <c r="IW34" s="61">
        <v>2</v>
      </c>
      <c r="IX34" s="62">
        <v>3</v>
      </c>
      <c r="IY34" s="228"/>
      <c r="IZ34" s="61">
        <v>2</v>
      </c>
      <c r="JA34" s="61">
        <v>1</v>
      </c>
      <c r="JB34" s="61">
        <v>1</v>
      </c>
      <c r="JC34" s="61">
        <v>0</v>
      </c>
      <c r="JD34" s="61">
        <v>1</v>
      </c>
      <c r="JE34" s="62">
        <v>5</v>
      </c>
      <c r="JF34" s="63">
        <v>8</v>
      </c>
      <c r="JG34" s="60">
        <v>1</v>
      </c>
      <c r="JH34" s="61">
        <v>1</v>
      </c>
      <c r="JI34" s="62">
        <v>2</v>
      </c>
      <c r="JJ34" s="228"/>
      <c r="JK34" s="61">
        <v>4</v>
      </c>
      <c r="JL34" s="61">
        <v>4</v>
      </c>
      <c r="JM34" s="61">
        <v>3</v>
      </c>
      <c r="JN34" s="61">
        <v>0</v>
      </c>
      <c r="JO34" s="61">
        <v>1</v>
      </c>
      <c r="JP34" s="62">
        <v>12</v>
      </c>
      <c r="JQ34" s="63">
        <v>14</v>
      </c>
      <c r="JR34" s="60">
        <v>0</v>
      </c>
      <c r="JS34" s="61">
        <v>0</v>
      </c>
      <c r="JT34" s="62">
        <v>0</v>
      </c>
      <c r="JU34" s="228"/>
      <c r="JV34" s="61">
        <v>0</v>
      </c>
      <c r="JW34" s="61">
        <v>0</v>
      </c>
      <c r="JX34" s="61">
        <v>0</v>
      </c>
      <c r="JY34" s="61">
        <v>0</v>
      </c>
      <c r="JZ34" s="61">
        <v>0</v>
      </c>
      <c r="KA34" s="62">
        <v>0</v>
      </c>
      <c r="KB34" s="63">
        <v>0</v>
      </c>
      <c r="KC34" s="60">
        <v>4</v>
      </c>
      <c r="KD34" s="61">
        <v>5</v>
      </c>
      <c r="KE34" s="62">
        <v>9</v>
      </c>
      <c r="KF34" s="228"/>
      <c r="KG34" s="61">
        <v>10</v>
      </c>
      <c r="KH34" s="61">
        <v>7</v>
      </c>
      <c r="KI34" s="61">
        <v>8</v>
      </c>
      <c r="KJ34" s="61">
        <v>4</v>
      </c>
      <c r="KK34" s="61">
        <v>4</v>
      </c>
      <c r="KL34" s="62">
        <v>33</v>
      </c>
      <c r="KM34" s="63">
        <v>42</v>
      </c>
    </row>
    <row r="35" spans="2:299" ht="21" customHeight="1" x14ac:dyDescent="0.2">
      <c r="B35" s="472" t="s">
        <v>32</v>
      </c>
      <c r="C35" s="293">
        <v>3</v>
      </c>
      <c r="D35" s="72">
        <v>3</v>
      </c>
      <c r="E35" s="73">
        <v>6</v>
      </c>
      <c r="F35" s="228"/>
      <c r="G35" s="72">
        <v>12</v>
      </c>
      <c r="H35" s="72">
        <v>3</v>
      </c>
      <c r="I35" s="72">
        <v>5</v>
      </c>
      <c r="J35" s="72">
        <v>3</v>
      </c>
      <c r="K35" s="72">
        <v>7</v>
      </c>
      <c r="L35" s="74">
        <v>30</v>
      </c>
      <c r="M35" s="75">
        <v>36</v>
      </c>
      <c r="N35" s="60">
        <v>0</v>
      </c>
      <c r="O35" s="61">
        <v>0</v>
      </c>
      <c r="P35" s="62">
        <v>0</v>
      </c>
      <c r="Q35" s="228"/>
      <c r="R35" s="61">
        <v>0</v>
      </c>
      <c r="S35" s="61">
        <v>0</v>
      </c>
      <c r="T35" s="61">
        <v>0</v>
      </c>
      <c r="U35" s="61">
        <v>0</v>
      </c>
      <c r="V35" s="61">
        <v>0</v>
      </c>
      <c r="W35" s="62">
        <v>0</v>
      </c>
      <c r="X35" s="63">
        <v>0</v>
      </c>
      <c r="Y35" s="60">
        <v>2</v>
      </c>
      <c r="Z35" s="61">
        <v>0</v>
      </c>
      <c r="AA35" s="62">
        <v>2</v>
      </c>
      <c r="AB35" s="228"/>
      <c r="AC35" s="61">
        <v>1</v>
      </c>
      <c r="AD35" s="61">
        <v>1</v>
      </c>
      <c r="AE35" s="61">
        <v>0</v>
      </c>
      <c r="AF35" s="61">
        <v>1</v>
      </c>
      <c r="AG35" s="61">
        <v>2</v>
      </c>
      <c r="AH35" s="62">
        <v>5</v>
      </c>
      <c r="AI35" s="63">
        <v>7</v>
      </c>
      <c r="AJ35" s="60">
        <v>0</v>
      </c>
      <c r="AK35" s="61">
        <v>0</v>
      </c>
      <c r="AL35" s="62">
        <v>0</v>
      </c>
      <c r="AM35" s="228"/>
      <c r="AN35" s="61">
        <v>1</v>
      </c>
      <c r="AO35" s="61">
        <v>0</v>
      </c>
      <c r="AP35" s="61">
        <v>0</v>
      </c>
      <c r="AQ35" s="61">
        <v>0</v>
      </c>
      <c r="AR35" s="61">
        <v>2</v>
      </c>
      <c r="AS35" s="62">
        <v>3</v>
      </c>
      <c r="AT35" s="63">
        <v>3</v>
      </c>
      <c r="AU35" s="60">
        <v>1</v>
      </c>
      <c r="AV35" s="61">
        <v>1</v>
      </c>
      <c r="AW35" s="62">
        <v>2</v>
      </c>
      <c r="AX35" s="228"/>
      <c r="AY35" s="61">
        <v>6</v>
      </c>
      <c r="AZ35" s="61">
        <v>0</v>
      </c>
      <c r="BA35" s="61">
        <v>0</v>
      </c>
      <c r="BB35" s="61">
        <v>0</v>
      </c>
      <c r="BC35" s="61">
        <v>2</v>
      </c>
      <c r="BD35" s="62">
        <v>8</v>
      </c>
      <c r="BE35" s="63">
        <v>10</v>
      </c>
      <c r="BF35" s="60">
        <v>0</v>
      </c>
      <c r="BG35" s="61">
        <v>1</v>
      </c>
      <c r="BH35" s="62">
        <v>1</v>
      </c>
      <c r="BI35" s="228"/>
      <c r="BJ35" s="61">
        <v>3</v>
      </c>
      <c r="BK35" s="61">
        <v>1</v>
      </c>
      <c r="BL35" s="61">
        <v>3</v>
      </c>
      <c r="BM35" s="61">
        <v>1</v>
      </c>
      <c r="BN35" s="61">
        <v>1</v>
      </c>
      <c r="BO35" s="62">
        <v>9</v>
      </c>
      <c r="BP35" s="63">
        <v>10</v>
      </c>
      <c r="BQ35" s="60">
        <v>0</v>
      </c>
      <c r="BR35" s="61">
        <v>1</v>
      </c>
      <c r="BS35" s="62">
        <v>1</v>
      </c>
      <c r="BT35" s="228"/>
      <c r="BU35" s="61">
        <v>1</v>
      </c>
      <c r="BV35" s="61">
        <v>1</v>
      </c>
      <c r="BW35" s="61">
        <v>2</v>
      </c>
      <c r="BX35" s="61">
        <v>1</v>
      </c>
      <c r="BY35" s="61">
        <v>0</v>
      </c>
      <c r="BZ35" s="62">
        <v>5</v>
      </c>
      <c r="CA35" s="63">
        <v>6</v>
      </c>
      <c r="CB35" s="60">
        <v>0</v>
      </c>
      <c r="CC35" s="61">
        <v>0</v>
      </c>
      <c r="CD35" s="62">
        <v>0</v>
      </c>
      <c r="CE35" s="228"/>
      <c r="CF35" s="61">
        <v>0</v>
      </c>
      <c r="CG35" s="61">
        <v>0</v>
      </c>
      <c r="CH35" s="61">
        <v>0</v>
      </c>
      <c r="CI35" s="61">
        <v>0</v>
      </c>
      <c r="CJ35" s="61">
        <v>0</v>
      </c>
      <c r="CK35" s="62">
        <v>0</v>
      </c>
      <c r="CL35" s="63">
        <v>0</v>
      </c>
      <c r="CM35" s="60">
        <v>3</v>
      </c>
      <c r="CN35" s="61">
        <v>3</v>
      </c>
      <c r="CO35" s="62">
        <v>6</v>
      </c>
      <c r="CP35" s="228"/>
      <c r="CQ35" s="61">
        <v>12</v>
      </c>
      <c r="CR35" s="61">
        <v>3</v>
      </c>
      <c r="CS35" s="61">
        <v>5</v>
      </c>
      <c r="CT35" s="61">
        <v>3</v>
      </c>
      <c r="CU35" s="61">
        <v>7</v>
      </c>
      <c r="CV35" s="62">
        <v>30</v>
      </c>
      <c r="CW35" s="63">
        <v>36</v>
      </c>
      <c r="CX35" s="113">
        <v>2</v>
      </c>
      <c r="CY35" s="72">
        <v>0</v>
      </c>
      <c r="CZ35" s="73">
        <v>2</v>
      </c>
      <c r="DA35" s="228"/>
      <c r="DB35" s="72">
        <v>4</v>
      </c>
      <c r="DC35" s="72">
        <v>3</v>
      </c>
      <c r="DD35" s="72">
        <v>0</v>
      </c>
      <c r="DE35" s="72">
        <v>2</v>
      </c>
      <c r="DF35" s="72">
        <v>0</v>
      </c>
      <c r="DG35" s="74">
        <v>9</v>
      </c>
      <c r="DH35" s="75">
        <v>11</v>
      </c>
      <c r="DI35" s="60">
        <v>0</v>
      </c>
      <c r="DJ35" s="61">
        <v>0</v>
      </c>
      <c r="DK35" s="62">
        <v>0</v>
      </c>
      <c r="DL35" s="228"/>
      <c r="DM35" s="61">
        <v>0</v>
      </c>
      <c r="DN35" s="61">
        <v>0</v>
      </c>
      <c r="DO35" s="61">
        <v>0</v>
      </c>
      <c r="DP35" s="61">
        <v>0</v>
      </c>
      <c r="DQ35" s="61">
        <v>0</v>
      </c>
      <c r="DR35" s="62">
        <v>0</v>
      </c>
      <c r="DS35" s="63">
        <v>0</v>
      </c>
      <c r="DT35" s="60">
        <v>0</v>
      </c>
      <c r="DU35" s="61">
        <v>0</v>
      </c>
      <c r="DV35" s="62">
        <v>0</v>
      </c>
      <c r="DW35" s="228"/>
      <c r="DX35" s="61">
        <v>1</v>
      </c>
      <c r="DY35" s="61">
        <v>0</v>
      </c>
      <c r="DZ35" s="61">
        <v>0</v>
      </c>
      <c r="EA35" s="61">
        <v>0</v>
      </c>
      <c r="EB35" s="61">
        <v>0</v>
      </c>
      <c r="EC35" s="62">
        <v>1</v>
      </c>
      <c r="ED35" s="63">
        <v>1</v>
      </c>
      <c r="EE35" s="60">
        <v>0</v>
      </c>
      <c r="EF35" s="61">
        <v>0</v>
      </c>
      <c r="EG35" s="62">
        <v>0</v>
      </c>
      <c r="EH35" s="228"/>
      <c r="EI35" s="61">
        <v>1</v>
      </c>
      <c r="EJ35" s="61">
        <v>0</v>
      </c>
      <c r="EK35" s="61">
        <v>0</v>
      </c>
      <c r="EL35" s="61">
        <v>0</v>
      </c>
      <c r="EM35" s="61">
        <v>0</v>
      </c>
      <c r="EN35" s="62">
        <v>1</v>
      </c>
      <c r="EO35" s="63">
        <v>1</v>
      </c>
      <c r="EP35" s="60">
        <v>1</v>
      </c>
      <c r="EQ35" s="61">
        <v>0</v>
      </c>
      <c r="ER35" s="62">
        <v>1</v>
      </c>
      <c r="ES35" s="228"/>
      <c r="ET35" s="61">
        <v>0</v>
      </c>
      <c r="EU35" s="61">
        <v>0</v>
      </c>
      <c r="EV35" s="61">
        <v>0</v>
      </c>
      <c r="EW35" s="61">
        <v>0</v>
      </c>
      <c r="EX35" s="61">
        <v>0</v>
      </c>
      <c r="EY35" s="62">
        <v>0</v>
      </c>
      <c r="EZ35" s="63">
        <v>1</v>
      </c>
      <c r="FA35" s="60">
        <v>1</v>
      </c>
      <c r="FB35" s="61">
        <v>0</v>
      </c>
      <c r="FC35" s="62">
        <v>1</v>
      </c>
      <c r="FD35" s="228"/>
      <c r="FE35" s="61">
        <v>0</v>
      </c>
      <c r="FF35" s="61">
        <v>2</v>
      </c>
      <c r="FG35" s="61">
        <v>0</v>
      </c>
      <c r="FH35" s="61">
        <v>0</v>
      </c>
      <c r="FI35" s="61">
        <v>0</v>
      </c>
      <c r="FJ35" s="62">
        <v>2</v>
      </c>
      <c r="FK35" s="63">
        <v>3</v>
      </c>
      <c r="FL35" s="60">
        <v>0</v>
      </c>
      <c r="FM35" s="61">
        <v>0</v>
      </c>
      <c r="FN35" s="62">
        <v>0</v>
      </c>
      <c r="FO35" s="228"/>
      <c r="FP35" s="61">
        <v>2</v>
      </c>
      <c r="FQ35" s="61">
        <v>1</v>
      </c>
      <c r="FR35" s="61">
        <v>0</v>
      </c>
      <c r="FS35" s="61">
        <v>2</v>
      </c>
      <c r="FT35" s="61">
        <v>0</v>
      </c>
      <c r="FU35" s="62">
        <v>5</v>
      </c>
      <c r="FV35" s="63">
        <v>5</v>
      </c>
      <c r="FW35" s="60">
        <v>0</v>
      </c>
      <c r="FX35" s="61">
        <v>0</v>
      </c>
      <c r="FY35" s="62">
        <v>0</v>
      </c>
      <c r="FZ35" s="228"/>
      <c r="GA35" s="61">
        <v>0</v>
      </c>
      <c r="GB35" s="61">
        <v>0</v>
      </c>
      <c r="GC35" s="61">
        <v>0</v>
      </c>
      <c r="GD35" s="61">
        <v>0</v>
      </c>
      <c r="GE35" s="61">
        <v>0</v>
      </c>
      <c r="GF35" s="62">
        <v>0</v>
      </c>
      <c r="GG35" s="63">
        <v>0</v>
      </c>
      <c r="GH35" s="60">
        <v>2</v>
      </c>
      <c r="GI35" s="61">
        <v>0</v>
      </c>
      <c r="GJ35" s="62">
        <v>2</v>
      </c>
      <c r="GK35" s="228"/>
      <c r="GL35" s="61">
        <v>4</v>
      </c>
      <c r="GM35" s="61">
        <v>3</v>
      </c>
      <c r="GN35" s="61">
        <v>0</v>
      </c>
      <c r="GO35" s="61">
        <v>2</v>
      </c>
      <c r="GP35" s="61">
        <v>0</v>
      </c>
      <c r="GQ35" s="62">
        <v>9</v>
      </c>
      <c r="GR35" s="63">
        <v>11</v>
      </c>
      <c r="GS35" s="113">
        <v>5</v>
      </c>
      <c r="GT35" s="72">
        <v>3</v>
      </c>
      <c r="GU35" s="73">
        <v>8</v>
      </c>
      <c r="GV35" s="228"/>
      <c r="GW35" s="72">
        <v>16</v>
      </c>
      <c r="GX35" s="72">
        <v>6</v>
      </c>
      <c r="GY35" s="72">
        <v>5</v>
      </c>
      <c r="GZ35" s="72">
        <v>5</v>
      </c>
      <c r="HA35" s="72">
        <v>7</v>
      </c>
      <c r="HB35" s="74">
        <v>39</v>
      </c>
      <c r="HC35" s="75">
        <v>47</v>
      </c>
      <c r="HD35" s="60">
        <v>0</v>
      </c>
      <c r="HE35" s="61">
        <v>0</v>
      </c>
      <c r="HF35" s="62">
        <v>0</v>
      </c>
      <c r="HG35" s="228"/>
      <c r="HH35" s="61">
        <v>0</v>
      </c>
      <c r="HI35" s="61">
        <v>0</v>
      </c>
      <c r="HJ35" s="61">
        <v>0</v>
      </c>
      <c r="HK35" s="61">
        <v>0</v>
      </c>
      <c r="HL35" s="61">
        <v>0</v>
      </c>
      <c r="HM35" s="62">
        <v>0</v>
      </c>
      <c r="HN35" s="63">
        <v>0</v>
      </c>
      <c r="HO35" s="60">
        <v>2</v>
      </c>
      <c r="HP35" s="61">
        <v>0</v>
      </c>
      <c r="HQ35" s="62">
        <v>2</v>
      </c>
      <c r="HR35" s="228"/>
      <c r="HS35" s="61">
        <v>2</v>
      </c>
      <c r="HT35" s="61">
        <v>1</v>
      </c>
      <c r="HU35" s="61">
        <v>0</v>
      </c>
      <c r="HV35" s="61">
        <v>1</v>
      </c>
      <c r="HW35" s="61">
        <v>2</v>
      </c>
      <c r="HX35" s="62">
        <v>6</v>
      </c>
      <c r="HY35" s="63">
        <v>8</v>
      </c>
      <c r="HZ35" s="60">
        <v>0</v>
      </c>
      <c r="IA35" s="61">
        <v>0</v>
      </c>
      <c r="IB35" s="62">
        <v>0</v>
      </c>
      <c r="IC35" s="228"/>
      <c r="ID35" s="61">
        <v>2</v>
      </c>
      <c r="IE35" s="61">
        <v>0</v>
      </c>
      <c r="IF35" s="61">
        <v>0</v>
      </c>
      <c r="IG35" s="61">
        <v>0</v>
      </c>
      <c r="IH35" s="61">
        <v>2</v>
      </c>
      <c r="II35" s="62">
        <v>4</v>
      </c>
      <c r="IJ35" s="63">
        <v>4</v>
      </c>
      <c r="IK35" s="60">
        <v>2</v>
      </c>
      <c r="IL35" s="61">
        <v>1</v>
      </c>
      <c r="IM35" s="62">
        <v>3</v>
      </c>
      <c r="IN35" s="228"/>
      <c r="IO35" s="61">
        <v>6</v>
      </c>
      <c r="IP35" s="61">
        <v>0</v>
      </c>
      <c r="IQ35" s="61">
        <v>0</v>
      </c>
      <c r="IR35" s="61">
        <v>0</v>
      </c>
      <c r="IS35" s="61">
        <v>2</v>
      </c>
      <c r="IT35" s="62">
        <v>8</v>
      </c>
      <c r="IU35" s="63">
        <v>11</v>
      </c>
      <c r="IV35" s="60">
        <v>1</v>
      </c>
      <c r="IW35" s="61">
        <v>1</v>
      </c>
      <c r="IX35" s="62">
        <v>2</v>
      </c>
      <c r="IY35" s="228"/>
      <c r="IZ35" s="61">
        <v>3</v>
      </c>
      <c r="JA35" s="61">
        <v>3</v>
      </c>
      <c r="JB35" s="61">
        <v>3</v>
      </c>
      <c r="JC35" s="61">
        <v>1</v>
      </c>
      <c r="JD35" s="61">
        <v>1</v>
      </c>
      <c r="JE35" s="62">
        <v>11</v>
      </c>
      <c r="JF35" s="63">
        <v>13</v>
      </c>
      <c r="JG35" s="60">
        <v>0</v>
      </c>
      <c r="JH35" s="61">
        <v>1</v>
      </c>
      <c r="JI35" s="62">
        <v>1</v>
      </c>
      <c r="JJ35" s="228"/>
      <c r="JK35" s="61">
        <v>3</v>
      </c>
      <c r="JL35" s="61">
        <v>2</v>
      </c>
      <c r="JM35" s="61">
        <v>2</v>
      </c>
      <c r="JN35" s="61">
        <v>3</v>
      </c>
      <c r="JO35" s="61">
        <v>0</v>
      </c>
      <c r="JP35" s="62">
        <v>10</v>
      </c>
      <c r="JQ35" s="63">
        <v>11</v>
      </c>
      <c r="JR35" s="60">
        <v>0</v>
      </c>
      <c r="JS35" s="61">
        <v>0</v>
      </c>
      <c r="JT35" s="62">
        <v>0</v>
      </c>
      <c r="JU35" s="228"/>
      <c r="JV35" s="61">
        <v>0</v>
      </c>
      <c r="JW35" s="61">
        <v>0</v>
      </c>
      <c r="JX35" s="61">
        <v>0</v>
      </c>
      <c r="JY35" s="61">
        <v>0</v>
      </c>
      <c r="JZ35" s="61">
        <v>0</v>
      </c>
      <c r="KA35" s="62">
        <v>0</v>
      </c>
      <c r="KB35" s="63">
        <v>0</v>
      </c>
      <c r="KC35" s="60">
        <v>5</v>
      </c>
      <c r="KD35" s="61">
        <v>3</v>
      </c>
      <c r="KE35" s="62">
        <v>8</v>
      </c>
      <c r="KF35" s="228"/>
      <c r="KG35" s="61">
        <v>16</v>
      </c>
      <c r="KH35" s="61">
        <v>6</v>
      </c>
      <c r="KI35" s="61">
        <v>5</v>
      </c>
      <c r="KJ35" s="61">
        <v>5</v>
      </c>
      <c r="KK35" s="61">
        <v>7</v>
      </c>
      <c r="KL35" s="62">
        <v>39</v>
      </c>
      <c r="KM35" s="63">
        <v>47</v>
      </c>
    </row>
    <row r="36" spans="2:299" ht="21" customHeight="1" x14ac:dyDescent="0.2">
      <c r="B36" s="472" t="s">
        <v>33</v>
      </c>
      <c r="C36" s="293">
        <v>1</v>
      </c>
      <c r="D36" s="72">
        <v>3</v>
      </c>
      <c r="E36" s="73">
        <v>4</v>
      </c>
      <c r="F36" s="228"/>
      <c r="G36" s="72">
        <v>8</v>
      </c>
      <c r="H36" s="72">
        <v>3</v>
      </c>
      <c r="I36" s="72">
        <v>4</v>
      </c>
      <c r="J36" s="72">
        <v>2</v>
      </c>
      <c r="K36" s="72">
        <v>4</v>
      </c>
      <c r="L36" s="74">
        <v>21</v>
      </c>
      <c r="M36" s="75">
        <v>25</v>
      </c>
      <c r="N36" s="60">
        <v>0</v>
      </c>
      <c r="O36" s="61">
        <v>0</v>
      </c>
      <c r="P36" s="62">
        <v>0</v>
      </c>
      <c r="Q36" s="228"/>
      <c r="R36" s="61">
        <v>1</v>
      </c>
      <c r="S36" s="61">
        <v>0</v>
      </c>
      <c r="T36" s="61">
        <v>0</v>
      </c>
      <c r="U36" s="61">
        <v>1</v>
      </c>
      <c r="V36" s="61">
        <v>0</v>
      </c>
      <c r="W36" s="62">
        <v>2</v>
      </c>
      <c r="X36" s="63">
        <v>2</v>
      </c>
      <c r="Y36" s="60">
        <v>0</v>
      </c>
      <c r="Z36" s="61">
        <v>0</v>
      </c>
      <c r="AA36" s="62">
        <v>0</v>
      </c>
      <c r="AB36" s="228"/>
      <c r="AC36" s="61">
        <v>1</v>
      </c>
      <c r="AD36" s="61">
        <v>0</v>
      </c>
      <c r="AE36" s="61">
        <v>1</v>
      </c>
      <c r="AF36" s="61">
        <v>0</v>
      </c>
      <c r="AG36" s="61">
        <v>1</v>
      </c>
      <c r="AH36" s="62">
        <v>3</v>
      </c>
      <c r="AI36" s="63">
        <v>3</v>
      </c>
      <c r="AJ36" s="60">
        <v>1</v>
      </c>
      <c r="AK36" s="61">
        <v>0</v>
      </c>
      <c r="AL36" s="62">
        <v>1</v>
      </c>
      <c r="AM36" s="228"/>
      <c r="AN36" s="61">
        <v>2</v>
      </c>
      <c r="AO36" s="61">
        <v>1</v>
      </c>
      <c r="AP36" s="61">
        <v>1</v>
      </c>
      <c r="AQ36" s="61">
        <v>0</v>
      </c>
      <c r="AR36" s="61">
        <v>2</v>
      </c>
      <c r="AS36" s="62">
        <v>6</v>
      </c>
      <c r="AT36" s="63">
        <v>7</v>
      </c>
      <c r="AU36" s="60">
        <v>0</v>
      </c>
      <c r="AV36" s="61">
        <v>2</v>
      </c>
      <c r="AW36" s="62">
        <v>2</v>
      </c>
      <c r="AX36" s="228"/>
      <c r="AY36" s="61">
        <v>0</v>
      </c>
      <c r="AZ36" s="61">
        <v>1</v>
      </c>
      <c r="BA36" s="61">
        <v>0</v>
      </c>
      <c r="BB36" s="61">
        <v>0</v>
      </c>
      <c r="BC36" s="61">
        <v>0</v>
      </c>
      <c r="BD36" s="62">
        <v>1</v>
      </c>
      <c r="BE36" s="63">
        <v>3</v>
      </c>
      <c r="BF36" s="60">
        <v>0</v>
      </c>
      <c r="BG36" s="61">
        <v>1</v>
      </c>
      <c r="BH36" s="62">
        <v>1</v>
      </c>
      <c r="BI36" s="228"/>
      <c r="BJ36" s="61">
        <v>1</v>
      </c>
      <c r="BK36" s="61">
        <v>1</v>
      </c>
      <c r="BL36" s="61">
        <v>2</v>
      </c>
      <c r="BM36" s="61">
        <v>0</v>
      </c>
      <c r="BN36" s="61">
        <v>1</v>
      </c>
      <c r="BO36" s="62">
        <v>5</v>
      </c>
      <c r="BP36" s="63">
        <v>6</v>
      </c>
      <c r="BQ36" s="60">
        <v>0</v>
      </c>
      <c r="BR36" s="61">
        <v>0</v>
      </c>
      <c r="BS36" s="62">
        <v>0</v>
      </c>
      <c r="BT36" s="228"/>
      <c r="BU36" s="61">
        <v>3</v>
      </c>
      <c r="BV36" s="61">
        <v>0</v>
      </c>
      <c r="BW36" s="61">
        <v>0</v>
      </c>
      <c r="BX36" s="61">
        <v>1</v>
      </c>
      <c r="BY36" s="61">
        <v>0</v>
      </c>
      <c r="BZ36" s="62">
        <v>4</v>
      </c>
      <c r="CA36" s="63">
        <v>4</v>
      </c>
      <c r="CB36" s="60">
        <v>0</v>
      </c>
      <c r="CC36" s="61">
        <v>0</v>
      </c>
      <c r="CD36" s="62">
        <v>0</v>
      </c>
      <c r="CE36" s="228"/>
      <c r="CF36" s="61">
        <v>0</v>
      </c>
      <c r="CG36" s="61">
        <v>0</v>
      </c>
      <c r="CH36" s="61">
        <v>0</v>
      </c>
      <c r="CI36" s="61">
        <v>0</v>
      </c>
      <c r="CJ36" s="61">
        <v>0</v>
      </c>
      <c r="CK36" s="62">
        <v>0</v>
      </c>
      <c r="CL36" s="63">
        <v>0</v>
      </c>
      <c r="CM36" s="60">
        <v>1</v>
      </c>
      <c r="CN36" s="61">
        <v>3</v>
      </c>
      <c r="CO36" s="62">
        <v>4</v>
      </c>
      <c r="CP36" s="228"/>
      <c r="CQ36" s="61">
        <v>8</v>
      </c>
      <c r="CR36" s="61">
        <v>3</v>
      </c>
      <c r="CS36" s="61">
        <v>4</v>
      </c>
      <c r="CT36" s="61">
        <v>2</v>
      </c>
      <c r="CU36" s="61">
        <v>4</v>
      </c>
      <c r="CV36" s="62">
        <v>21</v>
      </c>
      <c r="CW36" s="63">
        <v>25</v>
      </c>
      <c r="CX36" s="113">
        <v>1</v>
      </c>
      <c r="CY36" s="72">
        <v>3</v>
      </c>
      <c r="CZ36" s="73">
        <v>4</v>
      </c>
      <c r="DA36" s="228"/>
      <c r="DB36" s="72">
        <v>3</v>
      </c>
      <c r="DC36" s="72">
        <v>0</v>
      </c>
      <c r="DD36" s="72">
        <v>4</v>
      </c>
      <c r="DE36" s="72">
        <v>3</v>
      </c>
      <c r="DF36" s="72">
        <v>3</v>
      </c>
      <c r="DG36" s="74">
        <v>13</v>
      </c>
      <c r="DH36" s="75">
        <v>17</v>
      </c>
      <c r="DI36" s="60">
        <v>0</v>
      </c>
      <c r="DJ36" s="61">
        <v>0</v>
      </c>
      <c r="DK36" s="62">
        <v>0</v>
      </c>
      <c r="DL36" s="228"/>
      <c r="DM36" s="61">
        <v>0</v>
      </c>
      <c r="DN36" s="61">
        <v>0</v>
      </c>
      <c r="DO36" s="61">
        <v>0</v>
      </c>
      <c r="DP36" s="61">
        <v>0</v>
      </c>
      <c r="DQ36" s="61">
        <v>0</v>
      </c>
      <c r="DR36" s="62">
        <v>0</v>
      </c>
      <c r="DS36" s="63">
        <v>0</v>
      </c>
      <c r="DT36" s="60">
        <v>0</v>
      </c>
      <c r="DU36" s="61">
        <v>0</v>
      </c>
      <c r="DV36" s="62">
        <v>0</v>
      </c>
      <c r="DW36" s="228"/>
      <c r="DX36" s="61">
        <v>0</v>
      </c>
      <c r="DY36" s="61">
        <v>0</v>
      </c>
      <c r="DZ36" s="61">
        <v>0</v>
      </c>
      <c r="EA36" s="61">
        <v>0</v>
      </c>
      <c r="EB36" s="61">
        <v>0</v>
      </c>
      <c r="EC36" s="62">
        <v>0</v>
      </c>
      <c r="ED36" s="63">
        <v>0</v>
      </c>
      <c r="EE36" s="60">
        <v>0</v>
      </c>
      <c r="EF36" s="61">
        <v>1</v>
      </c>
      <c r="EG36" s="62">
        <v>1</v>
      </c>
      <c r="EH36" s="228"/>
      <c r="EI36" s="61">
        <v>0</v>
      </c>
      <c r="EJ36" s="61">
        <v>0</v>
      </c>
      <c r="EK36" s="61">
        <v>0</v>
      </c>
      <c r="EL36" s="61">
        <v>0</v>
      </c>
      <c r="EM36" s="61">
        <v>0</v>
      </c>
      <c r="EN36" s="62">
        <v>0</v>
      </c>
      <c r="EO36" s="63">
        <v>1</v>
      </c>
      <c r="EP36" s="60">
        <v>1</v>
      </c>
      <c r="EQ36" s="61">
        <v>0</v>
      </c>
      <c r="ER36" s="62">
        <v>1</v>
      </c>
      <c r="ES36" s="228"/>
      <c r="ET36" s="61">
        <v>0</v>
      </c>
      <c r="EU36" s="61">
        <v>0</v>
      </c>
      <c r="EV36" s="61">
        <v>0</v>
      </c>
      <c r="EW36" s="61">
        <v>0</v>
      </c>
      <c r="EX36" s="61">
        <v>0</v>
      </c>
      <c r="EY36" s="62">
        <v>0</v>
      </c>
      <c r="EZ36" s="63">
        <v>1</v>
      </c>
      <c r="FA36" s="60">
        <v>0</v>
      </c>
      <c r="FB36" s="61">
        <v>0</v>
      </c>
      <c r="FC36" s="62">
        <v>0</v>
      </c>
      <c r="FD36" s="228"/>
      <c r="FE36" s="61">
        <v>2</v>
      </c>
      <c r="FF36" s="61">
        <v>0</v>
      </c>
      <c r="FG36" s="61">
        <v>1</v>
      </c>
      <c r="FH36" s="61">
        <v>1</v>
      </c>
      <c r="FI36" s="61">
        <v>0</v>
      </c>
      <c r="FJ36" s="62">
        <v>4</v>
      </c>
      <c r="FK36" s="63">
        <v>4</v>
      </c>
      <c r="FL36" s="60">
        <v>0</v>
      </c>
      <c r="FM36" s="61">
        <v>2</v>
      </c>
      <c r="FN36" s="62">
        <v>2</v>
      </c>
      <c r="FO36" s="228"/>
      <c r="FP36" s="61">
        <v>1</v>
      </c>
      <c r="FQ36" s="61">
        <v>0</v>
      </c>
      <c r="FR36" s="61">
        <v>3</v>
      </c>
      <c r="FS36" s="61">
        <v>2</v>
      </c>
      <c r="FT36" s="61">
        <v>3</v>
      </c>
      <c r="FU36" s="62">
        <v>9</v>
      </c>
      <c r="FV36" s="63">
        <v>11</v>
      </c>
      <c r="FW36" s="60">
        <v>0</v>
      </c>
      <c r="FX36" s="61">
        <v>0</v>
      </c>
      <c r="FY36" s="62">
        <v>0</v>
      </c>
      <c r="FZ36" s="228"/>
      <c r="GA36" s="61">
        <v>0</v>
      </c>
      <c r="GB36" s="61">
        <v>0</v>
      </c>
      <c r="GC36" s="61">
        <v>0</v>
      </c>
      <c r="GD36" s="61">
        <v>0</v>
      </c>
      <c r="GE36" s="61">
        <v>0</v>
      </c>
      <c r="GF36" s="62">
        <v>0</v>
      </c>
      <c r="GG36" s="63">
        <v>0</v>
      </c>
      <c r="GH36" s="60">
        <v>1</v>
      </c>
      <c r="GI36" s="61">
        <v>3</v>
      </c>
      <c r="GJ36" s="62">
        <v>4</v>
      </c>
      <c r="GK36" s="228"/>
      <c r="GL36" s="61">
        <v>3</v>
      </c>
      <c r="GM36" s="61">
        <v>0</v>
      </c>
      <c r="GN36" s="61">
        <v>4</v>
      </c>
      <c r="GO36" s="61">
        <v>3</v>
      </c>
      <c r="GP36" s="61">
        <v>3</v>
      </c>
      <c r="GQ36" s="62">
        <v>13</v>
      </c>
      <c r="GR36" s="63">
        <v>17</v>
      </c>
      <c r="GS36" s="113">
        <v>2</v>
      </c>
      <c r="GT36" s="72">
        <v>6</v>
      </c>
      <c r="GU36" s="73">
        <v>8</v>
      </c>
      <c r="GV36" s="228"/>
      <c r="GW36" s="72">
        <v>11</v>
      </c>
      <c r="GX36" s="72">
        <v>3</v>
      </c>
      <c r="GY36" s="72">
        <v>8</v>
      </c>
      <c r="GZ36" s="72">
        <v>5</v>
      </c>
      <c r="HA36" s="72">
        <v>7</v>
      </c>
      <c r="HB36" s="74">
        <v>34</v>
      </c>
      <c r="HC36" s="75">
        <v>42</v>
      </c>
      <c r="HD36" s="60">
        <v>0</v>
      </c>
      <c r="HE36" s="61">
        <v>0</v>
      </c>
      <c r="HF36" s="62">
        <v>0</v>
      </c>
      <c r="HG36" s="228"/>
      <c r="HH36" s="61">
        <v>1</v>
      </c>
      <c r="HI36" s="61">
        <v>0</v>
      </c>
      <c r="HJ36" s="61">
        <v>0</v>
      </c>
      <c r="HK36" s="61">
        <v>1</v>
      </c>
      <c r="HL36" s="61">
        <v>0</v>
      </c>
      <c r="HM36" s="62">
        <v>2</v>
      </c>
      <c r="HN36" s="63">
        <v>2</v>
      </c>
      <c r="HO36" s="60">
        <v>0</v>
      </c>
      <c r="HP36" s="61">
        <v>0</v>
      </c>
      <c r="HQ36" s="62">
        <v>0</v>
      </c>
      <c r="HR36" s="228"/>
      <c r="HS36" s="61">
        <v>1</v>
      </c>
      <c r="HT36" s="61">
        <v>0</v>
      </c>
      <c r="HU36" s="61">
        <v>1</v>
      </c>
      <c r="HV36" s="61">
        <v>0</v>
      </c>
      <c r="HW36" s="61">
        <v>1</v>
      </c>
      <c r="HX36" s="62">
        <v>3</v>
      </c>
      <c r="HY36" s="63">
        <v>3</v>
      </c>
      <c r="HZ36" s="60">
        <v>1</v>
      </c>
      <c r="IA36" s="61">
        <v>1</v>
      </c>
      <c r="IB36" s="62">
        <v>2</v>
      </c>
      <c r="IC36" s="228"/>
      <c r="ID36" s="61">
        <v>2</v>
      </c>
      <c r="IE36" s="61">
        <v>1</v>
      </c>
      <c r="IF36" s="61">
        <v>1</v>
      </c>
      <c r="IG36" s="61">
        <v>0</v>
      </c>
      <c r="IH36" s="61">
        <v>2</v>
      </c>
      <c r="II36" s="62">
        <v>6</v>
      </c>
      <c r="IJ36" s="63">
        <v>8</v>
      </c>
      <c r="IK36" s="60">
        <v>1</v>
      </c>
      <c r="IL36" s="61">
        <v>2</v>
      </c>
      <c r="IM36" s="62">
        <v>3</v>
      </c>
      <c r="IN36" s="228"/>
      <c r="IO36" s="61">
        <v>0</v>
      </c>
      <c r="IP36" s="61">
        <v>1</v>
      </c>
      <c r="IQ36" s="61">
        <v>0</v>
      </c>
      <c r="IR36" s="61">
        <v>0</v>
      </c>
      <c r="IS36" s="61">
        <v>0</v>
      </c>
      <c r="IT36" s="62">
        <v>1</v>
      </c>
      <c r="IU36" s="63">
        <v>4</v>
      </c>
      <c r="IV36" s="60">
        <v>0</v>
      </c>
      <c r="IW36" s="61">
        <v>1</v>
      </c>
      <c r="IX36" s="62">
        <v>1</v>
      </c>
      <c r="IY36" s="228"/>
      <c r="IZ36" s="61">
        <v>3</v>
      </c>
      <c r="JA36" s="61">
        <v>1</v>
      </c>
      <c r="JB36" s="61">
        <v>3</v>
      </c>
      <c r="JC36" s="61">
        <v>1</v>
      </c>
      <c r="JD36" s="61">
        <v>1</v>
      </c>
      <c r="JE36" s="62">
        <v>9</v>
      </c>
      <c r="JF36" s="63">
        <v>10</v>
      </c>
      <c r="JG36" s="60">
        <v>0</v>
      </c>
      <c r="JH36" s="61">
        <v>2</v>
      </c>
      <c r="JI36" s="62">
        <v>2</v>
      </c>
      <c r="JJ36" s="228"/>
      <c r="JK36" s="61">
        <v>4</v>
      </c>
      <c r="JL36" s="61">
        <v>0</v>
      </c>
      <c r="JM36" s="61">
        <v>3</v>
      </c>
      <c r="JN36" s="61">
        <v>3</v>
      </c>
      <c r="JO36" s="61">
        <v>3</v>
      </c>
      <c r="JP36" s="62">
        <v>13</v>
      </c>
      <c r="JQ36" s="63">
        <v>15</v>
      </c>
      <c r="JR36" s="60">
        <v>0</v>
      </c>
      <c r="JS36" s="61">
        <v>0</v>
      </c>
      <c r="JT36" s="62">
        <v>0</v>
      </c>
      <c r="JU36" s="228"/>
      <c r="JV36" s="61">
        <v>0</v>
      </c>
      <c r="JW36" s="61">
        <v>0</v>
      </c>
      <c r="JX36" s="61">
        <v>0</v>
      </c>
      <c r="JY36" s="61">
        <v>0</v>
      </c>
      <c r="JZ36" s="61">
        <v>0</v>
      </c>
      <c r="KA36" s="62">
        <v>0</v>
      </c>
      <c r="KB36" s="63">
        <v>0</v>
      </c>
      <c r="KC36" s="60">
        <v>2</v>
      </c>
      <c r="KD36" s="61">
        <v>6</v>
      </c>
      <c r="KE36" s="62">
        <v>8</v>
      </c>
      <c r="KF36" s="228"/>
      <c r="KG36" s="61">
        <v>11</v>
      </c>
      <c r="KH36" s="61">
        <v>3</v>
      </c>
      <c r="KI36" s="61">
        <v>8</v>
      </c>
      <c r="KJ36" s="61">
        <v>5</v>
      </c>
      <c r="KK36" s="61">
        <v>7</v>
      </c>
      <c r="KL36" s="62">
        <v>34</v>
      </c>
      <c r="KM36" s="63">
        <v>42</v>
      </c>
    </row>
    <row r="37" spans="2:299" ht="21" customHeight="1" x14ac:dyDescent="0.2">
      <c r="B37" s="472" t="s">
        <v>34</v>
      </c>
      <c r="C37" s="293">
        <v>2</v>
      </c>
      <c r="D37" s="72">
        <v>1</v>
      </c>
      <c r="E37" s="73">
        <v>3</v>
      </c>
      <c r="F37" s="228"/>
      <c r="G37" s="72">
        <v>1</v>
      </c>
      <c r="H37" s="72">
        <v>1</v>
      </c>
      <c r="I37" s="72">
        <v>3</v>
      </c>
      <c r="J37" s="72">
        <v>1</v>
      </c>
      <c r="K37" s="72">
        <v>0</v>
      </c>
      <c r="L37" s="74">
        <v>6</v>
      </c>
      <c r="M37" s="75">
        <v>9</v>
      </c>
      <c r="N37" s="60">
        <v>0</v>
      </c>
      <c r="O37" s="61">
        <v>0</v>
      </c>
      <c r="P37" s="62">
        <v>0</v>
      </c>
      <c r="Q37" s="228"/>
      <c r="R37" s="61">
        <v>0</v>
      </c>
      <c r="S37" s="61">
        <v>1</v>
      </c>
      <c r="T37" s="61">
        <v>0</v>
      </c>
      <c r="U37" s="61">
        <v>0</v>
      </c>
      <c r="V37" s="61">
        <v>0</v>
      </c>
      <c r="W37" s="62">
        <v>1</v>
      </c>
      <c r="X37" s="63">
        <v>1</v>
      </c>
      <c r="Y37" s="60">
        <v>0</v>
      </c>
      <c r="Z37" s="61">
        <v>0</v>
      </c>
      <c r="AA37" s="62">
        <v>0</v>
      </c>
      <c r="AB37" s="228"/>
      <c r="AC37" s="61">
        <v>0</v>
      </c>
      <c r="AD37" s="61">
        <v>0</v>
      </c>
      <c r="AE37" s="61">
        <v>0</v>
      </c>
      <c r="AF37" s="61">
        <v>0</v>
      </c>
      <c r="AG37" s="61">
        <v>0</v>
      </c>
      <c r="AH37" s="62">
        <v>0</v>
      </c>
      <c r="AI37" s="63">
        <v>0</v>
      </c>
      <c r="AJ37" s="60">
        <v>1</v>
      </c>
      <c r="AK37" s="61">
        <v>0</v>
      </c>
      <c r="AL37" s="62">
        <v>1</v>
      </c>
      <c r="AM37" s="228"/>
      <c r="AN37" s="61">
        <v>0</v>
      </c>
      <c r="AO37" s="61">
        <v>0</v>
      </c>
      <c r="AP37" s="61">
        <v>0</v>
      </c>
      <c r="AQ37" s="61">
        <v>0</v>
      </c>
      <c r="AR37" s="61">
        <v>0</v>
      </c>
      <c r="AS37" s="62">
        <v>0</v>
      </c>
      <c r="AT37" s="63">
        <v>1</v>
      </c>
      <c r="AU37" s="60">
        <v>1</v>
      </c>
      <c r="AV37" s="61">
        <v>1</v>
      </c>
      <c r="AW37" s="62">
        <v>2</v>
      </c>
      <c r="AX37" s="228"/>
      <c r="AY37" s="61">
        <v>0</v>
      </c>
      <c r="AZ37" s="61">
        <v>0</v>
      </c>
      <c r="BA37" s="61">
        <v>0</v>
      </c>
      <c r="BB37" s="61">
        <v>1</v>
      </c>
      <c r="BC37" s="61">
        <v>0</v>
      </c>
      <c r="BD37" s="62">
        <v>1</v>
      </c>
      <c r="BE37" s="63">
        <v>3</v>
      </c>
      <c r="BF37" s="60">
        <v>0</v>
      </c>
      <c r="BG37" s="61">
        <v>0</v>
      </c>
      <c r="BH37" s="62">
        <v>0</v>
      </c>
      <c r="BI37" s="228"/>
      <c r="BJ37" s="61">
        <v>1</v>
      </c>
      <c r="BK37" s="61">
        <v>0</v>
      </c>
      <c r="BL37" s="61">
        <v>0</v>
      </c>
      <c r="BM37" s="61">
        <v>0</v>
      </c>
      <c r="BN37" s="61">
        <v>0</v>
      </c>
      <c r="BO37" s="62">
        <v>1</v>
      </c>
      <c r="BP37" s="63">
        <v>1</v>
      </c>
      <c r="BQ37" s="60">
        <v>0</v>
      </c>
      <c r="BR37" s="61">
        <v>0</v>
      </c>
      <c r="BS37" s="62">
        <v>0</v>
      </c>
      <c r="BT37" s="228"/>
      <c r="BU37" s="61">
        <v>0</v>
      </c>
      <c r="BV37" s="61">
        <v>0</v>
      </c>
      <c r="BW37" s="61">
        <v>3</v>
      </c>
      <c r="BX37" s="61">
        <v>0</v>
      </c>
      <c r="BY37" s="61">
        <v>0</v>
      </c>
      <c r="BZ37" s="62">
        <v>3</v>
      </c>
      <c r="CA37" s="63">
        <v>3</v>
      </c>
      <c r="CB37" s="60">
        <v>0</v>
      </c>
      <c r="CC37" s="61">
        <v>0</v>
      </c>
      <c r="CD37" s="62">
        <v>0</v>
      </c>
      <c r="CE37" s="228"/>
      <c r="CF37" s="61">
        <v>0</v>
      </c>
      <c r="CG37" s="61">
        <v>0</v>
      </c>
      <c r="CH37" s="61">
        <v>0</v>
      </c>
      <c r="CI37" s="61">
        <v>0</v>
      </c>
      <c r="CJ37" s="61">
        <v>0</v>
      </c>
      <c r="CK37" s="62">
        <v>0</v>
      </c>
      <c r="CL37" s="63">
        <v>0</v>
      </c>
      <c r="CM37" s="60">
        <v>2</v>
      </c>
      <c r="CN37" s="61">
        <v>1</v>
      </c>
      <c r="CO37" s="62">
        <v>3</v>
      </c>
      <c r="CP37" s="228"/>
      <c r="CQ37" s="61">
        <v>1</v>
      </c>
      <c r="CR37" s="61">
        <v>1</v>
      </c>
      <c r="CS37" s="61">
        <v>3</v>
      </c>
      <c r="CT37" s="61">
        <v>1</v>
      </c>
      <c r="CU37" s="61">
        <v>0</v>
      </c>
      <c r="CV37" s="62">
        <v>6</v>
      </c>
      <c r="CW37" s="63">
        <v>9</v>
      </c>
      <c r="CX37" s="113">
        <v>1</v>
      </c>
      <c r="CY37" s="72">
        <v>2</v>
      </c>
      <c r="CZ37" s="73">
        <v>3</v>
      </c>
      <c r="DA37" s="228"/>
      <c r="DB37" s="72">
        <v>1</v>
      </c>
      <c r="DC37" s="72">
        <v>1</v>
      </c>
      <c r="DD37" s="72">
        <v>2</v>
      </c>
      <c r="DE37" s="72">
        <v>0</v>
      </c>
      <c r="DF37" s="72">
        <v>0</v>
      </c>
      <c r="DG37" s="74">
        <v>4</v>
      </c>
      <c r="DH37" s="75">
        <v>7</v>
      </c>
      <c r="DI37" s="60">
        <v>0</v>
      </c>
      <c r="DJ37" s="61">
        <v>0</v>
      </c>
      <c r="DK37" s="62">
        <v>0</v>
      </c>
      <c r="DL37" s="228"/>
      <c r="DM37" s="61">
        <v>0</v>
      </c>
      <c r="DN37" s="61">
        <v>0</v>
      </c>
      <c r="DO37" s="61">
        <v>0</v>
      </c>
      <c r="DP37" s="61">
        <v>0</v>
      </c>
      <c r="DQ37" s="61">
        <v>0</v>
      </c>
      <c r="DR37" s="62">
        <v>0</v>
      </c>
      <c r="DS37" s="63">
        <v>0</v>
      </c>
      <c r="DT37" s="60">
        <v>0</v>
      </c>
      <c r="DU37" s="61">
        <v>0</v>
      </c>
      <c r="DV37" s="62">
        <v>0</v>
      </c>
      <c r="DW37" s="228"/>
      <c r="DX37" s="61">
        <v>0</v>
      </c>
      <c r="DY37" s="61">
        <v>0</v>
      </c>
      <c r="DZ37" s="61">
        <v>0</v>
      </c>
      <c r="EA37" s="61">
        <v>0</v>
      </c>
      <c r="EB37" s="61">
        <v>0</v>
      </c>
      <c r="EC37" s="62">
        <v>0</v>
      </c>
      <c r="ED37" s="63">
        <v>0</v>
      </c>
      <c r="EE37" s="60">
        <v>1</v>
      </c>
      <c r="EF37" s="61">
        <v>1</v>
      </c>
      <c r="EG37" s="62">
        <v>2</v>
      </c>
      <c r="EH37" s="228"/>
      <c r="EI37" s="61">
        <v>0</v>
      </c>
      <c r="EJ37" s="61">
        <v>0</v>
      </c>
      <c r="EK37" s="61">
        <v>1</v>
      </c>
      <c r="EL37" s="61">
        <v>0</v>
      </c>
      <c r="EM37" s="61">
        <v>0</v>
      </c>
      <c r="EN37" s="62">
        <v>1</v>
      </c>
      <c r="EO37" s="63">
        <v>3</v>
      </c>
      <c r="EP37" s="60">
        <v>0</v>
      </c>
      <c r="EQ37" s="61">
        <v>0</v>
      </c>
      <c r="ER37" s="62">
        <v>0</v>
      </c>
      <c r="ES37" s="228"/>
      <c r="ET37" s="61">
        <v>0</v>
      </c>
      <c r="EU37" s="61">
        <v>0</v>
      </c>
      <c r="EV37" s="61">
        <v>1</v>
      </c>
      <c r="EW37" s="61">
        <v>0</v>
      </c>
      <c r="EX37" s="61">
        <v>0</v>
      </c>
      <c r="EY37" s="62">
        <v>1</v>
      </c>
      <c r="EZ37" s="63">
        <v>1</v>
      </c>
      <c r="FA37" s="60">
        <v>0</v>
      </c>
      <c r="FB37" s="61">
        <v>1</v>
      </c>
      <c r="FC37" s="62">
        <v>1</v>
      </c>
      <c r="FD37" s="228"/>
      <c r="FE37" s="61">
        <v>1</v>
      </c>
      <c r="FF37" s="61">
        <v>1</v>
      </c>
      <c r="FG37" s="61">
        <v>0</v>
      </c>
      <c r="FH37" s="61">
        <v>0</v>
      </c>
      <c r="FI37" s="61">
        <v>0</v>
      </c>
      <c r="FJ37" s="62">
        <v>2</v>
      </c>
      <c r="FK37" s="63">
        <v>3</v>
      </c>
      <c r="FL37" s="60">
        <v>0</v>
      </c>
      <c r="FM37" s="61">
        <v>0</v>
      </c>
      <c r="FN37" s="62">
        <v>0</v>
      </c>
      <c r="FO37" s="228"/>
      <c r="FP37" s="61">
        <v>0</v>
      </c>
      <c r="FQ37" s="61">
        <v>0</v>
      </c>
      <c r="FR37" s="61">
        <v>0</v>
      </c>
      <c r="FS37" s="61">
        <v>0</v>
      </c>
      <c r="FT37" s="61">
        <v>0</v>
      </c>
      <c r="FU37" s="62">
        <v>0</v>
      </c>
      <c r="FV37" s="63">
        <v>0</v>
      </c>
      <c r="FW37" s="60">
        <v>0</v>
      </c>
      <c r="FX37" s="61">
        <v>0</v>
      </c>
      <c r="FY37" s="62">
        <v>0</v>
      </c>
      <c r="FZ37" s="228"/>
      <c r="GA37" s="61">
        <v>0</v>
      </c>
      <c r="GB37" s="61">
        <v>0</v>
      </c>
      <c r="GC37" s="61">
        <v>0</v>
      </c>
      <c r="GD37" s="61">
        <v>0</v>
      </c>
      <c r="GE37" s="61">
        <v>0</v>
      </c>
      <c r="GF37" s="62">
        <v>0</v>
      </c>
      <c r="GG37" s="63">
        <v>0</v>
      </c>
      <c r="GH37" s="60">
        <v>1</v>
      </c>
      <c r="GI37" s="61">
        <v>2</v>
      </c>
      <c r="GJ37" s="62">
        <v>3</v>
      </c>
      <c r="GK37" s="228"/>
      <c r="GL37" s="61">
        <v>1</v>
      </c>
      <c r="GM37" s="61">
        <v>1</v>
      </c>
      <c r="GN37" s="61">
        <v>2</v>
      </c>
      <c r="GO37" s="61">
        <v>0</v>
      </c>
      <c r="GP37" s="61">
        <v>0</v>
      </c>
      <c r="GQ37" s="62">
        <v>4</v>
      </c>
      <c r="GR37" s="63">
        <v>7</v>
      </c>
      <c r="GS37" s="113">
        <v>3</v>
      </c>
      <c r="GT37" s="72">
        <v>3</v>
      </c>
      <c r="GU37" s="73">
        <v>6</v>
      </c>
      <c r="GV37" s="228"/>
      <c r="GW37" s="72">
        <v>2</v>
      </c>
      <c r="GX37" s="72">
        <v>2</v>
      </c>
      <c r="GY37" s="72">
        <v>5</v>
      </c>
      <c r="GZ37" s="72">
        <v>1</v>
      </c>
      <c r="HA37" s="72">
        <v>0</v>
      </c>
      <c r="HB37" s="74">
        <v>10</v>
      </c>
      <c r="HC37" s="75">
        <v>16</v>
      </c>
      <c r="HD37" s="60">
        <v>0</v>
      </c>
      <c r="HE37" s="61">
        <v>0</v>
      </c>
      <c r="HF37" s="62">
        <v>0</v>
      </c>
      <c r="HG37" s="228"/>
      <c r="HH37" s="61">
        <v>0</v>
      </c>
      <c r="HI37" s="61">
        <v>1</v>
      </c>
      <c r="HJ37" s="61">
        <v>0</v>
      </c>
      <c r="HK37" s="61">
        <v>0</v>
      </c>
      <c r="HL37" s="61">
        <v>0</v>
      </c>
      <c r="HM37" s="62">
        <v>1</v>
      </c>
      <c r="HN37" s="63">
        <v>1</v>
      </c>
      <c r="HO37" s="60">
        <v>0</v>
      </c>
      <c r="HP37" s="61">
        <v>0</v>
      </c>
      <c r="HQ37" s="62">
        <v>0</v>
      </c>
      <c r="HR37" s="228"/>
      <c r="HS37" s="61">
        <v>0</v>
      </c>
      <c r="HT37" s="61">
        <v>0</v>
      </c>
      <c r="HU37" s="61">
        <v>0</v>
      </c>
      <c r="HV37" s="61">
        <v>0</v>
      </c>
      <c r="HW37" s="61">
        <v>0</v>
      </c>
      <c r="HX37" s="62">
        <v>0</v>
      </c>
      <c r="HY37" s="63">
        <v>0</v>
      </c>
      <c r="HZ37" s="60">
        <v>2</v>
      </c>
      <c r="IA37" s="61">
        <v>1</v>
      </c>
      <c r="IB37" s="62">
        <v>3</v>
      </c>
      <c r="IC37" s="228"/>
      <c r="ID37" s="61">
        <v>0</v>
      </c>
      <c r="IE37" s="61">
        <v>0</v>
      </c>
      <c r="IF37" s="61">
        <v>1</v>
      </c>
      <c r="IG37" s="61">
        <v>0</v>
      </c>
      <c r="IH37" s="61">
        <v>0</v>
      </c>
      <c r="II37" s="62">
        <v>1</v>
      </c>
      <c r="IJ37" s="63">
        <v>4</v>
      </c>
      <c r="IK37" s="60">
        <v>1</v>
      </c>
      <c r="IL37" s="61">
        <v>1</v>
      </c>
      <c r="IM37" s="62">
        <v>2</v>
      </c>
      <c r="IN37" s="228"/>
      <c r="IO37" s="61">
        <v>0</v>
      </c>
      <c r="IP37" s="61">
        <v>0</v>
      </c>
      <c r="IQ37" s="61">
        <v>1</v>
      </c>
      <c r="IR37" s="61">
        <v>1</v>
      </c>
      <c r="IS37" s="61">
        <v>0</v>
      </c>
      <c r="IT37" s="62">
        <v>2</v>
      </c>
      <c r="IU37" s="63">
        <v>4</v>
      </c>
      <c r="IV37" s="60">
        <v>0</v>
      </c>
      <c r="IW37" s="61">
        <v>1</v>
      </c>
      <c r="IX37" s="62">
        <v>1</v>
      </c>
      <c r="IY37" s="228"/>
      <c r="IZ37" s="61">
        <v>2</v>
      </c>
      <c r="JA37" s="61">
        <v>1</v>
      </c>
      <c r="JB37" s="61">
        <v>0</v>
      </c>
      <c r="JC37" s="61">
        <v>0</v>
      </c>
      <c r="JD37" s="61">
        <v>0</v>
      </c>
      <c r="JE37" s="62">
        <v>3</v>
      </c>
      <c r="JF37" s="63">
        <v>4</v>
      </c>
      <c r="JG37" s="60">
        <v>0</v>
      </c>
      <c r="JH37" s="61">
        <v>0</v>
      </c>
      <c r="JI37" s="62">
        <v>0</v>
      </c>
      <c r="JJ37" s="228"/>
      <c r="JK37" s="61">
        <v>0</v>
      </c>
      <c r="JL37" s="61">
        <v>0</v>
      </c>
      <c r="JM37" s="61">
        <v>3</v>
      </c>
      <c r="JN37" s="61">
        <v>0</v>
      </c>
      <c r="JO37" s="61">
        <v>0</v>
      </c>
      <c r="JP37" s="62">
        <v>3</v>
      </c>
      <c r="JQ37" s="63">
        <v>3</v>
      </c>
      <c r="JR37" s="60">
        <v>0</v>
      </c>
      <c r="JS37" s="61">
        <v>0</v>
      </c>
      <c r="JT37" s="62">
        <v>0</v>
      </c>
      <c r="JU37" s="228"/>
      <c r="JV37" s="61">
        <v>0</v>
      </c>
      <c r="JW37" s="61">
        <v>0</v>
      </c>
      <c r="JX37" s="61">
        <v>0</v>
      </c>
      <c r="JY37" s="61">
        <v>0</v>
      </c>
      <c r="JZ37" s="61">
        <v>0</v>
      </c>
      <c r="KA37" s="62">
        <v>0</v>
      </c>
      <c r="KB37" s="63">
        <v>0</v>
      </c>
      <c r="KC37" s="60">
        <v>3</v>
      </c>
      <c r="KD37" s="61">
        <v>3</v>
      </c>
      <c r="KE37" s="62">
        <v>6</v>
      </c>
      <c r="KF37" s="228"/>
      <c r="KG37" s="61">
        <v>2</v>
      </c>
      <c r="KH37" s="61">
        <v>2</v>
      </c>
      <c r="KI37" s="61">
        <v>5</v>
      </c>
      <c r="KJ37" s="61">
        <v>1</v>
      </c>
      <c r="KK37" s="61">
        <v>0</v>
      </c>
      <c r="KL37" s="62">
        <v>10</v>
      </c>
      <c r="KM37" s="63">
        <v>16</v>
      </c>
    </row>
    <row r="38" spans="2:299" ht="21" customHeight="1" x14ac:dyDescent="0.2">
      <c r="B38" s="472" t="s">
        <v>35</v>
      </c>
      <c r="C38" s="293">
        <v>9</v>
      </c>
      <c r="D38" s="72">
        <v>11</v>
      </c>
      <c r="E38" s="73">
        <v>20</v>
      </c>
      <c r="F38" s="228"/>
      <c r="G38" s="72">
        <v>15</v>
      </c>
      <c r="H38" s="72">
        <v>7</v>
      </c>
      <c r="I38" s="72">
        <v>3</v>
      </c>
      <c r="J38" s="72">
        <v>3</v>
      </c>
      <c r="K38" s="72">
        <v>1</v>
      </c>
      <c r="L38" s="74">
        <v>29</v>
      </c>
      <c r="M38" s="75">
        <v>49</v>
      </c>
      <c r="N38" s="60">
        <v>0</v>
      </c>
      <c r="O38" s="61">
        <v>0</v>
      </c>
      <c r="P38" s="62">
        <v>0</v>
      </c>
      <c r="Q38" s="228"/>
      <c r="R38" s="61">
        <v>0</v>
      </c>
      <c r="S38" s="61">
        <v>0</v>
      </c>
      <c r="T38" s="61">
        <v>0</v>
      </c>
      <c r="U38" s="61">
        <v>1</v>
      </c>
      <c r="V38" s="61">
        <v>0</v>
      </c>
      <c r="W38" s="62">
        <v>1</v>
      </c>
      <c r="X38" s="63">
        <v>1</v>
      </c>
      <c r="Y38" s="60">
        <v>1</v>
      </c>
      <c r="Z38" s="61">
        <v>0</v>
      </c>
      <c r="AA38" s="62">
        <v>1</v>
      </c>
      <c r="AB38" s="228"/>
      <c r="AC38" s="61">
        <v>1</v>
      </c>
      <c r="AD38" s="61">
        <v>0</v>
      </c>
      <c r="AE38" s="61">
        <v>0</v>
      </c>
      <c r="AF38" s="61">
        <v>0</v>
      </c>
      <c r="AG38" s="61">
        <v>0</v>
      </c>
      <c r="AH38" s="62">
        <v>1</v>
      </c>
      <c r="AI38" s="63">
        <v>2</v>
      </c>
      <c r="AJ38" s="60">
        <v>1</v>
      </c>
      <c r="AK38" s="61">
        <v>2</v>
      </c>
      <c r="AL38" s="62">
        <v>3</v>
      </c>
      <c r="AM38" s="228"/>
      <c r="AN38" s="61">
        <v>4</v>
      </c>
      <c r="AO38" s="61">
        <v>1</v>
      </c>
      <c r="AP38" s="61">
        <v>2</v>
      </c>
      <c r="AQ38" s="61">
        <v>1</v>
      </c>
      <c r="AR38" s="61">
        <v>0</v>
      </c>
      <c r="AS38" s="62">
        <v>8</v>
      </c>
      <c r="AT38" s="63">
        <v>11</v>
      </c>
      <c r="AU38" s="60">
        <v>2</v>
      </c>
      <c r="AV38" s="61">
        <v>3</v>
      </c>
      <c r="AW38" s="62">
        <v>5</v>
      </c>
      <c r="AX38" s="228"/>
      <c r="AY38" s="61">
        <v>4</v>
      </c>
      <c r="AZ38" s="61">
        <v>3</v>
      </c>
      <c r="BA38" s="61">
        <v>1</v>
      </c>
      <c r="BB38" s="61">
        <v>0</v>
      </c>
      <c r="BC38" s="61">
        <v>0</v>
      </c>
      <c r="BD38" s="62">
        <v>8</v>
      </c>
      <c r="BE38" s="63">
        <v>13</v>
      </c>
      <c r="BF38" s="60">
        <v>1</v>
      </c>
      <c r="BG38" s="61">
        <v>4</v>
      </c>
      <c r="BH38" s="62">
        <v>5</v>
      </c>
      <c r="BI38" s="228"/>
      <c r="BJ38" s="61">
        <v>5</v>
      </c>
      <c r="BK38" s="61">
        <v>1</v>
      </c>
      <c r="BL38" s="61">
        <v>0</v>
      </c>
      <c r="BM38" s="61">
        <v>0</v>
      </c>
      <c r="BN38" s="61">
        <v>1</v>
      </c>
      <c r="BO38" s="62">
        <v>7</v>
      </c>
      <c r="BP38" s="63">
        <v>12</v>
      </c>
      <c r="BQ38" s="60">
        <v>4</v>
      </c>
      <c r="BR38" s="61">
        <v>2</v>
      </c>
      <c r="BS38" s="62">
        <v>6</v>
      </c>
      <c r="BT38" s="228"/>
      <c r="BU38" s="61">
        <v>1</v>
      </c>
      <c r="BV38" s="61">
        <v>2</v>
      </c>
      <c r="BW38" s="61">
        <v>0</v>
      </c>
      <c r="BX38" s="61">
        <v>1</v>
      </c>
      <c r="BY38" s="61">
        <v>0</v>
      </c>
      <c r="BZ38" s="62">
        <v>4</v>
      </c>
      <c r="CA38" s="63">
        <v>10</v>
      </c>
      <c r="CB38" s="60">
        <v>0</v>
      </c>
      <c r="CC38" s="61">
        <v>0</v>
      </c>
      <c r="CD38" s="62">
        <v>0</v>
      </c>
      <c r="CE38" s="228"/>
      <c r="CF38" s="61">
        <v>0</v>
      </c>
      <c r="CG38" s="61">
        <v>0</v>
      </c>
      <c r="CH38" s="61">
        <v>0</v>
      </c>
      <c r="CI38" s="61">
        <v>0</v>
      </c>
      <c r="CJ38" s="61">
        <v>0</v>
      </c>
      <c r="CK38" s="62">
        <v>0</v>
      </c>
      <c r="CL38" s="63">
        <v>0</v>
      </c>
      <c r="CM38" s="60">
        <v>9</v>
      </c>
      <c r="CN38" s="61">
        <v>11</v>
      </c>
      <c r="CO38" s="62">
        <v>20</v>
      </c>
      <c r="CP38" s="228"/>
      <c r="CQ38" s="61">
        <v>15</v>
      </c>
      <c r="CR38" s="61">
        <v>7</v>
      </c>
      <c r="CS38" s="61">
        <v>3</v>
      </c>
      <c r="CT38" s="61">
        <v>3</v>
      </c>
      <c r="CU38" s="61">
        <v>1</v>
      </c>
      <c r="CV38" s="62">
        <v>29</v>
      </c>
      <c r="CW38" s="63">
        <v>49</v>
      </c>
      <c r="CX38" s="113">
        <v>4</v>
      </c>
      <c r="CY38" s="72">
        <v>3</v>
      </c>
      <c r="CZ38" s="73">
        <v>7</v>
      </c>
      <c r="DA38" s="228"/>
      <c r="DB38" s="72">
        <v>6</v>
      </c>
      <c r="DC38" s="72">
        <v>1</v>
      </c>
      <c r="DD38" s="72">
        <v>1</v>
      </c>
      <c r="DE38" s="72">
        <v>3</v>
      </c>
      <c r="DF38" s="72">
        <v>2</v>
      </c>
      <c r="DG38" s="74">
        <v>13</v>
      </c>
      <c r="DH38" s="75">
        <v>20</v>
      </c>
      <c r="DI38" s="60">
        <v>0</v>
      </c>
      <c r="DJ38" s="61">
        <v>0</v>
      </c>
      <c r="DK38" s="62">
        <v>0</v>
      </c>
      <c r="DL38" s="228"/>
      <c r="DM38" s="61">
        <v>0</v>
      </c>
      <c r="DN38" s="61">
        <v>0</v>
      </c>
      <c r="DO38" s="61">
        <v>0</v>
      </c>
      <c r="DP38" s="61">
        <v>0</v>
      </c>
      <c r="DQ38" s="61">
        <v>0</v>
      </c>
      <c r="DR38" s="62">
        <v>0</v>
      </c>
      <c r="DS38" s="63">
        <v>0</v>
      </c>
      <c r="DT38" s="60">
        <v>1</v>
      </c>
      <c r="DU38" s="61">
        <v>0</v>
      </c>
      <c r="DV38" s="62">
        <v>1</v>
      </c>
      <c r="DW38" s="228"/>
      <c r="DX38" s="61">
        <v>1</v>
      </c>
      <c r="DY38" s="61">
        <v>0</v>
      </c>
      <c r="DZ38" s="61">
        <v>0</v>
      </c>
      <c r="EA38" s="61">
        <v>0</v>
      </c>
      <c r="EB38" s="61">
        <v>0</v>
      </c>
      <c r="EC38" s="62">
        <v>1</v>
      </c>
      <c r="ED38" s="63">
        <v>2</v>
      </c>
      <c r="EE38" s="60">
        <v>1</v>
      </c>
      <c r="EF38" s="61">
        <v>0</v>
      </c>
      <c r="EG38" s="62">
        <v>1</v>
      </c>
      <c r="EH38" s="228"/>
      <c r="EI38" s="61">
        <v>0</v>
      </c>
      <c r="EJ38" s="61">
        <v>1</v>
      </c>
      <c r="EK38" s="61">
        <v>0</v>
      </c>
      <c r="EL38" s="61">
        <v>0</v>
      </c>
      <c r="EM38" s="61">
        <v>0</v>
      </c>
      <c r="EN38" s="62">
        <v>1</v>
      </c>
      <c r="EO38" s="63">
        <v>2</v>
      </c>
      <c r="EP38" s="60">
        <v>0</v>
      </c>
      <c r="EQ38" s="61">
        <v>0</v>
      </c>
      <c r="ER38" s="62">
        <v>0</v>
      </c>
      <c r="ES38" s="228"/>
      <c r="ET38" s="61">
        <v>1</v>
      </c>
      <c r="EU38" s="61">
        <v>0</v>
      </c>
      <c r="EV38" s="61">
        <v>0</v>
      </c>
      <c r="EW38" s="61">
        <v>1</v>
      </c>
      <c r="EX38" s="61">
        <v>0</v>
      </c>
      <c r="EY38" s="62">
        <v>2</v>
      </c>
      <c r="EZ38" s="63">
        <v>2</v>
      </c>
      <c r="FA38" s="60">
        <v>0</v>
      </c>
      <c r="FB38" s="61">
        <v>1</v>
      </c>
      <c r="FC38" s="62">
        <v>1</v>
      </c>
      <c r="FD38" s="228"/>
      <c r="FE38" s="61">
        <v>2</v>
      </c>
      <c r="FF38" s="61">
        <v>0</v>
      </c>
      <c r="FG38" s="61">
        <v>0</v>
      </c>
      <c r="FH38" s="61">
        <v>0</v>
      </c>
      <c r="FI38" s="61">
        <v>1</v>
      </c>
      <c r="FJ38" s="62">
        <v>3</v>
      </c>
      <c r="FK38" s="63">
        <v>4</v>
      </c>
      <c r="FL38" s="60">
        <v>2</v>
      </c>
      <c r="FM38" s="61">
        <v>2</v>
      </c>
      <c r="FN38" s="62">
        <v>4</v>
      </c>
      <c r="FO38" s="228"/>
      <c r="FP38" s="61">
        <v>2</v>
      </c>
      <c r="FQ38" s="61">
        <v>0</v>
      </c>
      <c r="FR38" s="61">
        <v>1</v>
      </c>
      <c r="FS38" s="61">
        <v>2</v>
      </c>
      <c r="FT38" s="61">
        <v>1</v>
      </c>
      <c r="FU38" s="62">
        <v>6</v>
      </c>
      <c r="FV38" s="63">
        <v>10</v>
      </c>
      <c r="FW38" s="60">
        <v>0</v>
      </c>
      <c r="FX38" s="61">
        <v>0</v>
      </c>
      <c r="FY38" s="62">
        <v>0</v>
      </c>
      <c r="FZ38" s="228"/>
      <c r="GA38" s="61">
        <v>0</v>
      </c>
      <c r="GB38" s="61">
        <v>0</v>
      </c>
      <c r="GC38" s="61">
        <v>0</v>
      </c>
      <c r="GD38" s="61">
        <v>0</v>
      </c>
      <c r="GE38" s="61">
        <v>0</v>
      </c>
      <c r="GF38" s="62">
        <v>0</v>
      </c>
      <c r="GG38" s="63">
        <v>0</v>
      </c>
      <c r="GH38" s="60">
        <v>4</v>
      </c>
      <c r="GI38" s="61">
        <v>3</v>
      </c>
      <c r="GJ38" s="62">
        <v>7</v>
      </c>
      <c r="GK38" s="228"/>
      <c r="GL38" s="61">
        <v>6</v>
      </c>
      <c r="GM38" s="61">
        <v>1</v>
      </c>
      <c r="GN38" s="61">
        <v>1</v>
      </c>
      <c r="GO38" s="61">
        <v>3</v>
      </c>
      <c r="GP38" s="61">
        <v>2</v>
      </c>
      <c r="GQ38" s="62">
        <v>13</v>
      </c>
      <c r="GR38" s="63">
        <v>20</v>
      </c>
      <c r="GS38" s="113">
        <v>13</v>
      </c>
      <c r="GT38" s="72">
        <v>14</v>
      </c>
      <c r="GU38" s="73">
        <v>27</v>
      </c>
      <c r="GV38" s="228"/>
      <c r="GW38" s="72">
        <v>21</v>
      </c>
      <c r="GX38" s="72">
        <v>8</v>
      </c>
      <c r="GY38" s="72">
        <v>4</v>
      </c>
      <c r="GZ38" s="72">
        <v>6</v>
      </c>
      <c r="HA38" s="72">
        <v>3</v>
      </c>
      <c r="HB38" s="74">
        <v>42</v>
      </c>
      <c r="HC38" s="75">
        <v>69</v>
      </c>
      <c r="HD38" s="60">
        <v>0</v>
      </c>
      <c r="HE38" s="61">
        <v>0</v>
      </c>
      <c r="HF38" s="62">
        <v>0</v>
      </c>
      <c r="HG38" s="228"/>
      <c r="HH38" s="61">
        <v>0</v>
      </c>
      <c r="HI38" s="61">
        <v>0</v>
      </c>
      <c r="HJ38" s="61">
        <v>0</v>
      </c>
      <c r="HK38" s="61">
        <v>1</v>
      </c>
      <c r="HL38" s="61">
        <v>0</v>
      </c>
      <c r="HM38" s="62">
        <v>1</v>
      </c>
      <c r="HN38" s="63">
        <v>1</v>
      </c>
      <c r="HO38" s="60">
        <v>2</v>
      </c>
      <c r="HP38" s="61">
        <v>0</v>
      </c>
      <c r="HQ38" s="62">
        <v>2</v>
      </c>
      <c r="HR38" s="228"/>
      <c r="HS38" s="61">
        <v>2</v>
      </c>
      <c r="HT38" s="61">
        <v>0</v>
      </c>
      <c r="HU38" s="61">
        <v>0</v>
      </c>
      <c r="HV38" s="61">
        <v>0</v>
      </c>
      <c r="HW38" s="61">
        <v>0</v>
      </c>
      <c r="HX38" s="62">
        <v>2</v>
      </c>
      <c r="HY38" s="63">
        <v>4</v>
      </c>
      <c r="HZ38" s="60">
        <v>2</v>
      </c>
      <c r="IA38" s="61">
        <v>2</v>
      </c>
      <c r="IB38" s="62">
        <v>4</v>
      </c>
      <c r="IC38" s="228"/>
      <c r="ID38" s="61">
        <v>4</v>
      </c>
      <c r="IE38" s="61">
        <v>2</v>
      </c>
      <c r="IF38" s="61">
        <v>2</v>
      </c>
      <c r="IG38" s="61">
        <v>1</v>
      </c>
      <c r="IH38" s="61">
        <v>0</v>
      </c>
      <c r="II38" s="62">
        <v>9</v>
      </c>
      <c r="IJ38" s="63">
        <v>13</v>
      </c>
      <c r="IK38" s="60">
        <v>2</v>
      </c>
      <c r="IL38" s="61">
        <v>3</v>
      </c>
      <c r="IM38" s="62">
        <v>5</v>
      </c>
      <c r="IN38" s="228"/>
      <c r="IO38" s="61">
        <v>5</v>
      </c>
      <c r="IP38" s="61">
        <v>3</v>
      </c>
      <c r="IQ38" s="61">
        <v>1</v>
      </c>
      <c r="IR38" s="61">
        <v>1</v>
      </c>
      <c r="IS38" s="61">
        <v>0</v>
      </c>
      <c r="IT38" s="62">
        <v>10</v>
      </c>
      <c r="IU38" s="63">
        <v>15</v>
      </c>
      <c r="IV38" s="60">
        <v>1</v>
      </c>
      <c r="IW38" s="61">
        <v>5</v>
      </c>
      <c r="IX38" s="62">
        <v>6</v>
      </c>
      <c r="IY38" s="228"/>
      <c r="IZ38" s="61">
        <v>7</v>
      </c>
      <c r="JA38" s="61">
        <v>1</v>
      </c>
      <c r="JB38" s="61">
        <v>0</v>
      </c>
      <c r="JC38" s="61">
        <v>0</v>
      </c>
      <c r="JD38" s="61">
        <v>2</v>
      </c>
      <c r="JE38" s="62">
        <v>10</v>
      </c>
      <c r="JF38" s="63">
        <v>16</v>
      </c>
      <c r="JG38" s="60">
        <v>6</v>
      </c>
      <c r="JH38" s="61">
        <v>4</v>
      </c>
      <c r="JI38" s="62">
        <v>10</v>
      </c>
      <c r="JJ38" s="228"/>
      <c r="JK38" s="61">
        <v>3</v>
      </c>
      <c r="JL38" s="61">
        <v>2</v>
      </c>
      <c r="JM38" s="61">
        <v>1</v>
      </c>
      <c r="JN38" s="61">
        <v>3</v>
      </c>
      <c r="JO38" s="61">
        <v>1</v>
      </c>
      <c r="JP38" s="62">
        <v>10</v>
      </c>
      <c r="JQ38" s="63">
        <v>20</v>
      </c>
      <c r="JR38" s="60">
        <v>0</v>
      </c>
      <c r="JS38" s="61">
        <v>0</v>
      </c>
      <c r="JT38" s="62">
        <v>0</v>
      </c>
      <c r="JU38" s="228"/>
      <c r="JV38" s="61">
        <v>0</v>
      </c>
      <c r="JW38" s="61">
        <v>0</v>
      </c>
      <c r="JX38" s="61">
        <v>0</v>
      </c>
      <c r="JY38" s="61">
        <v>0</v>
      </c>
      <c r="JZ38" s="61">
        <v>0</v>
      </c>
      <c r="KA38" s="62">
        <v>0</v>
      </c>
      <c r="KB38" s="63">
        <v>0</v>
      </c>
      <c r="KC38" s="60">
        <v>13</v>
      </c>
      <c r="KD38" s="61">
        <v>14</v>
      </c>
      <c r="KE38" s="62">
        <v>27</v>
      </c>
      <c r="KF38" s="228"/>
      <c r="KG38" s="61">
        <v>21</v>
      </c>
      <c r="KH38" s="61">
        <v>8</v>
      </c>
      <c r="KI38" s="61">
        <v>4</v>
      </c>
      <c r="KJ38" s="61">
        <v>6</v>
      </c>
      <c r="KK38" s="61">
        <v>3</v>
      </c>
      <c r="KL38" s="62">
        <v>42</v>
      </c>
      <c r="KM38" s="63">
        <v>69</v>
      </c>
    </row>
    <row r="39" spans="2:299" ht="21" customHeight="1" x14ac:dyDescent="0.2">
      <c r="B39" s="472" t="s">
        <v>36</v>
      </c>
      <c r="C39" s="293">
        <v>6</v>
      </c>
      <c r="D39" s="72">
        <v>5</v>
      </c>
      <c r="E39" s="73">
        <v>11</v>
      </c>
      <c r="F39" s="228"/>
      <c r="G39" s="72">
        <v>10</v>
      </c>
      <c r="H39" s="72">
        <v>9</v>
      </c>
      <c r="I39" s="72">
        <v>6</v>
      </c>
      <c r="J39" s="72">
        <v>4</v>
      </c>
      <c r="K39" s="72">
        <v>3</v>
      </c>
      <c r="L39" s="74">
        <v>32</v>
      </c>
      <c r="M39" s="75">
        <v>43</v>
      </c>
      <c r="N39" s="60">
        <v>0</v>
      </c>
      <c r="O39" s="61">
        <v>0</v>
      </c>
      <c r="P39" s="62">
        <v>0</v>
      </c>
      <c r="Q39" s="228"/>
      <c r="R39" s="61">
        <v>0</v>
      </c>
      <c r="S39" s="61">
        <v>1</v>
      </c>
      <c r="T39" s="61">
        <v>0</v>
      </c>
      <c r="U39" s="61">
        <v>0</v>
      </c>
      <c r="V39" s="61">
        <v>0</v>
      </c>
      <c r="W39" s="62">
        <v>1</v>
      </c>
      <c r="X39" s="63">
        <v>1</v>
      </c>
      <c r="Y39" s="60">
        <v>0</v>
      </c>
      <c r="Z39" s="61">
        <v>1</v>
      </c>
      <c r="AA39" s="62">
        <v>1</v>
      </c>
      <c r="AB39" s="228"/>
      <c r="AC39" s="61">
        <v>0</v>
      </c>
      <c r="AD39" s="61">
        <v>2</v>
      </c>
      <c r="AE39" s="61">
        <v>0</v>
      </c>
      <c r="AF39" s="61">
        <v>0</v>
      </c>
      <c r="AG39" s="61">
        <v>0</v>
      </c>
      <c r="AH39" s="62">
        <v>2</v>
      </c>
      <c r="AI39" s="63">
        <v>3</v>
      </c>
      <c r="AJ39" s="60">
        <v>1</v>
      </c>
      <c r="AK39" s="61">
        <v>0</v>
      </c>
      <c r="AL39" s="62">
        <v>1</v>
      </c>
      <c r="AM39" s="228"/>
      <c r="AN39" s="61">
        <v>1</v>
      </c>
      <c r="AO39" s="61">
        <v>1</v>
      </c>
      <c r="AP39" s="61">
        <v>1</v>
      </c>
      <c r="AQ39" s="61">
        <v>0</v>
      </c>
      <c r="AR39" s="61">
        <v>0</v>
      </c>
      <c r="AS39" s="62">
        <v>3</v>
      </c>
      <c r="AT39" s="63">
        <v>4</v>
      </c>
      <c r="AU39" s="60">
        <v>3</v>
      </c>
      <c r="AV39" s="61">
        <v>0</v>
      </c>
      <c r="AW39" s="62">
        <v>3</v>
      </c>
      <c r="AX39" s="228"/>
      <c r="AY39" s="61">
        <v>5</v>
      </c>
      <c r="AZ39" s="61">
        <v>2</v>
      </c>
      <c r="BA39" s="61">
        <v>1</v>
      </c>
      <c r="BB39" s="61">
        <v>1</v>
      </c>
      <c r="BC39" s="61">
        <v>1</v>
      </c>
      <c r="BD39" s="62">
        <v>10</v>
      </c>
      <c r="BE39" s="63">
        <v>13</v>
      </c>
      <c r="BF39" s="60">
        <v>2</v>
      </c>
      <c r="BG39" s="61">
        <v>2</v>
      </c>
      <c r="BH39" s="62">
        <v>4</v>
      </c>
      <c r="BI39" s="228"/>
      <c r="BJ39" s="61">
        <v>4</v>
      </c>
      <c r="BK39" s="61">
        <v>2</v>
      </c>
      <c r="BL39" s="61">
        <v>2</v>
      </c>
      <c r="BM39" s="61">
        <v>1</v>
      </c>
      <c r="BN39" s="61">
        <v>1</v>
      </c>
      <c r="BO39" s="62">
        <v>10</v>
      </c>
      <c r="BP39" s="63">
        <v>14</v>
      </c>
      <c r="BQ39" s="60">
        <v>0</v>
      </c>
      <c r="BR39" s="61">
        <v>2</v>
      </c>
      <c r="BS39" s="62">
        <v>2</v>
      </c>
      <c r="BT39" s="228"/>
      <c r="BU39" s="61">
        <v>0</v>
      </c>
      <c r="BV39" s="61">
        <v>1</v>
      </c>
      <c r="BW39" s="61">
        <v>2</v>
      </c>
      <c r="BX39" s="61">
        <v>2</v>
      </c>
      <c r="BY39" s="61">
        <v>1</v>
      </c>
      <c r="BZ39" s="62">
        <v>6</v>
      </c>
      <c r="CA39" s="63">
        <v>8</v>
      </c>
      <c r="CB39" s="60">
        <v>0</v>
      </c>
      <c r="CC39" s="61">
        <v>0</v>
      </c>
      <c r="CD39" s="62">
        <v>0</v>
      </c>
      <c r="CE39" s="228"/>
      <c r="CF39" s="61">
        <v>0</v>
      </c>
      <c r="CG39" s="61">
        <v>0</v>
      </c>
      <c r="CH39" s="61">
        <v>0</v>
      </c>
      <c r="CI39" s="61">
        <v>0</v>
      </c>
      <c r="CJ39" s="61">
        <v>0</v>
      </c>
      <c r="CK39" s="62">
        <v>0</v>
      </c>
      <c r="CL39" s="63">
        <v>0</v>
      </c>
      <c r="CM39" s="60">
        <v>6</v>
      </c>
      <c r="CN39" s="61">
        <v>5</v>
      </c>
      <c r="CO39" s="62">
        <v>11</v>
      </c>
      <c r="CP39" s="228"/>
      <c r="CQ39" s="61">
        <v>10</v>
      </c>
      <c r="CR39" s="61">
        <v>9</v>
      </c>
      <c r="CS39" s="61">
        <v>6</v>
      </c>
      <c r="CT39" s="61">
        <v>4</v>
      </c>
      <c r="CU39" s="61">
        <v>3</v>
      </c>
      <c r="CV39" s="62">
        <v>32</v>
      </c>
      <c r="CW39" s="63">
        <v>43</v>
      </c>
      <c r="CX39" s="113">
        <v>1</v>
      </c>
      <c r="CY39" s="72">
        <v>6</v>
      </c>
      <c r="CZ39" s="73">
        <v>7</v>
      </c>
      <c r="DA39" s="228"/>
      <c r="DB39" s="72">
        <v>1</v>
      </c>
      <c r="DC39" s="72">
        <v>7</v>
      </c>
      <c r="DD39" s="72">
        <v>2</v>
      </c>
      <c r="DE39" s="72">
        <v>2</v>
      </c>
      <c r="DF39" s="72">
        <v>2</v>
      </c>
      <c r="DG39" s="74">
        <v>14</v>
      </c>
      <c r="DH39" s="75">
        <v>21</v>
      </c>
      <c r="DI39" s="60">
        <v>0</v>
      </c>
      <c r="DJ39" s="61">
        <v>0</v>
      </c>
      <c r="DK39" s="62">
        <v>0</v>
      </c>
      <c r="DL39" s="228"/>
      <c r="DM39" s="61">
        <v>0</v>
      </c>
      <c r="DN39" s="61">
        <v>0</v>
      </c>
      <c r="DO39" s="61">
        <v>0</v>
      </c>
      <c r="DP39" s="61">
        <v>0</v>
      </c>
      <c r="DQ39" s="61">
        <v>0</v>
      </c>
      <c r="DR39" s="62">
        <v>0</v>
      </c>
      <c r="DS39" s="63">
        <v>0</v>
      </c>
      <c r="DT39" s="60">
        <v>0</v>
      </c>
      <c r="DU39" s="61">
        <v>0</v>
      </c>
      <c r="DV39" s="62">
        <v>0</v>
      </c>
      <c r="DW39" s="228"/>
      <c r="DX39" s="61">
        <v>0</v>
      </c>
      <c r="DY39" s="61">
        <v>0</v>
      </c>
      <c r="DZ39" s="61">
        <v>0</v>
      </c>
      <c r="EA39" s="61">
        <v>0</v>
      </c>
      <c r="EB39" s="61">
        <v>0</v>
      </c>
      <c r="EC39" s="62">
        <v>0</v>
      </c>
      <c r="ED39" s="63">
        <v>0</v>
      </c>
      <c r="EE39" s="60">
        <v>0</v>
      </c>
      <c r="EF39" s="61">
        <v>0</v>
      </c>
      <c r="EG39" s="62">
        <v>0</v>
      </c>
      <c r="EH39" s="228"/>
      <c r="EI39" s="61">
        <v>0</v>
      </c>
      <c r="EJ39" s="61">
        <v>0</v>
      </c>
      <c r="EK39" s="61">
        <v>0</v>
      </c>
      <c r="EL39" s="61">
        <v>0</v>
      </c>
      <c r="EM39" s="61">
        <v>0</v>
      </c>
      <c r="EN39" s="62">
        <v>0</v>
      </c>
      <c r="EO39" s="63">
        <v>0</v>
      </c>
      <c r="EP39" s="60">
        <v>0</v>
      </c>
      <c r="EQ39" s="61">
        <v>0</v>
      </c>
      <c r="ER39" s="62">
        <v>0</v>
      </c>
      <c r="ES39" s="228"/>
      <c r="ET39" s="61">
        <v>0</v>
      </c>
      <c r="EU39" s="61">
        <v>0</v>
      </c>
      <c r="EV39" s="61">
        <v>0</v>
      </c>
      <c r="EW39" s="61">
        <v>0</v>
      </c>
      <c r="EX39" s="61">
        <v>0</v>
      </c>
      <c r="EY39" s="62">
        <v>0</v>
      </c>
      <c r="EZ39" s="63">
        <v>0</v>
      </c>
      <c r="FA39" s="60">
        <v>0</v>
      </c>
      <c r="FB39" s="61">
        <v>4</v>
      </c>
      <c r="FC39" s="62">
        <v>4</v>
      </c>
      <c r="FD39" s="228"/>
      <c r="FE39" s="61">
        <v>1</v>
      </c>
      <c r="FF39" s="61">
        <v>3</v>
      </c>
      <c r="FG39" s="61">
        <v>2</v>
      </c>
      <c r="FH39" s="61">
        <v>2</v>
      </c>
      <c r="FI39" s="61">
        <v>1</v>
      </c>
      <c r="FJ39" s="62">
        <v>9</v>
      </c>
      <c r="FK39" s="63">
        <v>13</v>
      </c>
      <c r="FL39" s="60">
        <v>1</v>
      </c>
      <c r="FM39" s="61">
        <v>2</v>
      </c>
      <c r="FN39" s="62">
        <v>3</v>
      </c>
      <c r="FO39" s="228"/>
      <c r="FP39" s="61">
        <v>0</v>
      </c>
      <c r="FQ39" s="61">
        <v>4</v>
      </c>
      <c r="FR39" s="61">
        <v>0</v>
      </c>
      <c r="FS39" s="61">
        <v>0</v>
      </c>
      <c r="FT39" s="61">
        <v>1</v>
      </c>
      <c r="FU39" s="62">
        <v>5</v>
      </c>
      <c r="FV39" s="63">
        <v>8</v>
      </c>
      <c r="FW39" s="60">
        <v>0</v>
      </c>
      <c r="FX39" s="61">
        <v>0</v>
      </c>
      <c r="FY39" s="62">
        <v>0</v>
      </c>
      <c r="FZ39" s="228"/>
      <c r="GA39" s="61">
        <v>0</v>
      </c>
      <c r="GB39" s="61">
        <v>0</v>
      </c>
      <c r="GC39" s="61">
        <v>0</v>
      </c>
      <c r="GD39" s="61">
        <v>0</v>
      </c>
      <c r="GE39" s="61">
        <v>0</v>
      </c>
      <c r="GF39" s="62">
        <v>0</v>
      </c>
      <c r="GG39" s="63">
        <v>0</v>
      </c>
      <c r="GH39" s="60">
        <v>1</v>
      </c>
      <c r="GI39" s="61">
        <v>6</v>
      </c>
      <c r="GJ39" s="62">
        <v>7</v>
      </c>
      <c r="GK39" s="228"/>
      <c r="GL39" s="61">
        <v>1</v>
      </c>
      <c r="GM39" s="61">
        <v>7</v>
      </c>
      <c r="GN39" s="61">
        <v>2</v>
      </c>
      <c r="GO39" s="61">
        <v>2</v>
      </c>
      <c r="GP39" s="61">
        <v>2</v>
      </c>
      <c r="GQ39" s="62">
        <v>14</v>
      </c>
      <c r="GR39" s="63">
        <v>21</v>
      </c>
      <c r="GS39" s="113">
        <v>7</v>
      </c>
      <c r="GT39" s="72">
        <v>11</v>
      </c>
      <c r="GU39" s="73">
        <v>18</v>
      </c>
      <c r="GV39" s="228"/>
      <c r="GW39" s="72">
        <v>11</v>
      </c>
      <c r="GX39" s="72">
        <v>16</v>
      </c>
      <c r="GY39" s="72">
        <v>8</v>
      </c>
      <c r="GZ39" s="72">
        <v>6</v>
      </c>
      <c r="HA39" s="72">
        <v>5</v>
      </c>
      <c r="HB39" s="74">
        <v>46</v>
      </c>
      <c r="HC39" s="75">
        <v>64</v>
      </c>
      <c r="HD39" s="60">
        <v>0</v>
      </c>
      <c r="HE39" s="61">
        <v>0</v>
      </c>
      <c r="HF39" s="62">
        <v>0</v>
      </c>
      <c r="HG39" s="228"/>
      <c r="HH39" s="61">
        <v>0</v>
      </c>
      <c r="HI39" s="61">
        <v>1</v>
      </c>
      <c r="HJ39" s="61">
        <v>0</v>
      </c>
      <c r="HK39" s="61">
        <v>0</v>
      </c>
      <c r="HL39" s="61">
        <v>0</v>
      </c>
      <c r="HM39" s="62">
        <v>1</v>
      </c>
      <c r="HN39" s="63">
        <v>1</v>
      </c>
      <c r="HO39" s="60">
        <v>0</v>
      </c>
      <c r="HP39" s="61">
        <v>1</v>
      </c>
      <c r="HQ39" s="62">
        <v>1</v>
      </c>
      <c r="HR39" s="228"/>
      <c r="HS39" s="61">
        <v>0</v>
      </c>
      <c r="HT39" s="61">
        <v>2</v>
      </c>
      <c r="HU39" s="61">
        <v>0</v>
      </c>
      <c r="HV39" s="61">
        <v>0</v>
      </c>
      <c r="HW39" s="61">
        <v>0</v>
      </c>
      <c r="HX39" s="62">
        <v>2</v>
      </c>
      <c r="HY39" s="63">
        <v>3</v>
      </c>
      <c r="HZ39" s="60">
        <v>1</v>
      </c>
      <c r="IA39" s="61">
        <v>0</v>
      </c>
      <c r="IB39" s="62">
        <v>1</v>
      </c>
      <c r="IC39" s="228"/>
      <c r="ID39" s="61">
        <v>1</v>
      </c>
      <c r="IE39" s="61">
        <v>1</v>
      </c>
      <c r="IF39" s="61">
        <v>1</v>
      </c>
      <c r="IG39" s="61">
        <v>0</v>
      </c>
      <c r="IH39" s="61">
        <v>0</v>
      </c>
      <c r="II39" s="62">
        <v>3</v>
      </c>
      <c r="IJ39" s="63">
        <v>4</v>
      </c>
      <c r="IK39" s="60">
        <v>3</v>
      </c>
      <c r="IL39" s="61">
        <v>0</v>
      </c>
      <c r="IM39" s="62">
        <v>3</v>
      </c>
      <c r="IN39" s="228"/>
      <c r="IO39" s="61">
        <v>5</v>
      </c>
      <c r="IP39" s="61">
        <v>2</v>
      </c>
      <c r="IQ39" s="61">
        <v>1</v>
      </c>
      <c r="IR39" s="61">
        <v>1</v>
      </c>
      <c r="IS39" s="61">
        <v>1</v>
      </c>
      <c r="IT39" s="62">
        <v>10</v>
      </c>
      <c r="IU39" s="63">
        <v>13</v>
      </c>
      <c r="IV39" s="60">
        <v>2</v>
      </c>
      <c r="IW39" s="61">
        <v>6</v>
      </c>
      <c r="IX39" s="62">
        <v>8</v>
      </c>
      <c r="IY39" s="228"/>
      <c r="IZ39" s="61">
        <v>5</v>
      </c>
      <c r="JA39" s="61">
        <v>5</v>
      </c>
      <c r="JB39" s="61">
        <v>4</v>
      </c>
      <c r="JC39" s="61">
        <v>3</v>
      </c>
      <c r="JD39" s="61">
        <v>2</v>
      </c>
      <c r="JE39" s="62">
        <v>19</v>
      </c>
      <c r="JF39" s="63">
        <v>27</v>
      </c>
      <c r="JG39" s="60">
        <v>1</v>
      </c>
      <c r="JH39" s="61">
        <v>4</v>
      </c>
      <c r="JI39" s="62">
        <v>5</v>
      </c>
      <c r="JJ39" s="228"/>
      <c r="JK39" s="61">
        <v>0</v>
      </c>
      <c r="JL39" s="61">
        <v>5</v>
      </c>
      <c r="JM39" s="61">
        <v>2</v>
      </c>
      <c r="JN39" s="61">
        <v>2</v>
      </c>
      <c r="JO39" s="61">
        <v>2</v>
      </c>
      <c r="JP39" s="62">
        <v>11</v>
      </c>
      <c r="JQ39" s="63">
        <v>16</v>
      </c>
      <c r="JR39" s="60">
        <v>0</v>
      </c>
      <c r="JS39" s="61">
        <v>0</v>
      </c>
      <c r="JT39" s="62">
        <v>0</v>
      </c>
      <c r="JU39" s="228"/>
      <c r="JV39" s="61">
        <v>0</v>
      </c>
      <c r="JW39" s="61">
        <v>0</v>
      </c>
      <c r="JX39" s="61">
        <v>0</v>
      </c>
      <c r="JY39" s="61">
        <v>0</v>
      </c>
      <c r="JZ39" s="61">
        <v>0</v>
      </c>
      <c r="KA39" s="62">
        <v>0</v>
      </c>
      <c r="KB39" s="63">
        <v>0</v>
      </c>
      <c r="KC39" s="60">
        <v>7</v>
      </c>
      <c r="KD39" s="61">
        <v>11</v>
      </c>
      <c r="KE39" s="62">
        <v>18</v>
      </c>
      <c r="KF39" s="228"/>
      <c r="KG39" s="61">
        <v>11</v>
      </c>
      <c r="KH39" s="61">
        <v>16</v>
      </c>
      <c r="KI39" s="61">
        <v>8</v>
      </c>
      <c r="KJ39" s="61">
        <v>6</v>
      </c>
      <c r="KK39" s="61">
        <v>5</v>
      </c>
      <c r="KL39" s="62">
        <v>46</v>
      </c>
      <c r="KM39" s="63">
        <v>64</v>
      </c>
    </row>
    <row r="40" spans="2:299" ht="21" customHeight="1" thickBot="1" x14ac:dyDescent="0.25">
      <c r="B40" s="473" t="s">
        <v>37</v>
      </c>
      <c r="C40" s="294">
        <v>1</v>
      </c>
      <c r="D40" s="77">
        <v>0</v>
      </c>
      <c r="E40" s="78">
        <v>1</v>
      </c>
      <c r="F40" s="229"/>
      <c r="G40" s="77">
        <v>0</v>
      </c>
      <c r="H40" s="77">
        <v>0</v>
      </c>
      <c r="I40" s="77">
        <v>0</v>
      </c>
      <c r="J40" s="77">
        <v>2</v>
      </c>
      <c r="K40" s="77">
        <v>0</v>
      </c>
      <c r="L40" s="79">
        <v>2</v>
      </c>
      <c r="M40" s="80">
        <v>3</v>
      </c>
      <c r="N40" s="64">
        <v>0</v>
      </c>
      <c r="O40" s="65">
        <v>0</v>
      </c>
      <c r="P40" s="66">
        <v>0</v>
      </c>
      <c r="Q40" s="229"/>
      <c r="R40" s="65">
        <v>0</v>
      </c>
      <c r="S40" s="65">
        <v>0</v>
      </c>
      <c r="T40" s="65">
        <v>0</v>
      </c>
      <c r="U40" s="65">
        <v>0</v>
      </c>
      <c r="V40" s="65">
        <v>0</v>
      </c>
      <c r="W40" s="66">
        <v>0</v>
      </c>
      <c r="X40" s="67">
        <v>0</v>
      </c>
      <c r="Y40" s="64">
        <v>1</v>
      </c>
      <c r="Z40" s="65">
        <v>0</v>
      </c>
      <c r="AA40" s="66">
        <v>1</v>
      </c>
      <c r="AB40" s="229"/>
      <c r="AC40" s="65">
        <v>0</v>
      </c>
      <c r="AD40" s="65">
        <v>0</v>
      </c>
      <c r="AE40" s="65">
        <v>0</v>
      </c>
      <c r="AF40" s="65">
        <v>1</v>
      </c>
      <c r="AG40" s="65">
        <v>0</v>
      </c>
      <c r="AH40" s="66">
        <v>1</v>
      </c>
      <c r="AI40" s="67">
        <v>2</v>
      </c>
      <c r="AJ40" s="64">
        <v>0</v>
      </c>
      <c r="AK40" s="65">
        <v>0</v>
      </c>
      <c r="AL40" s="66">
        <v>0</v>
      </c>
      <c r="AM40" s="229"/>
      <c r="AN40" s="65">
        <v>0</v>
      </c>
      <c r="AO40" s="65">
        <v>0</v>
      </c>
      <c r="AP40" s="65">
        <v>0</v>
      </c>
      <c r="AQ40" s="65">
        <v>0</v>
      </c>
      <c r="AR40" s="65">
        <v>0</v>
      </c>
      <c r="AS40" s="66">
        <v>0</v>
      </c>
      <c r="AT40" s="67">
        <v>0</v>
      </c>
      <c r="AU40" s="64">
        <v>0</v>
      </c>
      <c r="AV40" s="65">
        <v>0</v>
      </c>
      <c r="AW40" s="66">
        <v>0</v>
      </c>
      <c r="AX40" s="229"/>
      <c r="AY40" s="65">
        <v>0</v>
      </c>
      <c r="AZ40" s="65">
        <v>0</v>
      </c>
      <c r="BA40" s="65">
        <v>0</v>
      </c>
      <c r="BB40" s="65">
        <v>1</v>
      </c>
      <c r="BC40" s="65">
        <v>0</v>
      </c>
      <c r="BD40" s="66">
        <v>1</v>
      </c>
      <c r="BE40" s="67">
        <v>1</v>
      </c>
      <c r="BF40" s="64">
        <v>0</v>
      </c>
      <c r="BG40" s="65">
        <v>0</v>
      </c>
      <c r="BH40" s="66">
        <v>0</v>
      </c>
      <c r="BI40" s="229"/>
      <c r="BJ40" s="65">
        <v>0</v>
      </c>
      <c r="BK40" s="65">
        <v>0</v>
      </c>
      <c r="BL40" s="65">
        <v>0</v>
      </c>
      <c r="BM40" s="65">
        <v>0</v>
      </c>
      <c r="BN40" s="65">
        <v>0</v>
      </c>
      <c r="BO40" s="66">
        <v>0</v>
      </c>
      <c r="BP40" s="67">
        <v>0</v>
      </c>
      <c r="BQ40" s="64">
        <v>0</v>
      </c>
      <c r="BR40" s="65">
        <v>0</v>
      </c>
      <c r="BS40" s="66">
        <v>0</v>
      </c>
      <c r="BT40" s="229"/>
      <c r="BU40" s="65">
        <v>0</v>
      </c>
      <c r="BV40" s="65">
        <v>0</v>
      </c>
      <c r="BW40" s="65">
        <v>0</v>
      </c>
      <c r="BX40" s="65">
        <v>0</v>
      </c>
      <c r="BY40" s="65">
        <v>0</v>
      </c>
      <c r="BZ40" s="66">
        <v>0</v>
      </c>
      <c r="CA40" s="67">
        <v>0</v>
      </c>
      <c r="CB40" s="64">
        <v>0</v>
      </c>
      <c r="CC40" s="65">
        <v>0</v>
      </c>
      <c r="CD40" s="66">
        <v>0</v>
      </c>
      <c r="CE40" s="229"/>
      <c r="CF40" s="65">
        <v>0</v>
      </c>
      <c r="CG40" s="65">
        <v>0</v>
      </c>
      <c r="CH40" s="65">
        <v>0</v>
      </c>
      <c r="CI40" s="65">
        <v>0</v>
      </c>
      <c r="CJ40" s="65">
        <v>0</v>
      </c>
      <c r="CK40" s="66">
        <v>0</v>
      </c>
      <c r="CL40" s="67">
        <v>0</v>
      </c>
      <c r="CM40" s="64">
        <v>1</v>
      </c>
      <c r="CN40" s="65">
        <v>0</v>
      </c>
      <c r="CO40" s="66">
        <v>1</v>
      </c>
      <c r="CP40" s="229"/>
      <c r="CQ40" s="65">
        <v>0</v>
      </c>
      <c r="CR40" s="65">
        <v>0</v>
      </c>
      <c r="CS40" s="65">
        <v>0</v>
      </c>
      <c r="CT40" s="65">
        <v>2</v>
      </c>
      <c r="CU40" s="65">
        <v>0</v>
      </c>
      <c r="CV40" s="66">
        <v>2</v>
      </c>
      <c r="CW40" s="67">
        <v>3</v>
      </c>
      <c r="CX40" s="114">
        <v>0</v>
      </c>
      <c r="CY40" s="77">
        <v>0</v>
      </c>
      <c r="CZ40" s="78">
        <v>0</v>
      </c>
      <c r="DA40" s="229"/>
      <c r="DB40" s="77">
        <v>0</v>
      </c>
      <c r="DC40" s="77">
        <v>0</v>
      </c>
      <c r="DD40" s="77">
        <v>0</v>
      </c>
      <c r="DE40" s="77">
        <v>0</v>
      </c>
      <c r="DF40" s="77">
        <v>1</v>
      </c>
      <c r="DG40" s="79">
        <v>1</v>
      </c>
      <c r="DH40" s="80">
        <v>1</v>
      </c>
      <c r="DI40" s="64">
        <v>0</v>
      </c>
      <c r="DJ40" s="65">
        <v>0</v>
      </c>
      <c r="DK40" s="66">
        <v>0</v>
      </c>
      <c r="DL40" s="229"/>
      <c r="DM40" s="65">
        <v>0</v>
      </c>
      <c r="DN40" s="65">
        <v>0</v>
      </c>
      <c r="DO40" s="65">
        <v>0</v>
      </c>
      <c r="DP40" s="65">
        <v>0</v>
      </c>
      <c r="DQ40" s="65">
        <v>0</v>
      </c>
      <c r="DR40" s="66">
        <v>0</v>
      </c>
      <c r="DS40" s="67">
        <v>0</v>
      </c>
      <c r="DT40" s="64">
        <v>0</v>
      </c>
      <c r="DU40" s="65">
        <v>0</v>
      </c>
      <c r="DV40" s="66">
        <v>0</v>
      </c>
      <c r="DW40" s="229"/>
      <c r="DX40" s="65">
        <v>0</v>
      </c>
      <c r="DY40" s="65">
        <v>0</v>
      </c>
      <c r="DZ40" s="65">
        <v>0</v>
      </c>
      <c r="EA40" s="65">
        <v>0</v>
      </c>
      <c r="EB40" s="65">
        <v>0</v>
      </c>
      <c r="EC40" s="66">
        <v>0</v>
      </c>
      <c r="ED40" s="67">
        <v>0</v>
      </c>
      <c r="EE40" s="64">
        <v>0</v>
      </c>
      <c r="EF40" s="65">
        <v>0</v>
      </c>
      <c r="EG40" s="66">
        <v>0</v>
      </c>
      <c r="EH40" s="229"/>
      <c r="EI40" s="65">
        <v>0</v>
      </c>
      <c r="EJ40" s="65">
        <v>0</v>
      </c>
      <c r="EK40" s="65">
        <v>0</v>
      </c>
      <c r="EL40" s="65">
        <v>0</v>
      </c>
      <c r="EM40" s="65">
        <v>0</v>
      </c>
      <c r="EN40" s="66">
        <v>0</v>
      </c>
      <c r="EO40" s="67">
        <v>0</v>
      </c>
      <c r="EP40" s="64">
        <v>0</v>
      </c>
      <c r="EQ40" s="65">
        <v>0</v>
      </c>
      <c r="ER40" s="66">
        <v>0</v>
      </c>
      <c r="ES40" s="229"/>
      <c r="ET40" s="65">
        <v>0</v>
      </c>
      <c r="EU40" s="65">
        <v>0</v>
      </c>
      <c r="EV40" s="65">
        <v>0</v>
      </c>
      <c r="EW40" s="65">
        <v>0</v>
      </c>
      <c r="EX40" s="65">
        <v>0</v>
      </c>
      <c r="EY40" s="66">
        <v>0</v>
      </c>
      <c r="EZ40" s="67">
        <v>0</v>
      </c>
      <c r="FA40" s="64">
        <v>0</v>
      </c>
      <c r="FB40" s="65">
        <v>0</v>
      </c>
      <c r="FC40" s="66">
        <v>0</v>
      </c>
      <c r="FD40" s="229"/>
      <c r="FE40" s="65">
        <v>0</v>
      </c>
      <c r="FF40" s="65">
        <v>0</v>
      </c>
      <c r="FG40" s="65">
        <v>0</v>
      </c>
      <c r="FH40" s="65">
        <v>0</v>
      </c>
      <c r="FI40" s="65">
        <v>0</v>
      </c>
      <c r="FJ40" s="66">
        <v>0</v>
      </c>
      <c r="FK40" s="67">
        <v>0</v>
      </c>
      <c r="FL40" s="64">
        <v>0</v>
      </c>
      <c r="FM40" s="65">
        <v>0</v>
      </c>
      <c r="FN40" s="66">
        <v>0</v>
      </c>
      <c r="FO40" s="229"/>
      <c r="FP40" s="65">
        <v>0</v>
      </c>
      <c r="FQ40" s="65">
        <v>0</v>
      </c>
      <c r="FR40" s="65">
        <v>0</v>
      </c>
      <c r="FS40" s="65">
        <v>0</v>
      </c>
      <c r="FT40" s="65">
        <v>1</v>
      </c>
      <c r="FU40" s="66">
        <v>1</v>
      </c>
      <c r="FV40" s="67">
        <v>1</v>
      </c>
      <c r="FW40" s="64">
        <v>0</v>
      </c>
      <c r="FX40" s="65">
        <v>0</v>
      </c>
      <c r="FY40" s="66">
        <v>0</v>
      </c>
      <c r="FZ40" s="229"/>
      <c r="GA40" s="65">
        <v>0</v>
      </c>
      <c r="GB40" s="65">
        <v>0</v>
      </c>
      <c r="GC40" s="65">
        <v>0</v>
      </c>
      <c r="GD40" s="65">
        <v>0</v>
      </c>
      <c r="GE40" s="65">
        <v>0</v>
      </c>
      <c r="GF40" s="66">
        <v>0</v>
      </c>
      <c r="GG40" s="67">
        <v>0</v>
      </c>
      <c r="GH40" s="64">
        <v>0</v>
      </c>
      <c r="GI40" s="65">
        <v>0</v>
      </c>
      <c r="GJ40" s="66">
        <v>0</v>
      </c>
      <c r="GK40" s="229"/>
      <c r="GL40" s="65">
        <v>0</v>
      </c>
      <c r="GM40" s="65">
        <v>0</v>
      </c>
      <c r="GN40" s="65">
        <v>0</v>
      </c>
      <c r="GO40" s="65">
        <v>0</v>
      </c>
      <c r="GP40" s="65">
        <v>1</v>
      </c>
      <c r="GQ40" s="66">
        <v>1</v>
      </c>
      <c r="GR40" s="67">
        <v>1</v>
      </c>
      <c r="GS40" s="114">
        <v>1</v>
      </c>
      <c r="GT40" s="77">
        <v>0</v>
      </c>
      <c r="GU40" s="78">
        <v>1</v>
      </c>
      <c r="GV40" s="229"/>
      <c r="GW40" s="77">
        <v>0</v>
      </c>
      <c r="GX40" s="77">
        <v>0</v>
      </c>
      <c r="GY40" s="77">
        <v>0</v>
      </c>
      <c r="GZ40" s="77">
        <v>2</v>
      </c>
      <c r="HA40" s="77">
        <v>1</v>
      </c>
      <c r="HB40" s="79">
        <v>3</v>
      </c>
      <c r="HC40" s="80">
        <v>4</v>
      </c>
      <c r="HD40" s="64">
        <v>0</v>
      </c>
      <c r="HE40" s="65">
        <v>0</v>
      </c>
      <c r="HF40" s="66">
        <v>0</v>
      </c>
      <c r="HG40" s="229"/>
      <c r="HH40" s="65">
        <v>0</v>
      </c>
      <c r="HI40" s="65">
        <v>0</v>
      </c>
      <c r="HJ40" s="65">
        <v>0</v>
      </c>
      <c r="HK40" s="65">
        <v>0</v>
      </c>
      <c r="HL40" s="65">
        <v>0</v>
      </c>
      <c r="HM40" s="66">
        <v>0</v>
      </c>
      <c r="HN40" s="67">
        <v>0</v>
      </c>
      <c r="HO40" s="64">
        <v>1</v>
      </c>
      <c r="HP40" s="65">
        <v>0</v>
      </c>
      <c r="HQ40" s="66">
        <v>1</v>
      </c>
      <c r="HR40" s="229"/>
      <c r="HS40" s="65">
        <v>0</v>
      </c>
      <c r="HT40" s="65">
        <v>0</v>
      </c>
      <c r="HU40" s="65">
        <v>0</v>
      </c>
      <c r="HV40" s="65">
        <v>1</v>
      </c>
      <c r="HW40" s="65">
        <v>0</v>
      </c>
      <c r="HX40" s="66">
        <v>1</v>
      </c>
      <c r="HY40" s="67">
        <v>2</v>
      </c>
      <c r="HZ40" s="64">
        <v>0</v>
      </c>
      <c r="IA40" s="65">
        <v>0</v>
      </c>
      <c r="IB40" s="66">
        <v>0</v>
      </c>
      <c r="IC40" s="229"/>
      <c r="ID40" s="65">
        <v>0</v>
      </c>
      <c r="IE40" s="65">
        <v>0</v>
      </c>
      <c r="IF40" s="65">
        <v>0</v>
      </c>
      <c r="IG40" s="65">
        <v>0</v>
      </c>
      <c r="IH40" s="65">
        <v>0</v>
      </c>
      <c r="II40" s="66">
        <v>0</v>
      </c>
      <c r="IJ40" s="67">
        <v>0</v>
      </c>
      <c r="IK40" s="64">
        <v>0</v>
      </c>
      <c r="IL40" s="65">
        <v>0</v>
      </c>
      <c r="IM40" s="66">
        <v>0</v>
      </c>
      <c r="IN40" s="229"/>
      <c r="IO40" s="65">
        <v>0</v>
      </c>
      <c r="IP40" s="65">
        <v>0</v>
      </c>
      <c r="IQ40" s="65">
        <v>0</v>
      </c>
      <c r="IR40" s="65">
        <v>1</v>
      </c>
      <c r="IS40" s="65">
        <v>0</v>
      </c>
      <c r="IT40" s="66">
        <v>1</v>
      </c>
      <c r="IU40" s="67">
        <v>1</v>
      </c>
      <c r="IV40" s="64">
        <v>0</v>
      </c>
      <c r="IW40" s="65">
        <v>0</v>
      </c>
      <c r="IX40" s="66">
        <v>0</v>
      </c>
      <c r="IY40" s="229"/>
      <c r="IZ40" s="65">
        <v>0</v>
      </c>
      <c r="JA40" s="65">
        <v>0</v>
      </c>
      <c r="JB40" s="65">
        <v>0</v>
      </c>
      <c r="JC40" s="65">
        <v>0</v>
      </c>
      <c r="JD40" s="65">
        <v>0</v>
      </c>
      <c r="JE40" s="66">
        <v>0</v>
      </c>
      <c r="JF40" s="67">
        <v>0</v>
      </c>
      <c r="JG40" s="64">
        <v>0</v>
      </c>
      <c r="JH40" s="65">
        <v>0</v>
      </c>
      <c r="JI40" s="66">
        <v>0</v>
      </c>
      <c r="JJ40" s="229"/>
      <c r="JK40" s="65">
        <v>0</v>
      </c>
      <c r="JL40" s="65">
        <v>0</v>
      </c>
      <c r="JM40" s="65">
        <v>0</v>
      </c>
      <c r="JN40" s="65">
        <v>0</v>
      </c>
      <c r="JO40" s="65">
        <v>1</v>
      </c>
      <c r="JP40" s="66">
        <v>1</v>
      </c>
      <c r="JQ40" s="67">
        <v>1</v>
      </c>
      <c r="JR40" s="64">
        <v>0</v>
      </c>
      <c r="JS40" s="65">
        <v>0</v>
      </c>
      <c r="JT40" s="66">
        <v>0</v>
      </c>
      <c r="JU40" s="229"/>
      <c r="JV40" s="65">
        <v>0</v>
      </c>
      <c r="JW40" s="65">
        <v>0</v>
      </c>
      <c r="JX40" s="65">
        <v>0</v>
      </c>
      <c r="JY40" s="65">
        <v>0</v>
      </c>
      <c r="JZ40" s="65">
        <v>0</v>
      </c>
      <c r="KA40" s="66">
        <v>0</v>
      </c>
      <c r="KB40" s="67">
        <v>0</v>
      </c>
      <c r="KC40" s="64">
        <v>1</v>
      </c>
      <c r="KD40" s="65">
        <v>0</v>
      </c>
      <c r="KE40" s="66">
        <v>1</v>
      </c>
      <c r="KF40" s="229"/>
      <c r="KG40" s="65">
        <v>0</v>
      </c>
      <c r="KH40" s="65">
        <v>0</v>
      </c>
      <c r="KI40" s="65">
        <v>0</v>
      </c>
      <c r="KJ40" s="65">
        <v>2</v>
      </c>
      <c r="KK40" s="65">
        <v>1</v>
      </c>
      <c r="KL40" s="66">
        <v>3</v>
      </c>
      <c r="KM40" s="67">
        <v>4</v>
      </c>
    </row>
    <row r="41" spans="2:299" ht="32.25" customHeight="1" x14ac:dyDescent="0.2">
      <c r="C41" s="289" t="s">
        <v>125</v>
      </c>
    </row>
  </sheetData>
  <mergeCells count="36">
    <mergeCell ref="EP5:EZ5"/>
    <mergeCell ref="FA5:FK5"/>
    <mergeCell ref="B3:B5"/>
    <mergeCell ref="C3:CW3"/>
    <mergeCell ref="CX3:GR3"/>
    <mergeCell ref="C5:M5"/>
    <mergeCell ref="N5:X5"/>
    <mergeCell ref="Y5:AI5"/>
    <mergeCell ref="AJ5:AT5"/>
    <mergeCell ref="AU5:BE5"/>
    <mergeCell ref="EE5:EO5"/>
    <mergeCell ref="FW4:GG5"/>
    <mergeCell ref="GH4:GR5"/>
    <mergeCell ref="BF5:BP5"/>
    <mergeCell ref="CX5:DH5"/>
    <mergeCell ref="IV5:JF5"/>
    <mergeCell ref="GS5:HC5"/>
    <mergeCell ref="HD5:HN5"/>
    <mergeCell ref="HO5:HY5"/>
    <mergeCell ref="JG5:JQ5"/>
    <mergeCell ref="F1:G1"/>
    <mergeCell ref="I1:J1"/>
    <mergeCell ref="GS3:KM3"/>
    <mergeCell ref="CM4:CW5"/>
    <mergeCell ref="CX4:FV4"/>
    <mergeCell ref="KC4:KM5"/>
    <mergeCell ref="GS4:JQ4"/>
    <mergeCell ref="JR4:KB5"/>
    <mergeCell ref="DI5:DS5"/>
    <mergeCell ref="DT5:ED5"/>
    <mergeCell ref="HZ5:IJ5"/>
    <mergeCell ref="IK5:IU5"/>
    <mergeCell ref="BQ5:CA5"/>
    <mergeCell ref="C4:CA4"/>
    <mergeCell ref="CB4:CL5"/>
    <mergeCell ref="FL5:FV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
    <tabColor theme="6"/>
    <pageSetUpPr fitToPage="1"/>
  </sheetPr>
  <dimension ref="B1:AI39"/>
  <sheetViews>
    <sheetView zoomScaleNormal="100" zoomScaleSheetLayoutView="75" workbookViewId="0">
      <pane xSplit="2" ySplit="5" topLeftCell="C6" activePane="bottomRight" state="frozen"/>
      <selection activeCell="F37" sqref="F37"/>
      <selection pane="topRight" activeCell="F37" sqref="F37"/>
      <selection pane="bottomLeft" activeCell="F37" sqref="F37"/>
      <selection pane="bottomRight" activeCell="B1" sqref="B1"/>
    </sheetView>
  </sheetViews>
  <sheetFormatPr defaultColWidth="9" defaultRowHeight="9.6" x14ac:dyDescent="0.2"/>
  <cols>
    <col min="1" max="1" width="3.77734375" style="18" customWidth="1"/>
    <col min="2" max="2" width="9.77734375" style="18" customWidth="1"/>
    <col min="3" max="6" width="7.77734375" style="16" customWidth="1"/>
    <col min="7" max="7" width="8.109375" style="16" customWidth="1"/>
    <col min="8" max="8" width="7.44140625" style="16" customWidth="1"/>
    <col min="9" max="9" width="9.109375" style="16" customWidth="1"/>
    <col min="10" max="10" width="7.77734375" style="16" customWidth="1"/>
    <col min="11" max="11" width="8.6640625" style="16" customWidth="1"/>
    <col min="12" max="12" width="9.33203125" style="16" customWidth="1"/>
    <col min="13" max="13" width="8.33203125" style="16" customWidth="1"/>
    <col min="14" max="26" width="7.77734375" style="16" customWidth="1"/>
    <col min="27" max="33" width="7.77734375" style="18" customWidth="1"/>
    <col min="34" max="34" width="9" style="18"/>
    <col min="35" max="35" width="8.6640625" style="18" customWidth="1"/>
    <col min="36" max="16384" width="9" style="18"/>
  </cols>
  <sheetData>
    <row r="1" spans="2:35" ht="24" customHeight="1" x14ac:dyDescent="0.2">
      <c r="B1" s="15" t="s">
        <v>132</v>
      </c>
      <c r="F1" s="17"/>
      <c r="G1" s="500">
        <f>第１表!F2</f>
        <v>5</v>
      </c>
      <c r="H1" s="500"/>
      <c r="I1" s="235">
        <f>第１表!G2</f>
        <v>12</v>
      </c>
      <c r="J1" s="505">
        <f>IF(I1&lt;3,I1+12-2,I1-2)</f>
        <v>10</v>
      </c>
      <c r="K1" s="505"/>
    </row>
    <row r="2" spans="2:35" ht="24" customHeight="1" thickBot="1" x14ac:dyDescent="0.25">
      <c r="B2" s="272"/>
      <c r="J2" s="19"/>
      <c r="K2" s="19"/>
      <c r="L2" s="19"/>
      <c r="M2" s="19"/>
      <c r="N2" s="19"/>
      <c r="O2" s="19"/>
      <c r="P2" s="20"/>
      <c r="Q2" s="20"/>
      <c r="R2" s="20"/>
    </row>
    <row r="3" spans="2:35" s="39" customFormat="1" ht="21" customHeight="1" thickBot="1" x14ac:dyDescent="0.25">
      <c r="B3" s="46"/>
      <c r="C3" s="502" t="s">
        <v>53</v>
      </c>
      <c r="D3" s="503"/>
      <c r="E3" s="503"/>
      <c r="F3" s="503"/>
      <c r="G3" s="503"/>
      <c r="H3" s="503"/>
      <c r="I3" s="503"/>
      <c r="J3" s="503"/>
      <c r="K3" s="503"/>
      <c r="L3" s="503"/>
      <c r="M3" s="504"/>
      <c r="N3" s="502" t="s">
        <v>54</v>
      </c>
      <c r="O3" s="503"/>
      <c r="P3" s="503"/>
      <c r="Q3" s="503"/>
      <c r="R3" s="503"/>
      <c r="S3" s="503"/>
      <c r="T3" s="503"/>
      <c r="U3" s="503"/>
      <c r="V3" s="503"/>
      <c r="W3" s="503"/>
      <c r="X3" s="504"/>
      <c r="Y3" s="502" t="s">
        <v>55</v>
      </c>
      <c r="Z3" s="503"/>
      <c r="AA3" s="503"/>
      <c r="AB3" s="503"/>
      <c r="AC3" s="503"/>
      <c r="AD3" s="503"/>
      <c r="AE3" s="503"/>
      <c r="AF3" s="503"/>
      <c r="AG3" s="503"/>
      <c r="AH3" s="503"/>
      <c r="AI3" s="504"/>
    </row>
    <row r="4" spans="2:35" s="39" customFormat="1" ht="30" customHeight="1" thickBot="1" x14ac:dyDescent="0.25">
      <c r="B4" s="46" t="s">
        <v>42</v>
      </c>
      <c r="C4" s="47" t="s">
        <v>43</v>
      </c>
      <c r="D4" s="48" t="s">
        <v>44</v>
      </c>
      <c r="E4" s="49" t="s">
        <v>45</v>
      </c>
      <c r="F4" s="50" t="s">
        <v>46</v>
      </c>
      <c r="G4" s="48" t="s">
        <v>47</v>
      </c>
      <c r="H4" s="48" t="s">
        <v>48</v>
      </c>
      <c r="I4" s="48" t="s">
        <v>49</v>
      </c>
      <c r="J4" s="48" t="s">
        <v>50</v>
      </c>
      <c r="K4" s="48" t="s">
        <v>51</v>
      </c>
      <c r="L4" s="49" t="s">
        <v>45</v>
      </c>
      <c r="M4" s="40" t="s">
        <v>52</v>
      </c>
      <c r="N4" s="47" t="s">
        <v>43</v>
      </c>
      <c r="O4" s="48" t="s">
        <v>44</v>
      </c>
      <c r="P4" s="49" t="s">
        <v>45</v>
      </c>
      <c r="Q4" s="50" t="s">
        <v>46</v>
      </c>
      <c r="R4" s="48" t="s">
        <v>47</v>
      </c>
      <c r="S4" s="48" t="s">
        <v>48</v>
      </c>
      <c r="T4" s="48" t="s">
        <v>49</v>
      </c>
      <c r="U4" s="48" t="s">
        <v>50</v>
      </c>
      <c r="V4" s="48" t="s">
        <v>51</v>
      </c>
      <c r="W4" s="49" t="s">
        <v>45</v>
      </c>
      <c r="X4" s="40" t="s">
        <v>52</v>
      </c>
      <c r="Y4" s="47" t="s">
        <v>43</v>
      </c>
      <c r="Z4" s="48" t="s">
        <v>44</v>
      </c>
      <c r="AA4" s="49" t="s">
        <v>45</v>
      </c>
      <c r="AB4" s="50" t="s">
        <v>46</v>
      </c>
      <c r="AC4" s="48" t="s">
        <v>47</v>
      </c>
      <c r="AD4" s="48" t="s">
        <v>48</v>
      </c>
      <c r="AE4" s="48" t="s">
        <v>49</v>
      </c>
      <c r="AF4" s="48" t="s">
        <v>50</v>
      </c>
      <c r="AG4" s="48" t="s">
        <v>51</v>
      </c>
      <c r="AH4" s="49" t="s">
        <v>45</v>
      </c>
      <c r="AI4" s="40" t="s">
        <v>52</v>
      </c>
    </row>
    <row r="5" spans="2:35" ht="21" customHeight="1" x14ac:dyDescent="0.2">
      <c r="B5" s="470" t="s">
        <v>4</v>
      </c>
      <c r="C5" s="202">
        <v>17244</v>
      </c>
      <c r="D5" s="203">
        <v>30867</v>
      </c>
      <c r="E5" s="204">
        <v>48111</v>
      </c>
      <c r="F5" s="199">
        <v>0</v>
      </c>
      <c r="G5" s="203">
        <v>60544</v>
      </c>
      <c r="H5" s="203">
        <v>62128</v>
      </c>
      <c r="I5" s="203">
        <v>35965</v>
      </c>
      <c r="J5" s="203">
        <v>27640</v>
      </c>
      <c r="K5" s="203">
        <v>16667</v>
      </c>
      <c r="L5" s="204">
        <v>202944</v>
      </c>
      <c r="M5" s="205">
        <v>251055</v>
      </c>
      <c r="N5" s="206">
        <v>341</v>
      </c>
      <c r="O5" s="203">
        <v>881</v>
      </c>
      <c r="P5" s="204">
        <v>1222</v>
      </c>
      <c r="Q5" s="199">
        <v>0</v>
      </c>
      <c r="R5" s="203">
        <v>1066</v>
      </c>
      <c r="S5" s="203">
        <v>1938</v>
      </c>
      <c r="T5" s="203">
        <v>988</v>
      </c>
      <c r="U5" s="203">
        <v>814</v>
      </c>
      <c r="V5" s="203">
        <v>780</v>
      </c>
      <c r="W5" s="204">
        <v>5586</v>
      </c>
      <c r="X5" s="205">
        <v>6808</v>
      </c>
      <c r="Y5" s="202">
        <v>17585</v>
      </c>
      <c r="Z5" s="203">
        <v>31748</v>
      </c>
      <c r="AA5" s="204">
        <v>49333</v>
      </c>
      <c r="AB5" s="199">
        <v>0</v>
      </c>
      <c r="AC5" s="203">
        <v>61610</v>
      </c>
      <c r="AD5" s="203">
        <v>64066</v>
      </c>
      <c r="AE5" s="203">
        <v>36953</v>
      </c>
      <c r="AF5" s="203">
        <v>28454</v>
      </c>
      <c r="AG5" s="203">
        <v>17447</v>
      </c>
      <c r="AH5" s="204">
        <v>208530</v>
      </c>
      <c r="AI5" s="205">
        <v>257863</v>
      </c>
    </row>
    <row r="6" spans="2:35" ht="21" customHeight="1" x14ac:dyDescent="0.2">
      <c r="B6" s="471" t="s">
        <v>5</v>
      </c>
      <c r="C6" s="207">
        <v>6385</v>
      </c>
      <c r="D6" s="208">
        <v>13791</v>
      </c>
      <c r="E6" s="209">
        <v>20176</v>
      </c>
      <c r="F6" s="200">
        <v>0</v>
      </c>
      <c r="G6" s="208">
        <v>16033</v>
      </c>
      <c r="H6" s="208">
        <v>23211</v>
      </c>
      <c r="I6" s="208">
        <v>11895</v>
      </c>
      <c r="J6" s="208">
        <v>9398</v>
      </c>
      <c r="K6" s="208">
        <v>5616</v>
      </c>
      <c r="L6" s="209">
        <v>66153</v>
      </c>
      <c r="M6" s="210">
        <v>86329</v>
      </c>
      <c r="N6" s="211">
        <v>122</v>
      </c>
      <c r="O6" s="208">
        <v>384</v>
      </c>
      <c r="P6" s="209">
        <v>506</v>
      </c>
      <c r="Q6" s="200">
        <v>0</v>
      </c>
      <c r="R6" s="208">
        <v>225</v>
      </c>
      <c r="S6" s="208">
        <v>790</v>
      </c>
      <c r="T6" s="208">
        <v>373</v>
      </c>
      <c r="U6" s="208">
        <v>281</v>
      </c>
      <c r="V6" s="208">
        <v>300</v>
      </c>
      <c r="W6" s="209">
        <v>1969</v>
      </c>
      <c r="X6" s="210">
        <v>2475</v>
      </c>
      <c r="Y6" s="207">
        <v>6507</v>
      </c>
      <c r="Z6" s="208">
        <v>14175</v>
      </c>
      <c r="AA6" s="209">
        <v>20682</v>
      </c>
      <c r="AB6" s="200">
        <v>0</v>
      </c>
      <c r="AC6" s="208">
        <v>16258</v>
      </c>
      <c r="AD6" s="208">
        <v>24001</v>
      </c>
      <c r="AE6" s="208">
        <v>12268</v>
      </c>
      <c r="AF6" s="208">
        <v>9679</v>
      </c>
      <c r="AG6" s="208">
        <v>5916</v>
      </c>
      <c r="AH6" s="209">
        <v>68122</v>
      </c>
      <c r="AI6" s="210">
        <v>88804</v>
      </c>
    </row>
    <row r="7" spans="2:35" ht="21" customHeight="1" x14ac:dyDescent="0.2">
      <c r="B7" s="472" t="s">
        <v>6</v>
      </c>
      <c r="C7" s="207">
        <v>2410</v>
      </c>
      <c r="D7" s="208">
        <v>3749</v>
      </c>
      <c r="E7" s="209">
        <v>6159</v>
      </c>
      <c r="F7" s="200">
        <v>0</v>
      </c>
      <c r="G7" s="208">
        <v>11004</v>
      </c>
      <c r="H7" s="208">
        <v>9210</v>
      </c>
      <c r="I7" s="208">
        <v>5726</v>
      </c>
      <c r="J7" s="208">
        <v>4418</v>
      </c>
      <c r="K7" s="208">
        <v>2944</v>
      </c>
      <c r="L7" s="209">
        <v>33302</v>
      </c>
      <c r="M7" s="210">
        <v>39461</v>
      </c>
      <c r="N7" s="211">
        <v>73</v>
      </c>
      <c r="O7" s="208">
        <v>116</v>
      </c>
      <c r="P7" s="209">
        <v>189</v>
      </c>
      <c r="Q7" s="200">
        <v>0</v>
      </c>
      <c r="R7" s="208">
        <v>237</v>
      </c>
      <c r="S7" s="208">
        <v>270</v>
      </c>
      <c r="T7" s="208">
        <v>153</v>
      </c>
      <c r="U7" s="208">
        <v>138</v>
      </c>
      <c r="V7" s="208">
        <v>133</v>
      </c>
      <c r="W7" s="209">
        <v>931</v>
      </c>
      <c r="X7" s="210">
        <v>1120</v>
      </c>
      <c r="Y7" s="207">
        <v>2483</v>
      </c>
      <c r="Z7" s="208">
        <v>3865</v>
      </c>
      <c r="AA7" s="209">
        <v>6348</v>
      </c>
      <c r="AB7" s="200">
        <v>0</v>
      </c>
      <c r="AC7" s="208">
        <v>11241</v>
      </c>
      <c r="AD7" s="208">
        <v>9480</v>
      </c>
      <c r="AE7" s="208">
        <v>5879</v>
      </c>
      <c r="AF7" s="208">
        <v>4556</v>
      </c>
      <c r="AG7" s="208">
        <v>3077</v>
      </c>
      <c r="AH7" s="209">
        <v>34233</v>
      </c>
      <c r="AI7" s="210">
        <v>40581</v>
      </c>
    </row>
    <row r="8" spans="2:35" ht="21" customHeight="1" x14ac:dyDescent="0.2">
      <c r="B8" s="472" t="s">
        <v>14</v>
      </c>
      <c r="C8" s="207">
        <v>1187</v>
      </c>
      <c r="D8" s="208">
        <v>2749</v>
      </c>
      <c r="E8" s="209">
        <v>3936</v>
      </c>
      <c r="F8" s="200">
        <v>0</v>
      </c>
      <c r="G8" s="208">
        <v>4613</v>
      </c>
      <c r="H8" s="208">
        <v>5740</v>
      </c>
      <c r="I8" s="208">
        <v>3541</v>
      </c>
      <c r="J8" s="208">
        <v>2446</v>
      </c>
      <c r="K8" s="208">
        <v>1356</v>
      </c>
      <c r="L8" s="209">
        <v>17696</v>
      </c>
      <c r="M8" s="210">
        <v>21632</v>
      </c>
      <c r="N8" s="211">
        <v>17</v>
      </c>
      <c r="O8" s="208">
        <v>104</v>
      </c>
      <c r="P8" s="209">
        <v>121</v>
      </c>
      <c r="Q8" s="200">
        <v>0</v>
      </c>
      <c r="R8" s="208">
        <v>55</v>
      </c>
      <c r="S8" s="208">
        <v>182</v>
      </c>
      <c r="T8" s="208">
        <v>86</v>
      </c>
      <c r="U8" s="208">
        <v>76</v>
      </c>
      <c r="V8" s="208">
        <v>72</v>
      </c>
      <c r="W8" s="209">
        <v>471</v>
      </c>
      <c r="X8" s="210">
        <v>592</v>
      </c>
      <c r="Y8" s="207">
        <v>1204</v>
      </c>
      <c r="Z8" s="208">
        <v>2853</v>
      </c>
      <c r="AA8" s="209">
        <v>4057</v>
      </c>
      <c r="AB8" s="200">
        <v>0</v>
      </c>
      <c r="AC8" s="208">
        <v>4668</v>
      </c>
      <c r="AD8" s="208">
        <v>5922</v>
      </c>
      <c r="AE8" s="208">
        <v>3627</v>
      </c>
      <c r="AF8" s="208">
        <v>2522</v>
      </c>
      <c r="AG8" s="208">
        <v>1428</v>
      </c>
      <c r="AH8" s="209">
        <v>18167</v>
      </c>
      <c r="AI8" s="210">
        <v>22224</v>
      </c>
    </row>
    <row r="9" spans="2:35" ht="21" customHeight="1" x14ac:dyDescent="0.2">
      <c r="B9" s="472" t="s">
        <v>7</v>
      </c>
      <c r="C9" s="207">
        <v>598</v>
      </c>
      <c r="D9" s="208">
        <v>900</v>
      </c>
      <c r="E9" s="209">
        <v>1498</v>
      </c>
      <c r="F9" s="200">
        <v>0</v>
      </c>
      <c r="G9" s="208">
        <v>5065</v>
      </c>
      <c r="H9" s="208">
        <v>3549</v>
      </c>
      <c r="I9" s="208">
        <v>1946</v>
      </c>
      <c r="J9" s="208">
        <v>1509</v>
      </c>
      <c r="K9" s="208">
        <v>884</v>
      </c>
      <c r="L9" s="209">
        <v>12953</v>
      </c>
      <c r="M9" s="210">
        <v>14451</v>
      </c>
      <c r="N9" s="211">
        <v>8</v>
      </c>
      <c r="O9" s="208">
        <v>17</v>
      </c>
      <c r="P9" s="209">
        <v>25</v>
      </c>
      <c r="Q9" s="200">
        <v>0</v>
      </c>
      <c r="R9" s="208">
        <v>98</v>
      </c>
      <c r="S9" s="208">
        <v>104</v>
      </c>
      <c r="T9" s="208">
        <v>41</v>
      </c>
      <c r="U9" s="208">
        <v>47</v>
      </c>
      <c r="V9" s="208">
        <v>26</v>
      </c>
      <c r="W9" s="209">
        <v>316</v>
      </c>
      <c r="X9" s="210">
        <v>341</v>
      </c>
      <c r="Y9" s="207">
        <v>606</v>
      </c>
      <c r="Z9" s="208">
        <v>917</v>
      </c>
      <c r="AA9" s="209">
        <v>1523</v>
      </c>
      <c r="AB9" s="200">
        <v>0</v>
      </c>
      <c r="AC9" s="208">
        <v>5163</v>
      </c>
      <c r="AD9" s="208">
        <v>3653</v>
      </c>
      <c r="AE9" s="208">
        <v>1987</v>
      </c>
      <c r="AF9" s="208">
        <v>1556</v>
      </c>
      <c r="AG9" s="208">
        <v>910</v>
      </c>
      <c r="AH9" s="209">
        <v>13269</v>
      </c>
      <c r="AI9" s="210">
        <v>14792</v>
      </c>
    </row>
    <row r="10" spans="2:35" ht="21" customHeight="1" x14ac:dyDescent="0.2">
      <c r="B10" s="472" t="s">
        <v>8</v>
      </c>
      <c r="C10" s="207">
        <v>607</v>
      </c>
      <c r="D10" s="208">
        <v>692</v>
      </c>
      <c r="E10" s="209">
        <v>1299</v>
      </c>
      <c r="F10" s="200">
        <v>0</v>
      </c>
      <c r="G10" s="208">
        <v>2104</v>
      </c>
      <c r="H10" s="208">
        <v>2113</v>
      </c>
      <c r="I10" s="208">
        <v>1246</v>
      </c>
      <c r="J10" s="208">
        <v>901</v>
      </c>
      <c r="K10" s="208">
        <v>545</v>
      </c>
      <c r="L10" s="209">
        <v>6909</v>
      </c>
      <c r="M10" s="210">
        <v>8208</v>
      </c>
      <c r="N10" s="211">
        <v>9</v>
      </c>
      <c r="O10" s="208">
        <v>23</v>
      </c>
      <c r="P10" s="209">
        <v>32</v>
      </c>
      <c r="Q10" s="200">
        <v>0</v>
      </c>
      <c r="R10" s="208">
        <v>40</v>
      </c>
      <c r="S10" s="208">
        <v>67</v>
      </c>
      <c r="T10" s="208">
        <v>31</v>
      </c>
      <c r="U10" s="208">
        <v>31</v>
      </c>
      <c r="V10" s="208">
        <v>18</v>
      </c>
      <c r="W10" s="209">
        <v>187</v>
      </c>
      <c r="X10" s="210">
        <v>219</v>
      </c>
      <c r="Y10" s="207">
        <v>616</v>
      </c>
      <c r="Z10" s="208">
        <v>715</v>
      </c>
      <c r="AA10" s="209">
        <v>1331</v>
      </c>
      <c r="AB10" s="200">
        <v>0</v>
      </c>
      <c r="AC10" s="208">
        <v>2144</v>
      </c>
      <c r="AD10" s="208">
        <v>2180</v>
      </c>
      <c r="AE10" s="208">
        <v>1277</v>
      </c>
      <c r="AF10" s="208">
        <v>932</v>
      </c>
      <c r="AG10" s="208">
        <v>563</v>
      </c>
      <c r="AH10" s="209">
        <v>7096</v>
      </c>
      <c r="AI10" s="210">
        <v>8427</v>
      </c>
    </row>
    <row r="11" spans="2:35" ht="21" customHeight="1" x14ac:dyDescent="0.2">
      <c r="B11" s="472" t="s">
        <v>9</v>
      </c>
      <c r="C11" s="207">
        <v>516</v>
      </c>
      <c r="D11" s="208">
        <v>607</v>
      </c>
      <c r="E11" s="209">
        <v>1123</v>
      </c>
      <c r="F11" s="200">
        <v>0</v>
      </c>
      <c r="G11" s="208">
        <v>2039</v>
      </c>
      <c r="H11" s="208">
        <v>1472</v>
      </c>
      <c r="I11" s="208">
        <v>1008</v>
      </c>
      <c r="J11" s="208">
        <v>860</v>
      </c>
      <c r="K11" s="208">
        <v>536</v>
      </c>
      <c r="L11" s="209">
        <v>5915</v>
      </c>
      <c r="M11" s="210">
        <v>7038</v>
      </c>
      <c r="N11" s="211">
        <v>4</v>
      </c>
      <c r="O11" s="208">
        <v>14</v>
      </c>
      <c r="P11" s="209">
        <v>18</v>
      </c>
      <c r="Q11" s="200">
        <v>0</v>
      </c>
      <c r="R11" s="208">
        <v>31</v>
      </c>
      <c r="S11" s="208">
        <v>33</v>
      </c>
      <c r="T11" s="208">
        <v>22</v>
      </c>
      <c r="U11" s="208">
        <v>19</v>
      </c>
      <c r="V11" s="208">
        <v>13</v>
      </c>
      <c r="W11" s="209">
        <v>118</v>
      </c>
      <c r="X11" s="210">
        <v>136</v>
      </c>
      <c r="Y11" s="207">
        <v>520</v>
      </c>
      <c r="Z11" s="208">
        <v>621</v>
      </c>
      <c r="AA11" s="209">
        <v>1141</v>
      </c>
      <c r="AB11" s="200">
        <v>0</v>
      </c>
      <c r="AC11" s="208">
        <v>2070</v>
      </c>
      <c r="AD11" s="208">
        <v>1505</v>
      </c>
      <c r="AE11" s="208">
        <v>1030</v>
      </c>
      <c r="AF11" s="208">
        <v>879</v>
      </c>
      <c r="AG11" s="208">
        <v>549</v>
      </c>
      <c r="AH11" s="209">
        <v>6033</v>
      </c>
      <c r="AI11" s="210">
        <v>7174</v>
      </c>
    </row>
    <row r="12" spans="2:35" ht="21" customHeight="1" x14ac:dyDescent="0.2">
      <c r="B12" s="472" t="s">
        <v>10</v>
      </c>
      <c r="C12" s="207">
        <v>1337</v>
      </c>
      <c r="D12" s="208">
        <v>1634</v>
      </c>
      <c r="E12" s="209">
        <v>2971</v>
      </c>
      <c r="F12" s="200">
        <v>0</v>
      </c>
      <c r="G12" s="208">
        <v>4050</v>
      </c>
      <c r="H12" s="208">
        <v>2437</v>
      </c>
      <c r="I12" s="208">
        <v>1581</v>
      </c>
      <c r="J12" s="208">
        <v>1352</v>
      </c>
      <c r="K12" s="208">
        <v>884</v>
      </c>
      <c r="L12" s="209">
        <v>10304</v>
      </c>
      <c r="M12" s="210">
        <v>13275</v>
      </c>
      <c r="N12" s="211">
        <v>30</v>
      </c>
      <c r="O12" s="208">
        <v>35</v>
      </c>
      <c r="P12" s="209">
        <v>65</v>
      </c>
      <c r="Q12" s="200">
        <v>0</v>
      </c>
      <c r="R12" s="208">
        <v>105</v>
      </c>
      <c r="S12" s="208">
        <v>74</v>
      </c>
      <c r="T12" s="208">
        <v>40</v>
      </c>
      <c r="U12" s="208">
        <v>35</v>
      </c>
      <c r="V12" s="208">
        <v>41</v>
      </c>
      <c r="W12" s="209">
        <v>295</v>
      </c>
      <c r="X12" s="210">
        <v>360</v>
      </c>
      <c r="Y12" s="207">
        <v>1367</v>
      </c>
      <c r="Z12" s="208">
        <v>1669</v>
      </c>
      <c r="AA12" s="209">
        <v>3036</v>
      </c>
      <c r="AB12" s="200">
        <v>0</v>
      </c>
      <c r="AC12" s="208">
        <v>4155</v>
      </c>
      <c r="AD12" s="208">
        <v>2511</v>
      </c>
      <c r="AE12" s="208">
        <v>1621</v>
      </c>
      <c r="AF12" s="208">
        <v>1387</v>
      </c>
      <c r="AG12" s="208">
        <v>925</v>
      </c>
      <c r="AH12" s="209">
        <v>10599</v>
      </c>
      <c r="AI12" s="210">
        <v>13635</v>
      </c>
    </row>
    <row r="13" spans="2:35" ht="21" customHeight="1" x14ac:dyDescent="0.2">
      <c r="B13" s="472" t="s">
        <v>11</v>
      </c>
      <c r="C13" s="207">
        <v>523</v>
      </c>
      <c r="D13" s="208">
        <v>582</v>
      </c>
      <c r="E13" s="209">
        <v>1105</v>
      </c>
      <c r="F13" s="200">
        <v>0</v>
      </c>
      <c r="G13" s="208">
        <v>2118</v>
      </c>
      <c r="H13" s="208">
        <v>1347</v>
      </c>
      <c r="I13" s="208">
        <v>966</v>
      </c>
      <c r="J13" s="208">
        <v>779</v>
      </c>
      <c r="K13" s="208">
        <v>378</v>
      </c>
      <c r="L13" s="209">
        <v>5588</v>
      </c>
      <c r="M13" s="210">
        <v>6693</v>
      </c>
      <c r="N13" s="211">
        <v>9</v>
      </c>
      <c r="O13" s="208">
        <v>7</v>
      </c>
      <c r="P13" s="209">
        <v>16</v>
      </c>
      <c r="Q13" s="200">
        <v>0</v>
      </c>
      <c r="R13" s="208">
        <v>46</v>
      </c>
      <c r="S13" s="208">
        <v>31</v>
      </c>
      <c r="T13" s="208">
        <v>25</v>
      </c>
      <c r="U13" s="208">
        <v>17</v>
      </c>
      <c r="V13" s="208">
        <v>16</v>
      </c>
      <c r="W13" s="209">
        <v>135</v>
      </c>
      <c r="X13" s="210">
        <v>151</v>
      </c>
      <c r="Y13" s="207">
        <v>532</v>
      </c>
      <c r="Z13" s="208">
        <v>589</v>
      </c>
      <c r="AA13" s="209">
        <v>1121</v>
      </c>
      <c r="AB13" s="200">
        <v>0</v>
      </c>
      <c r="AC13" s="208">
        <v>2164</v>
      </c>
      <c r="AD13" s="208">
        <v>1378</v>
      </c>
      <c r="AE13" s="208">
        <v>991</v>
      </c>
      <c r="AF13" s="208">
        <v>796</v>
      </c>
      <c r="AG13" s="208">
        <v>394</v>
      </c>
      <c r="AH13" s="209">
        <v>5723</v>
      </c>
      <c r="AI13" s="210">
        <v>6844</v>
      </c>
    </row>
    <row r="14" spans="2:35" ht="21" customHeight="1" x14ac:dyDescent="0.2">
      <c r="B14" s="472" t="s">
        <v>12</v>
      </c>
      <c r="C14" s="207">
        <v>735</v>
      </c>
      <c r="D14" s="208">
        <v>1122</v>
      </c>
      <c r="E14" s="209">
        <v>1857</v>
      </c>
      <c r="F14" s="200">
        <v>0</v>
      </c>
      <c r="G14" s="208">
        <v>1715</v>
      </c>
      <c r="H14" s="208">
        <v>1495</v>
      </c>
      <c r="I14" s="208">
        <v>982</v>
      </c>
      <c r="J14" s="208">
        <v>861</v>
      </c>
      <c r="K14" s="208">
        <v>491</v>
      </c>
      <c r="L14" s="209">
        <v>5544</v>
      </c>
      <c r="M14" s="210">
        <v>7401</v>
      </c>
      <c r="N14" s="211">
        <v>11</v>
      </c>
      <c r="O14" s="208">
        <v>31</v>
      </c>
      <c r="P14" s="209">
        <v>42</v>
      </c>
      <c r="Q14" s="200">
        <v>0</v>
      </c>
      <c r="R14" s="208">
        <v>22</v>
      </c>
      <c r="S14" s="208">
        <v>31</v>
      </c>
      <c r="T14" s="208">
        <v>24</v>
      </c>
      <c r="U14" s="208">
        <v>22</v>
      </c>
      <c r="V14" s="208">
        <v>17</v>
      </c>
      <c r="W14" s="209">
        <v>116</v>
      </c>
      <c r="X14" s="210">
        <v>158</v>
      </c>
      <c r="Y14" s="207">
        <v>746</v>
      </c>
      <c r="Z14" s="208">
        <v>1153</v>
      </c>
      <c r="AA14" s="209">
        <v>1899</v>
      </c>
      <c r="AB14" s="200">
        <v>0</v>
      </c>
      <c r="AC14" s="208">
        <v>1737</v>
      </c>
      <c r="AD14" s="208">
        <v>1526</v>
      </c>
      <c r="AE14" s="208">
        <v>1006</v>
      </c>
      <c r="AF14" s="208">
        <v>883</v>
      </c>
      <c r="AG14" s="208">
        <v>508</v>
      </c>
      <c r="AH14" s="209">
        <v>5660</v>
      </c>
      <c r="AI14" s="210">
        <v>7559</v>
      </c>
    </row>
    <row r="15" spans="2:35" ht="21" customHeight="1" x14ac:dyDescent="0.2">
      <c r="B15" s="472" t="s">
        <v>13</v>
      </c>
      <c r="C15" s="207">
        <v>125</v>
      </c>
      <c r="D15" s="208">
        <v>215</v>
      </c>
      <c r="E15" s="209">
        <v>340</v>
      </c>
      <c r="F15" s="200">
        <v>0</v>
      </c>
      <c r="G15" s="208">
        <v>664</v>
      </c>
      <c r="H15" s="208">
        <v>663</v>
      </c>
      <c r="I15" s="208">
        <v>389</v>
      </c>
      <c r="J15" s="208">
        <v>320</v>
      </c>
      <c r="K15" s="208">
        <v>218</v>
      </c>
      <c r="L15" s="209">
        <v>2254</v>
      </c>
      <c r="M15" s="210">
        <v>2594</v>
      </c>
      <c r="N15" s="211">
        <v>0</v>
      </c>
      <c r="O15" s="208">
        <v>3</v>
      </c>
      <c r="P15" s="209">
        <v>3</v>
      </c>
      <c r="Q15" s="200">
        <v>0</v>
      </c>
      <c r="R15" s="208">
        <v>12</v>
      </c>
      <c r="S15" s="208">
        <v>11</v>
      </c>
      <c r="T15" s="208">
        <v>9</v>
      </c>
      <c r="U15" s="208">
        <v>6</v>
      </c>
      <c r="V15" s="208">
        <v>11</v>
      </c>
      <c r="W15" s="209">
        <v>49</v>
      </c>
      <c r="X15" s="210">
        <v>52</v>
      </c>
      <c r="Y15" s="207">
        <v>125</v>
      </c>
      <c r="Z15" s="208">
        <v>218</v>
      </c>
      <c r="AA15" s="209">
        <v>343</v>
      </c>
      <c r="AB15" s="200">
        <v>0</v>
      </c>
      <c r="AC15" s="208">
        <v>676</v>
      </c>
      <c r="AD15" s="208">
        <v>674</v>
      </c>
      <c r="AE15" s="208">
        <v>398</v>
      </c>
      <c r="AF15" s="208">
        <v>326</v>
      </c>
      <c r="AG15" s="208">
        <v>229</v>
      </c>
      <c r="AH15" s="209">
        <v>2303</v>
      </c>
      <c r="AI15" s="210">
        <v>2646</v>
      </c>
    </row>
    <row r="16" spans="2:35" ht="21" customHeight="1" x14ac:dyDescent="0.2">
      <c r="B16" s="472" t="s">
        <v>15</v>
      </c>
      <c r="C16" s="207">
        <v>102</v>
      </c>
      <c r="D16" s="208">
        <v>187</v>
      </c>
      <c r="E16" s="209">
        <v>289</v>
      </c>
      <c r="F16" s="200">
        <v>0</v>
      </c>
      <c r="G16" s="208">
        <v>504</v>
      </c>
      <c r="H16" s="208">
        <v>549</v>
      </c>
      <c r="I16" s="208">
        <v>317</v>
      </c>
      <c r="J16" s="208">
        <v>192</v>
      </c>
      <c r="K16" s="208">
        <v>125</v>
      </c>
      <c r="L16" s="209">
        <v>1687</v>
      </c>
      <c r="M16" s="210">
        <v>1976</v>
      </c>
      <c r="N16" s="211">
        <v>0</v>
      </c>
      <c r="O16" s="208">
        <v>5</v>
      </c>
      <c r="P16" s="209">
        <v>5</v>
      </c>
      <c r="Q16" s="200">
        <v>0</v>
      </c>
      <c r="R16" s="208">
        <v>8</v>
      </c>
      <c r="S16" s="208">
        <v>10</v>
      </c>
      <c r="T16" s="208">
        <v>1</v>
      </c>
      <c r="U16" s="208">
        <v>3</v>
      </c>
      <c r="V16" s="208">
        <v>8</v>
      </c>
      <c r="W16" s="209">
        <v>30</v>
      </c>
      <c r="X16" s="210">
        <v>35</v>
      </c>
      <c r="Y16" s="207">
        <v>102</v>
      </c>
      <c r="Z16" s="208">
        <v>192</v>
      </c>
      <c r="AA16" s="209">
        <v>294</v>
      </c>
      <c r="AB16" s="200">
        <v>0</v>
      </c>
      <c r="AC16" s="208">
        <v>512</v>
      </c>
      <c r="AD16" s="208">
        <v>559</v>
      </c>
      <c r="AE16" s="208">
        <v>318</v>
      </c>
      <c r="AF16" s="208">
        <v>195</v>
      </c>
      <c r="AG16" s="208">
        <v>133</v>
      </c>
      <c r="AH16" s="209">
        <v>1717</v>
      </c>
      <c r="AI16" s="210">
        <v>2011</v>
      </c>
    </row>
    <row r="17" spans="2:35" ht="21" customHeight="1" x14ac:dyDescent="0.2">
      <c r="B17" s="472" t="s">
        <v>16</v>
      </c>
      <c r="C17" s="207">
        <v>254</v>
      </c>
      <c r="D17" s="208">
        <v>483</v>
      </c>
      <c r="E17" s="209">
        <v>737</v>
      </c>
      <c r="F17" s="200">
        <v>0</v>
      </c>
      <c r="G17" s="208">
        <v>968</v>
      </c>
      <c r="H17" s="208">
        <v>1344</v>
      </c>
      <c r="I17" s="208">
        <v>723</v>
      </c>
      <c r="J17" s="208">
        <v>549</v>
      </c>
      <c r="K17" s="208">
        <v>335</v>
      </c>
      <c r="L17" s="209">
        <v>3919</v>
      </c>
      <c r="M17" s="210">
        <v>4656</v>
      </c>
      <c r="N17" s="211">
        <v>5</v>
      </c>
      <c r="O17" s="208">
        <v>12</v>
      </c>
      <c r="P17" s="209">
        <v>17</v>
      </c>
      <c r="Q17" s="200">
        <v>0</v>
      </c>
      <c r="R17" s="208">
        <v>18</v>
      </c>
      <c r="S17" s="208">
        <v>38</v>
      </c>
      <c r="T17" s="208">
        <v>22</v>
      </c>
      <c r="U17" s="208">
        <v>16</v>
      </c>
      <c r="V17" s="208">
        <v>16</v>
      </c>
      <c r="W17" s="209">
        <v>110</v>
      </c>
      <c r="X17" s="210">
        <v>127</v>
      </c>
      <c r="Y17" s="207">
        <v>259</v>
      </c>
      <c r="Z17" s="208">
        <v>495</v>
      </c>
      <c r="AA17" s="209">
        <v>754</v>
      </c>
      <c r="AB17" s="200">
        <v>0</v>
      </c>
      <c r="AC17" s="208">
        <v>986</v>
      </c>
      <c r="AD17" s="208">
        <v>1382</v>
      </c>
      <c r="AE17" s="208">
        <v>745</v>
      </c>
      <c r="AF17" s="208">
        <v>565</v>
      </c>
      <c r="AG17" s="208">
        <v>351</v>
      </c>
      <c r="AH17" s="209">
        <v>4029</v>
      </c>
      <c r="AI17" s="210">
        <v>4783</v>
      </c>
    </row>
    <row r="18" spans="2:35" ht="21" customHeight="1" x14ac:dyDescent="0.2">
      <c r="B18" s="472" t="s">
        <v>17</v>
      </c>
      <c r="C18" s="207">
        <v>299</v>
      </c>
      <c r="D18" s="208">
        <v>640</v>
      </c>
      <c r="E18" s="209">
        <v>939</v>
      </c>
      <c r="F18" s="200">
        <v>0</v>
      </c>
      <c r="G18" s="208">
        <v>1124</v>
      </c>
      <c r="H18" s="208">
        <v>1704</v>
      </c>
      <c r="I18" s="208">
        <v>1034</v>
      </c>
      <c r="J18" s="208">
        <v>752</v>
      </c>
      <c r="K18" s="208">
        <v>428</v>
      </c>
      <c r="L18" s="209">
        <v>5042</v>
      </c>
      <c r="M18" s="210">
        <v>5981</v>
      </c>
      <c r="N18" s="211">
        <v>3</v>
      </c>
      <c r="O18" s="208">
        <v>26</v>
      </c>
      <c r="P18" s="209">
        <v>29</v>
      </c>
      <c r="Q18" s="200">
        <v>0</v>
      </c>
      <c r="R18" s="208">
        <v>18</v>
      </c>
      <c r="S18" s="208">
        <v>61</v>
      </c>
      <c r="T18" s="208">
        <v>40</v>
      </c>
      <c r="U18" s="208">
        <v>25</v>
      </c>
      <c r="V18" s="208">
        <v>25</v>
      </c>
      <c r="W18" s="209">
        <v>169</v>
      </c>
      <c r="X18" s="210">
        <v>198</v>
      </c>
      <c r="Y18" s="207">
        <v>302</v>
      </c>
      <c r="Z18" s="208">
        <v>666</v>
      </c>
      <c r="AA18" s="209">
        <v>968</v>
      </c>
      <c r="AB18" s="200">
        <v>0</v>
      </c>
      <c r="AC18" s="208">
        <v>1142</v>
      </c>
      <c r="AD18" s="208">
        <v>1765</v>
      </c>
      <c r="AE18" s="208">
        <v>1074</v>
      </c>
      <c r="AF18" s="208">
        <v>777</v>
      </c>
      <c r="AG18" s="208">
        <v>453</v>
      </c>
      <c r="AH18" s="209">
        <v>5211</v>
      </c>
      <c r="AI18" s="210">
        <v>6179</v>
      </c>
    </row>
    <row r="19" spans="2:35" ht="21" customHeight="1" x14ac:dyDescent="0.2">
      <c r="B19" s="472" t="s">
        <v>18</v>
      </c>
      <c r="C19" s="207">
        <v>380</v>
      </c>
      <c r="D19" s="208">
        <v>677</v>
      </c>
      <c r="E19" s="209">
        <v>1057</v>
      </c>
      <c r="F19" s="200">
        <v>0</v>
      </c>
      <c r="G19" s="208">
        <v>1852</v>
      </c>
      <c r="H19" s="208">
        <v>1749</v>
      </c>
      <c r="I19" s="208">
        <v>1087</v>
      </c>
      <c r="J19" s="208">
        <v>804</v>
      </c>
      <c r="K19" s="208">
        <v>443</v>
      </c>
      <c r="L19" s="209">
        <v>5935</v>
      </c>
      <c r="M19" s="210">
        <v>6992</v>
      </c>
      <c r="N19" s="211">
        <v>14</v>
      </c>
      <c r="O19" s="208">
        <v>24</v>
      </c>
      <c r="P19" s="209">
        <v>38</v>
      </c>
      <c r="Q19" s="200">
        <v>0</v>
      </c>
      <c r="R19" s="208">
        <v>45</v>
      </c>
      <c r="S19" s="208">
        <v>54</v>
      </c>
      <c r="T19" s="208">
        <v>27</v>
      </c>
      <c r="U19" s="208">
        <v>34</v>
      </c>
      <c r="V19" s="208">
        <v>22</v>
      </c>
      <c r="W19" s="209">
        <v>182</v>
      </c>
      <c r="X19" s="210">
        <v>220</v>
      </c>
      <c r="Y19" s="207">
        <v>394</v>
      </c>
      <c r="Z19" s="208">
        <v>701</v>
      </c>
      <c r="AA19" s="209">
        <v>1095</v>
      </c>
      <c r="AB19" s="200">
        <v>0</v>
      </c>
      <c r="AC19" s="208">
        <v>1897</v>
      </c>
      <c r="AD19" s="208">
        <v>1803</v>
      </c>
      <c r="AE19" s="208">
        <v>1114</v>
      </c>
      <c r="AF19" s="208">
        <v>838</v>
      </c>
      <c r="AG19" s="208">
        <v>465</v>
      </c>
      <c r="AH19" s="209">
        <v>6117</v>
      </c>
      <c r="AI19" s="210">
        <v>7212</v>
      </c>
    </row>
    <row r="20" spans="2:35" ht="21" customHeight="1" x14ac:dyDescent="0.2">
      <c r="B20" s="472" t="s">
        <v>19</v>
      </c>
      <c r="C20" s="207">
        <v>234</v>
      </c>
      <c r="D20" s="208">
        <v>329</v>
      </c>
      <c r="E20" s="209">
        <v>563</v>
      </c>
      <c r="F20" s="200">
        <v>0</v>
      </c>
      <c r="G20" s="208">
        <v>835</v>
      </c>
      <c r="H20" s="208">
        <v>693</v>
      </c>
      <c r="I20" s="208">
        <v>424</v>
      </c>
      <c r="J20" s="208">
        <v>288</v>
      </c>
      <c r="K20" s="208">
        <v>203</v>
      </c>
      <c r="L20" s="209">
        <v>2443</v>
      </c>
      <c r="M20" s="210">
        <v>3006</v>
      </c>
      <c r="N20" s="211">
        <v>6</v>
      </c>
      <c r="O20" s="208">
        <v>10</v>
      </c>
      <c r="P20" s="209">
        <v>16</v>
      </c>
      <c r="Q20" s="200">
        <v>0</v>
      </c>
      <c r="R20" s="208">
        <v>17</v>
      </c>
      <c r="S20" s="208">
        <v>16</v>
      </c>
      <c r="T20" s="208">
        <v>11</v>
      </c>
      <c r="U20" s="208">
        <v>7</v>
      </c>
      <c r="V20" s="208">
        <v>16</v>
      </c>
      <c r="W20" s="209">
        <v>67</v>
      </c>
      <c r="X20" s="210">
        <v>83</v>
      </c>
      <c r="Y20" s="207">
        <v>240</v>
      </c>
      <c r="Z20" s="208">
        <v>339</v>
      </c>
      <c r="AA20" s="209">
        <v>579</v>
      </c>
      <c r="AB20" s="200">
        <v>0</v>
      </c>
      <c r="AC20" s="208">
        <v>852</v>
      </c>
      <c r="AD20" s="208">
        <v>709</v>
      </c>
      <c r="AE20" s="208">
        <v>435</v>
      </c>
      <c r="AF20" s="208">
        <v>295</v>
      </c>
      <c r="AG20" s="208">
        <v>219</v>
      </c>
      <c r="AH20" s="209">
        <v>2510</v>
      </c>
      <c r="AI20" s="210">
        <v>3089</v>
      </c>
    </row>
    <row r="21" spans="2:35" ht="21" customHeight="1" x14ac:dyDescent="0.2">
      <c r="B21" s="472" t="s">
        <v>20</v>
      </c>
      <c r="C21" s="207">
        <v>235</v>
      </c>
      <c r="D21" s="208">
        <v>449</v>
      </c>
      <c r="E21" s="209">
        <v>684</v>
      </c>
      <c r="F21" s="200">
        <v>0</v>
      </c>
      <c r="G21" s="208">
        <v>1090</v>
      </c>
      <c r="H21" s="208">
        <v>737</v>
      </c>
      <c r="I21" s="208">
        <v>519</v>
      </c>
      <c r="J21" s="208">
        <v>342</v>
      </c>
      <c r="K21" s="208">
        <v>192</v>
      </c>
      <c r="L21" s="209">
        <v>2880</v>
      </c>
      <c r="M21" s="210">
        <v>3564</v>
      </c>
      <c r="N21" s="211">
        <v>6</v>
      </c>
      <c r="O21" s="208">
        <v>21</v>
      </c>
      <c r="P21" s="209">
        <v>27</v>
      </c>
      <c r="Q21" s="200">
        <v>0</v>
      </c>
      <c r="R21" s="208">
        <v>25</v>
      </c>
      <c r="S21" s="208">
        <v>24</v>
      </c>
      <c r="T21" s="208">
        <v>14</v>
      </c>
      <c r="U21" s="208">
        <v>16</v>
      </c>
      <c r="V21" s="208">
        <v>7</v>
      </c>
      <c r="W21" s="209">
        <v>86</v>
      </c>
      <c r="X21" s="210">
        <v>113</v>
      </c>
      <c r="Y21" s="207">
        <v>241</v>
      </c>
      <c r="Z21" s="208">
        <v>470</v>
      </c>
      <c r="AA21" s="209">
        <v>711</v>
      </c>
      <c r="AB21" s="200">
        <v>0</v>
      </c>
      <c r="AC21" s="208">
        <v>1115</v>
      </c>
      <c r="AD21" s="208">
        <v>761</v>
      </c>
      <c r="AE21" s="208">
        <v>533</v>
      </c>
      <c r="AF21" s="208">
        <v>358</v>
      </c>
      <c r="AG21" s="208">
        <v>199</v>
      </c>
      <c r="AH21" s="209">
        <v>2966</v>
      </c>
      <c r="AI21" s="210">
        <v>3677</v>
      </c>
    </row>
    <row r="22" spans="2:35" ht="21" customHeight="1" x14ac:dyDescent="0.2">
      <c r="B22" s="472" t="s">
        <v>21</v>
      </c>
      <c r="C22" s="207">
        <v>318</v>
      </c>
      <c r="D22" s="208">
        <v>429</v>
      </c>
      <c r="E22" s="209">
        <v>747</v>
      </c>
      <c r="F22" s="200">
        <v>0</v>
      </c>
      <c r="G22" s="208">
        <v>982</v>
      </c>
      <c r="H22" s="208">
        <v>1061</v>
      </c>
      <c r="I22" s="208">
        <v>628</v>
      </c>
      <c r="J22" s="208">
        <v>420</v>
      </c>
      <c r="K22" s="208">
        <v>267</v>
      </c>
      <c r="L22" s="209">
        <v>3358</v>
      </c>
      <c r="M22" s="210">
        <v>4105</v>
      </c>
      <c r="N22" s="211">
        <v>7</v>
      </c>
      <c r="O22" s="208">
        <v>16</v>
      </c>
      <c r="P22" s="209">
        <v>23</v>
      </c>
      <c r="Q22" s="200">
        <v>0</v>
      </c>
      <c r="R22" s="208">
        <v>4</v>
      </c>
      <c r="S22" s="208">
        <v>38</v>
      </c>
      <c r="T22" s="208">
        <v>26</v>
      </c>
      <c r="U22" s="208">
        <v>11</v>
      </c>
      <c r="V22" s="208">
        <v>12</v>
      </c>
      <c r="W22" s="209">
        <v>91</v>
      </c>
      <c r="X22" s="210">
        <v>114</v>
      </c>
      <c r="Y22" s="207">
        <v>325</v>
      </c>
      <c r="Z22" s="208">
        <v>445</v>
      </c>
      <c r="AA22" s="209">
        <v>770</v>
      </c>
      <c r="AB22" s="200">
        <v>0</v>
      </c>
      <c r="AC22" s="208">
        <v>986</v>
      </c>
      <c r="AD22" s="208">
        <v>1099</v>
      </c>
      <c r="AE22" s="208">
        <v>654</v>
      </c>
      <c r="AF22" s="208">
        <v>431</v>
      </c>
      <c r="AG22" s="208">
        <v>279</v>
      </c>
      <c r="AH22" s="209">
        <v>3449</v>
      </c>
      <c r="AI22" s="210">
        <v>4219</v>
      </c>
    </row>
    <row r="23" spans="2:35" ht="21" customHeight="1" x14ac:dyDescent="0.2">
      <c r="B23" s="472" t="s">
        <v>22</v>
      </c>
      <c r="C23" s="207">
        <v>69</v>
      </c>
      <c r="D23" s="208">
        <v>180</v>
      </c>
      <c r="E23" s="209">
        <v>249</v>
      </c>
      <c r="F23" s="200">
        <v>0</v>
      </c>
      <c r="G23" s="208">
        <v>376</v>
      </c>
      <c r="H23" s="208">
        <v>366</v>
      </c>
      <c r="I23" s="208">
        <v>208</v>
      </c>
      <c r="J23" s="208">
        <v>148</v>
      </c>
      <c r="K23" s="208">
        <v>88</v>
      </c>
      <c r="L23" s="209">
        <v>1186</v>
      </c>
      <c r="M23" s="210">
        <v>1435</v>
      </c>
      <c r="N23" s="211">
        <v>2</v>
      </c>
      <c r="O23" s="208">
        <v>4</v>
      </c>
      <c r="P23" s="209">
        <v>6</v>
      </c>
      <c r="Q23" s="200">
        <v>0</v>
      </c>
      <c r="R23" s="208">
        <v>7</v>
      </c>
      <c r="S23" s="208">
        <v>12</v>
      </c>
      <c r="T23" s="208">
        <v>5</v>
      </c>
      <c r="U23" s="208">
        <v>3</v>
      </c>
      <c r="V23" s="208">
        <v>2</v>
      </c>
      <c r="W23" s="209">
        <v>29</v>
      </c>
      <c r="X23" s="210">
        <v>35</v>
      </c>
      <c r="Y23" s="207">
        <v>71</v>
      </c>
      <c r="Z23" s="208">
        <v>184</v>
      </c>
      <c r="AA23" s="209">
        <v>255</v>
      </c>
      <c r="AB23" s="200">
        <v>0</v>
      </c>
      <c r="AC23" s="208">
        <v>383</v>
      </c>
      <c r="AD23" s="208">
        <v>378</v>
      </c>
      <c r="AE23" s="208">
        <v>213</v>
      </c>
      <c r="AF23" s="208">
        <v>151</v>
      </c>
      <c r="AG23" s="208">
        <v>90</v>
      </c>
      <c r="AH23" s="209">
        <v>1215</v>
      </c>
      <c r="AI23" s="210">
        <v>1470</v>
      </c>
    </row>
    <row r="24" spans="2:35" ht="21" customHeight="1" x14ac:dyDescent="0.2">
      <c r="B24" s="472" t="s">
        <v>23</v>
      </c>
      <c r="C24" s="207">
        <v>136</v>
      </c>
      <c r="D24" s="208">
        <v>288</v>
      </c>
      <c r="E24" s="209">
        <v>424</v>
      </c>
      <c r="F24" s="200">
        <v>0</v>
      </c>
      <c r="G24" s="208">
        <v>619</v>
      </c>
      <c r="H24" s="208">
        <v>577</v>
      </c>
      <c r="I24" s="208">
        <v>311</v>
      </c>
      <c r="J24" s="208">
        <v>283</v>
      </c>
      <c r="K24" s="208">
        <v>142</v>
      </c>
      <c r="L24" s="209">
        <v>1932</v>
      </c>
      <c r="M24" s="210">
        <v>2356</v>
      </c>
      <c r="N24" s="211">
        <v>5</v>
      </c>
      <c r="O24" s="208">
        <v>8</v>
      </c>
      <c r="P24" s="209">
        <v>13</v>
      </c>
      <c r="Q24" s="200">
        <v>0</v>
      </c>
      <c r="R24" s="208">
        <v>7</v>
      </c>
      <c r="S24" s="208">
        <v>23</v>
      </c>
      <c r="T24" s="208">
        <v>10</v>
      </c>
      <c r="U24" s="208">
        <v>7</v>
      </c>
      <c r="V24" s="208">
        <v>4</v>
      </c>
      <c r="W24" s="209">
        <v>51</v>
      </c>
      <c r="X24" s="210">
        <v>64</v>
      </c>
      <c r="Y24" s="207">
        <v>141</v>
      </c>
      <c r="Z24" s="208">
        <v>296</v>
      </c>
      <c r="AA24" s="209">
        <v>437</v>
      </c>
      <c r="AB24" s="200">
        <v>0</v>
      </c>
      <c r="AC24" s="208">
        <v>626</v>
      </c>
      <c r="AD24" s="208">
        <v>600</v>
      </c>
      <c r="AE24" s="208">
        <v>321</v>
      </c>
      <c r="AF24" s="208">
        <v>290</v>
      </c>
      <c r="AG24" s="208">
        <v>146</v>
      </c>
      <c r="AH24" s="209">
        <v>1983</v>
      </c>
      <c r="AI24" s="210">
        <v>2420</v>
      </c>
    </row>
    <row r="25" spans="2:35" ht="21" customHeight="1" x14ac:dyDescent="0.2">
      <c r="B25" s="472" t="s">
        <v>24</v>
      </c>
      <c r="C25" s="207">
        <v>134</v>
      </c>
      <c r="D25" s="208">
        <v>131</v>
      </c>
      <c r="E25" s="209">
        <v>265</v>
      </c>
      <c r="F25" s="200">
        <v>0</v>
      </c>
      <c r="G25" s="208">
        <v>328</v>
      </c>
      <c r="H25" s="208">
        <v>258</v>
      </c>
      <c r="I25" s="208">
        <v>167</v>
      </c>
      <c r="J25" s="208">
        <v>129</v>
      </c>
      <c r="K25" s="208">
        <v>74</v>
      </c>
      <c r="L25" s="209">
        <v>956</v>
      </c>
      <c r="M25" s="210">
        <v>1221</v>
      </c>
      <c r="N25" s="211">
        <v>1</v>
      </c>
      <c r="O25" s="208">
        <v>0</v>
      </c>
      <c r="P25" s="209">
        <v>1</v>
      </c>
      <c r="Q25" s="200">
        <v>0</v>
      </c>
      <c r="R25" s="208">
        <v>4</v>
      </c>
      <c r="S25" s="208">
        <v>7</v>
      </c>
      <c r="T25" s="208">
        <v>3</v>
      </c>
      <c r="U25" s="208">
        <v>2</v>
      </c>
      <c r="V25" s="208">
        <v>2</v>
      </c>
      <c r="W25" s="209">
        <v>18</v>
      </c>
      <c r="X25" s="210">
        <v>19</v>
      </c>
      <c r="Y25" s="207">
        <v>135</v>
      </c>
      <c r="Z25" s="208">
        <v>131</v>
      </c>
      <c r="AA25" s="209">
        <v>266</v>
      </c>
      <c r="AB25" s="200">
        <v>0</v>
      </c>
      <c r="AC25" s="208">
        <v>332</v>
      </c>
      <c r="AD25" s="208">
        <v>265</v>
      </c>
      <c r="AE25" s="208">
        <v>170</v>
      </c>
      <c r="AF25" s="208">
        <v>131</v>
      </c>
      <c r="AG25" s="208">
        <v>76</v>
      </c>
      <c r="AH25" s="209">
        <v>974</v>
      </c>
      <c r="AI25" s="210">
        <v>1240</v>
      </c>
    </row>
    <row r="26" spans="2:35" ht="21" customHeight="1" x14ac:dyDescent="0.2">
      <c r="B26" s="472" t="s">
        <v>25</v>
      </c>
      <c r="C26" s="207">
        <v>110</v>
      </c>
      <c r="D26" s="208">
        <v>179</v>
      </c>
      <c r="E26" s="209">
        <v>289</v>
      </c>
      <c r="F26" s="200">
        <v>0</v>
      </c>
      <c r="G26" s="208">
        <v>387</v>
      </c>
      <c r="H26" s="208">
        <v>293</v>
      </c>
      <c r="I26" s="208">
        <v>180</v>
      </c>
      <c r="J26" s="208">
        <v>147</v>
      </c>
      <c r="K26" s="208">
        <v>70</v>
      </c>
      <c r="L26" s="209">
        <v>1077</v>
      </c>
      <c r="M26" s="210">
        <v>1366</v>
      </c>
      <c r="N26" s="211">
        <v>1</v>
      </c>
      <c r="O26" s="208">
        <v>6</v>
      </c>
      <c r="P26" s="209">
        <v>7</v>
      </c>
      <c r="Q26" s="200">
        <v>0</v>
      </c>
      <c r="R26" s="208">
        <v>5</v>
      </c>
      <c r="S26" s="208">
        <v>15</v>
      </c>
      <c r="T26" s="208">
        <v>2</v>
      </c>
      <c r="U26" s="208">
        <v>2</v>
      </c>
      <c r="V26" s="208">
        <v>3</v>
      </c>
      <c r="W26" s="209">
        <v>27</v>
      </c>
      <c r="X26" s="210">
        <v>34</v>
      </c>
      <c r="Y26" s="207">
        <v>111</v>
      </c>
      <c r="Z26" s="208">
        <v>185</v>
      </c>
      <c r="AA26" s="209">
        <v>296</v>
      </c>
      <c r="AB26" s="200">
        <v>0</v>
      </c>
      <c r="AC26" s="208">
        <v>392</v>
      </c>
      <c r="AD26" s="208">
        <v>308</v>
      </c>
      <c r="AE26" s="208">
        <v>182</v>
      </c>
      <c r="AF26" s="208">
        <v>149</v>
      </c>
      <c r="AG26" s="208">
        <v>73</v>
      </c>
      <c r="AH26" s="209">
        <v>1104</v>
      </c>
      <c r="AI26" s="210">
        <v>1400</v>
      </c>
    </row>
    <row r="27" spans="2:35" ht="21" customHeight="1" x14ac:dyDescent="0.2">
      <c r="B27" s="472" t="s">
        <v>26</v>
      </c>
      <c r="C27" s="207">
        <v>79</v>
      </c>
      <c r="D27" s="208">
        <v>112</v>
      </c>
      <c r="E27" s="209">
        <v>191</v>
      </c>
      <c r="F27" s="200">
        <v>0</v>
      </c>
      <c r="G27" s="208">
        <v>315</v>
      </c>
      <c r="H27" s="208">
        <v>270</v>
      </c>
      <c r="I27" s="208">
        <v>204</v>
      </c>
      <c r="J27" s="208">
        <v>109</v>
      </c>
      <c r="K27" s="208">
        <v>83</v>
      </c>
      <c r="L27" s="209">
        <v>981</v>
      </c>
      <c r="M27" s="210">
        <v>1172</v>
      </c>
      <c r="N27" s="211">
        <v>2</v>
      </c>
      <c r="O27" s="208">
        <v>1</v>
      </c>
      <c r="P27" s="209">
        <v>3</v>
      </c>
      <c r="Q27" s="200">
        <v>0</v>
      </c>
      <c r="R27" s="208">
        <v>8</v>
      </c>
      <c r="S27" s="208">
        <v>6</v>
      </c>
      <c r="T27" s="208">
        <v>3</v>
      </c>
      <c r="U27" s="208">
        <v>3</v>
      </c>
      <c r="V27" s="208">
        <v>2</v>
      </c>
      <c r="W27" s="209">
        <v>22</v>
      </c>
      <c r="X27" s="210">
        <v>25</v>
      </c>
      <c r="Y27" s="207">
        <v>81</v>
      </c>
      <c r="Z27" s="208">
        <v>113</v>
      </c>
      <c r="AA27" s="209">
        <v>194</v>
      </c>
      <c r="AB27" s="200">
        <v>0</v>
      </c>
      <c r="AC27" s="208">
        <v>323</v>
      </c>
      <c r="AD27" s="208">
        <v>276</v>
      </c>
      <c r="AE27" s="208">
        <v>207</v>
      </c>
      <c r="AF27" s="208">
        <v>112</v>
      </c>
      <c r="AG27" s="208">
        <v>85</v>
      </c>
      <c r="AH27" s="209">
        <v>1003</v>
      </c>
      <c r="AI27" s="210">
        <v>1197</v>
      </c>
    </row>
    <row r="28" spans="2:35" ht="21" customHeight="1" x14ac:dyDescent="0.2">
      <c r="B28" s="472" t="s">
        <v>27</v>
      </c>
      <c r="C28" s="207">
        <v>133</v>
      </c>
      <c r="D28" s="208">
        <v>184</v>
      </c>
      <c r="E28" s="209">
        <v>317</v>
      </c>
      <c r="F28" s="200">
        <v>0</v>
      </c>
      <c r="G28" s="208">
        <v>272</v>
      </c>
      <c r="H28" s="208">
        <v>186</v>
      </c>
      <c r="I28" s="208">
        <v>137</v>
      </c>
      <c r="J28" s="208">
        <v>101</v>
      </c>
      <c r="K28" s="208">
        <v>74</v>
      </c>
      <c r="L28" s="209">
        <v>770</v>
      </c>
      <c r="M28" s="210">
        <v>1087</v>
      </c>
      <c r="N28" s="211">
        <v>4</v>
      </c>
      <c r="O28" s="208">
        <v>1</v>
      </c>
      <c r="P28" s="209">
        <v>5</v>
      </c>
      <c r="Q28" s="200">
        <v>0</v>
      </c>
      <c r="R28" s="208">
        <v>5</v>
      </c>
      <c r="S28" s="208">
        <v>7</v>
      </c>
      <c r="T28" s="208">
        <v>4</v>
      </c>
      <c r="U28" s="208">
        <v>1</v>
      </c>
      <c r="V28" s="208">
        <v>3</v>
      </c>
      <c r="W28" s="209">
        <v>20</v>
      </c>
      <c r="X28" s="210">
        <v>25</v>
      </c>
      <c r="Y28" s="207">
        <v>137</v>
      </c>
      <c r="Z28" s="208">
        <v>185</v>
      </c>
      <c r="AA28" s="209">
        <v>322</v>
      </c>
      <c r="AB28" s="200">
        <v>0</v>
      </c>
      <c r="AC28" s="208">
        <v>277</v>
      </c>
      <c r="AD28" s="208">
        <v>193</v>
      </c>
      <c r="AE28" s="208">
        <v>141</v>
      </c>
      <c r="AF28" s="208">
        <v>102</v>
      </c>
      <c r="AG28" s="208">
        <v>77</v>
      </c>
      <c r="AH28" s="209">
        <v>790</v>
      </c>
      <c r="AI28" s="210">
        <v>1112</v>
      </c>
    </row>
    <row r="29" spans="2:35" ht="21" customHeight="1" x14ac:dyDescent="0.2">
      <c r="B29" s="472" t="s">
        <v>28</v>
      </c>
      <c r="C29" s="207">
        <v>9</v>
      </c>
      <c r="D29" s="208">
        <v>18</v>
      </c>
      <c r="E29" s="209">
        <v>27</v>
      </c>
      <c r="F29" s="200">
        <v>0</v>
      </c>
      <c r="G29" s="208">
        <v>94</v>
      </c>
      <c r="H29" s="208">
        <v>95</v>
      </c>
      <c r="I29" s="208">
        <v>50</v>
      </c>
      <c r="J29" s="208">
        <v>36</v>
      </c>
      <c r="K29" s="208">
        <v>17</v>
      </c>
      <c r="L29" s="209">
        <v>292</v>
      </c>
      <c r="M29" s="210">
        <v>319</v>
      </c>
      <c r="N29" s="211">
        <v>0</v>
      </c>
      <c r="O29" s="208">
        <v>0</v>
      </c>
      <c r="P29" s="209">
        <v>0</v>
      </c>
      <c r="Q29" s="200">
        <v>0</v>
      </c>
      <c r="R29" s="208">
        <v>0</v>
      </c>
      <c r="S29" s="208">
        <v>3</v>
      </c>
      <c r="T29" s="208">
        <v>0</v>
      </c>
      <c r="U29" s="208">
        <v>0</v>
      </c>
      <c r="V29" s="208">
        <v>2</v>
      </c>
      <c r="W29" s="209">
        <v>5</v>
      </c>
      <c r="X29" s="210">
        <v>5</v>
      </c>
      <c r="Y29" s="207">
        <v>9</v>
      </c>
      <c r="Z29" s="208">
        <v>18</v>
      </c>
      <c r="AA29" s="209">
        <v>27</v>
      </c>
      <c r="AB29" s="200">
        <v>0</v>
      </c>
      <c r="AC29" s="208">
        <v>94</v>
      </c>
      <c r="AD29" s="208">
        <v>98</v>
      </c>
      <c r="AE29" s="208">
        <v>50</v>
      </c>
      <c r="AF29" s="208">
        <v>36</v>
      </c>
      <c r="AG29" s="208">
        <v>19</v>
      </c>
      <c r="AH29" s="209">
        <v>297</v>
      </c>
      <c r="AI29" s="210">
        <v>324</v>
      </c>
    </row>
    <row r="30" spans="2:35" ht="21" customHeight="1" x14ac:dyDescent="0.2">
      <c r="B30" s="472" t="s">
        <v>29</v>
      </c>
      <c r="C30" s="207">
        <v>30</v>
      </c>
      <c r="D30" s="208">
        <v>40</v>
      </c>
      <c r="E30" s="209">
        <v>70</v>
      </c>
      <c r="F30" s="200">
        <v>0</v>
      </c>
      <c r="G30" s="208">
        <v>101</v>
      </c>
      <c r="H30" s="208">
        <v>94</v>
      </c>
      <c r="I30" s="208">
        <v>79</v>
      </c>
      <c r="J30" s="208">
        <v>47</v>
      </c>
      <c r="K30" s="208">
        <v>32</v>
      </c>
      <c r="L30" s="209">
        <v>353</v>
      </c>
      <c r="M30" s="210">
        <v>423</v>
      </c>
      <c r="N30" s="211">
        <v>1</v>
      </c>
      <c r="O30" s="208">
        <v>2</v>
      </c>
      <c r="P30" s="209">
        <v>3</v>
      </c>
      <c r="Q30" s="200">
        <v>0</v>
      </c>
      <c r="R30" s="208">
        <v>3</v>
      </c>
      <c r="S30" s="208">
        <v>4</v>
      </c>
      <c r="T30" s="208">
        <v>3</v>
      </c>
      <c r="U30" s="208">
        <v>1</v>
      </c>
      <c r="V30" s="208">
        <v>0</v>
      </c>
      <c r="W30" s="209">
        <v>11</v>
      </c>
      <c r="X30" s="210">
        <v>14</v>
      </c>
      <c r="Y30" s="207">
        <v>31</v>
      </c>
      <c r="Z30" s="208">
        <v>42</v>
      </c>
      <c r="AA30" s="209">
        <v>73</v>
      </c>
      <c r="AB30" s="200">
        <v>0</v>
      </c>
      <c r="AC30" s="208">
        <v>104</v>
      </c>
      <c r="AD30" s="208">
        <v>98</v>
      </c>
      <c r="AE30" s="208">
        <v>82</v>
      </c>
      <c r="AF30" s="208">
        <v>48</v>
      </c>
      <c r="AG30" s="208">
        <v>32</v>
      </c>
      <c r="AH30" s="209">
        <v>364</v>
      </c>
      <c r="AI30" s="210">
        <v>437</v>
      </c>
    </row>
    <row r="31" spans="2:35" ht="21" customHeight="1" x14ac:dyDescent="0.2">
      <c r="B31" s="472" t="s">
        <v>30</v>
      </c>
      <c r="C31" s="207">
        <v>46</v>
      </c>
      <c r="D31" s="208">
        <v>30</v>
      </c>
      <c r="E31" s="209">
        <v>76</v>
      </c>
      <c r="F31" s="200">
        <v>0</v>
      </c>
      <c r="G31" s="208">
        <v>94</v>
      </c>
      <c r="H31" s="208">
        <v>70</v>
      </c>
      <c r="I31" s="208">
        <v>57</v>
      </c>
      <c r="J31" s="208">
        <v>46</v>
      </c>
      <c r="K31" s="208">
        <v>14</v>
      </c>
      <c r="L31" s="209">
        <v>281</v>
      </c>
      <c r="M31" s="210">
        <v>357</v>
      </c>
      <c r="N31" s="211">
        <v>0</v>
      </c>
      <c r="O31" s="208">
        <v>0</v>
      </c>
      <c r="P31" s="209">
        <v>0</v>
      </c>
      <c r="Q31" s="200">
        <v>0</v>
      </c>
      <c r="R31" s="208">
        <v>2</v>
      </c>
      <c r="S31" s="208">
        <v>1</v>
      </c>
      <c r="T31" s="208">
        <v>2</v>
      </c>
      <c r="U31" s="208">
        <v>2</v>
      </c>
      <c r="V31" s="208">
        <v>1</v>
      </c>
      <c r="W31" s="209">
        <v>8</v>
      </c>
      <c r="X31" s="210">
        <v>8</v>
      </c>
      <c r="Y31" s="207">
        <v>46</v>
      </c>
      <c r="Z31" s="208">
        <v>30</v>
      </c>
      <c r="AA31" s="209">
        <v>76</v>
      </c>
      <c r="AB31" s="200">
        <v>0</v>
      </c>
      <c r="AC31" s="208">
        <v>96</v>
      </c>
      <c r="AD31" s="208">
        <v>71</v>
      </c>
      <c r="AE31" s="208">
        <v>59</v>
      </c>
      <c r="AF31" s="208">
        <v>48</v>
      </c>
      <c r="AG31" s="208">
        <v>15</v>
      </c>
      <c r="AH31" s="209">
        <v>289</v>
      </c>
      <c r="AI31" s="210">
        <v>365</v>
      </c>
    </row>
    <row r="32" spans="2:35" ht="21" customHeight="1" x14ac:dyDescent="0.2">
      <c r="B32" s="472" t="s">
        <v>31</v>
      </c>
      <c r="C32" s="207">
        <v>24</v>
      </c>
      <c r="D32" s="208">
        <v>58</v>
      </c>
      <c r="E32" s="209">
        <v>82</v>
      </c>
      <c r="F32" s="200">
        <v>0</v>
      </c>
      <c r="G32" s="208">
        <v>102</v>
      </c>
      <c r="H32" s="208">
        <v>91</v>
      </c>
      <c r="I32" s="208">
        <v>57</v>
      </c>
      <c r="J32" s="208">
        <v>41</v>
      </c>
      <c r="K32" s="208">
        <v>14</v>
      </c>
      <c r="L32" s="209">
        <v>305</v>
      </c>
      <c r="M32" s="210">
        <v>387</v>
      </c>
      <c r="N32" s="211">
        <v>0</v>
      </c>
      <c r="O32" s="208">
        <v>3</v>
      </c>
      <c r="P32" s="209">
        <v>3</v>
      </c>
      <c r="Q32" s="200">
        <v>0</v>
      </c>
      <c r="R32" s="208">
        <v>2</v>
      </c>
      <c r="S32" s="208">
        <v>0</v>
      </c>
      <c r="T32" s="208">
        <v>0</v>
      </c>
      <c r="U32" s="208">
        <v>2</v>
      </c>
      <c r="V32" s="208">
        <v>1</v>
      </c>
      <c r="W32" s="209">
        <v>5</v>
      </c>
      <c r="X32" s="210">
        <v>8</v>
      </c>
      <c r="Y32" s="207">
        <v>24</v>
      </c>
      <c r="Z32" s="208">
        <v>61</v>
      </c>
      <c r="AA32" s="209">
        <v>85</v>
      </c>
      <c r="AB32" s="200">
        <v>0</v>
      </c>
      <c r="AC32" s="208">
        <v>104</v>
      </c>
      <c r="AD32" s="208">
        <v>91</v>
      </c>
      <c r="AE32" s="208">
        <v>57</v>
      </c>
      <c r="AF32" s="208">
        <v>43</v>
      </c>
      <c r="AG32" s="208">
        <v>15</v>
      </c>
      <c r="AH32" s="209">
        <v>310</v>
      </c>
      <c r="AI32" s="210">
        <v>395</v>
      </c>
    </row>
    <row r="33" spans="2:35" ht="21" customHeight="1" x14ac:dyDescent="0.2">
      <c r="B33" s="472" t="s">
        <v>32</v>
      </c>
      <c r="C33" s="207">
        <v>25</v>
      </c>
      <c r="D33" s="208">
        <v>52</v>
      </c>
      <c r="E33" s="209">
        <v>77</v>
      </c>
      <c r="F33" s="200">
        <v>0</v>
      </c>
      <c r="G33" s="208">
        <v>150</v>
      </c>
      <c r="H33" s="208">
        <v>125</v>
      </c>
      <c r="I33" s="208">
        <v>72</v>
      </c>
      <c r="J33" s="208">
        <v>48</v>
      </c>
      <c r="K33" s="208">
        <v>32</v>
      </c>
      <c r="L33" s="209">
        <v>427</v>
      </c>
      <c r="M33" s="210">
        <v>504</v>
      </c>
      <c r="N33" s="211">
        <v>0</v>
      </c>
      <c r="O33" s="208">
        <v>2</v>
      </c>
      <c r="P33" s="209">
        <v>2</v>
      </c>
      <c r="Q33" s="200">
        <v>0</v>
      </c>
      <c r="R33" s="208">
        <v>4</v>
      </c>
      <c r="S33" s="208">
        <v>8</v>
      </c>
      <c r="T33" s="208">
        <v>1</v>
      </c>
      <c r="U33" s="208">
        <v>1</v>
      </c>
      <c r="V33" s="208">
        <v>2</v>
      </c>
      <c r="W33" s="209">
        <v>16</v>
      </c>
      <c r="X33" s="210">
        <v>18</v>
      </c>
      <c r="Y33" s="207">
        <v>25</v>
      </c>
      <c r="Z33" s="208">
        <v>54</v>
      </c>
      <c r="AA33" s="209">
        <v>79</v>
      </c>
      <c r="AB33" s="200">
        <v>0</v>
      </c>
      <c r="AC33" s="208">
        <v>154</v>
      </c>
      <c r="AD33" s="208">
        <v>133</v>
      </c>
      <c r="AE33" s="208">
        <v>73</v>
      </c>
      <c r="AF33" s="208">
        <v>49</v>
      </c>
      <c r="AG33" s="208">
        <v>34</v>
      </c>
      <c r="AH33" s="209">
        <v>443</v>
      </c>
      <c r="AI33" s="210">
        <v>522</v>
      </c>
    </row>
    <row r="34" spans="2:35" ht="21" customHeight="1" x14ac:dyDescent="0.2">
      <c r="B34" s="472" t="s">
        <v>33</v>
      </c>
      <c r="C34" s="207">
        <v>38</v>
      </c>
      <c r="D34" s="208">
        <v>63</v>
      </c>
      <c r="E34" s="209">
        <v>101</v>
      </c>
      <c r="F34" s="200">
        <v>0</v>
      </c>
      <c r="G34" s="208">
        <v>128</v>
      </c>
      <c r="H34" s="208">
        <v>88</v>
      </c>
      <c r="I34" s="208">
        <v>68</v>
      </c>
      <c r="J34" s="208">
        <v>26</v>
      </c>
      <c r="K34" s="208">
        <v>29</v>
      </c>
      <c r="L34" s="209">
        <v>339</v>
      </c>
      <c r="M34" s="210">
        <v>440</v>
      </c>
      <c r="N34" s="211">
        <v>0</v>
      </c>
      <c r="O34" s="208">
        <v>0</v>
      </c>
      <c r="P34" s="209">
        <v>0</v>
      </c>
      <c r="Q34" s="200">
        <v>0</v>
      </c>
      <c r="R34" s="208">
        <v>2</v>
      </c>
      <c r="S34" s="208">
        <v>1</v>
      </c>
      <c r="T34" s="208">
        <v>0</v>
      </c>
      <c r="U34" s="208">
        <v>0</v>
      </c>
      <c r="V34" s="208">
        <v>1</v>
      </c>
      <c r="W34" s="209">
        <v>4</v>
      </c>
      <c r="X34" s="210">
        <v>4</v>
      </c>
      <c r="Y34" s="207">
        <v>38</v>
      </c>
      <c r="Z34" s="208">
        <v>63</v>
      </c>
      <c r="AA34" s="209">
        <v>101</v>
      </c>
      <c r="AB34" s="200">
        <v>0</v>
      </c>
      <c r="AC34" s="208">
        <v>130</v>
      </c>
      <c r="AD34" s="208">
        <v>89</v>
      </c>
      <c r="AE34" s="208">
        <v>68</v>
      </c>
      <c r="AF34" s="208">
        <v>26</v>
      </c>
      <c r="AG34" s="208">
        <v>30</v>
      </c>
      <c r="AH34" s="209">
        <v>343</v>
      </c>
      <c r="AI34" s="210">
        <v>444</v>
      </c>
    </row>
    <row r="35" spans="2:35" ht="21" customHeight="1" x14ac:dyDescent="0.2">
      <c r="B35" s="472" t="s">
        <v>34</v>
      </c>
      <c r="C35" s="207">
        <v>18</v>
      </c>
      <c r="D35" s="208">
        <v>29</v>
      </c>
      <c r="E35" s="209">
        <v>47</v>
      </c>
      <c r="F35" s="200">
        <v>0</v>
      </c>
      <c r="G35" s="208">
        <v>109</v>
      </c>
      <c r="H35" s="208">
        <v>66</v>
      </c>
      <c r="I35" s="208">
        <v>36</v>
      </c>
      <c r="J35" s="208">
        <v>35</v>
      </c>
      <c r="K35" s="208">
        <v>18</v>
      </c>
      <c r="L35" s="209">
        <v>264</v>
      </c>
      <c r="M35" s="210">
        <v>311</v>
      </c>
      <c r="N35" s="211">
        <v>0</v>
      </c>
      <c r="O35" s="208">
        <v>0</v>
      </c>
      <c r="P35" s="209">
        <v>0</v>
      </c>
      <c r="Q35" s="200">
        <v>0</v>
      </c>
      <c r="R35" s="208">
        <v>3</v>
      </c>
      <c r="S35" s="208">
        <v>2</v>
      </c>
      <c r="T35" s="208">
        <v>1</v>
      </c>
      <c r="U35" s="208">
        <v>1</v>
      </c>
      <c r="V35" s="208">
        <v>1</v>
      </c>
      <c r="W35" s="209">
        <v>8</v>
      </c>
      <c r="X35" s="210">
        <v>8</v>
      </c>
      <c r="Y35" s="207">
        <v>18</v>
      </c>
      <c r="Z35" s="208">
        <v>29</v>
      </c>
      <c r="AA35" s="209">
        <v>47</v>
      </c>
      <c r="AB35" s="200">
        <v>0</v>
      </c>
      <c r="AC35" s="208">
        <v>112</v>
      </c>
      <c r="AD35" s="208">
        <v>68</v>
      </c>
      <c r="AE35" s="208">
        <v>37</v>
      </c>
      <c r="AF35" s="208">
        <v>36</v>
      </c>
      <c r="AG35" s="208">
        <v>19</v>
      </c>
      <c r="AH35" s="209">
        <v>272</v>
      </c>
      <c r="AI35" s="210">
        <v>319</v>
      </c>
    </row>
    <row r="36" spans="2:35" ht="21" customHeight="1" x14ac:dyDescent="0.2">
      <c r="B36" s="472" t="s">
        <v>35</v>
      </c>
      <c r="C36" s="207">
        <v>80</v>
      </c>
      <c r="D36" s="208">
        <v>129</v>
      </c>
      <c r="E36" s="209">
        <v>209</v>
      </c>
      <c r="F36" s="200">
        <v>0</v>
      </c>
      <c r="G36" s="208">
        <v>371</v>
      </c>
      <c r="H36" s="208">
        <v>191</v>
      </c>
      <c r="I36" s="208">
        <v>150</v>
      </c>
      <c r="J36" s="208">
        <v>122</v>
      </c>
      <c r="K36" s="208">
        <v>51</v>
      </c>
      <c r="L36" s="209">
        <v>885</v>
      </c>
      <c r="M36" s="210">
        <v>1094</v>
      </c>
      <c r="N36" s="211">
        <v>0</v>
      </c>
      <c r="O36" s="208">
        <v>2</v>
      </c>
      <c r="P36" s="209">
        <v>2</v>
      </c>
      <c r="Q36" s="200">
        <v>0</v>
      </c>
      <c r="R36" s="208">
        <v>3</v>
      </c>
      <c r="S36" s="208">
        <v>4</v>
      </c>
      <c r="T36" s="208">
        <v>3</v>
      </c>
      <c r="U36" s="208">
        <v>2</v>
      </c>
      <c r="V36" s="208">
        <v>1</v>
      </c>
      <c r="W36" s="209">
        <v>13</v>
      </c>
      <c r="X36" s="210">
        <v>15</v>
      </c>
      <c r="Y36" s="207">
        <v>80</v>
      </c>
      <c r="Z36" s="208">
        <v>131</v>
      </c>
      <c r="AA36" s="209">
        <v>211</v>
      </c>
      <c r="AB36" s="200">
        <v>0</v>
      </c>
      <c r="AC36" s="208">
        <v>374</v>
      </c>
      <c r="AD36" s="208">
        <v>195</v>
      </c>
      <c r="AE36" s="208">
        <v>153</v>
      </c>
      <c r="AF36" s="208">
        <v>124</v>
      </c>
      <c r="AG36" s="208">
        <v>52</v>
      </c>
      <c r="AH36" s="209">
        <v>898</v>
      </c>
      <c r="AI36" s="210">
        <v>1109</v>
      </c>
    </row>
    <row r="37" spans="2:35" ht="21" customHeight="1" x14ac:dyDescent="0.2">
      <c r="B37" s="472" t="s">
        <v>36</v>
      </c>
      <c r="C37" s="207">
        <v>47</v>
      </c>
      <c r="D37" s="208">
        <v>137</v>
      </c>
      <c r="E37" s="209">
        <v>184</v>
      </c>
      <c r="F37" s="200">
        <v>0</v>
      </c>
      <c r="G37" s="208">
        <v>313</v>
      </c>
      <c r="H37" s="208">
        <v>267</v>
      </c>
      <c r="I37" s="208">
        <v>159</v>
      </c>
      <c r="J37" s="208">
        <v>115</v>
      </c>
      <c r="K37" s="208">
        <v>77</v>
      </c>
      <c r="L37" s="209">
        <v>931</v>
      </c>
      <c r="M37" s="210">
        <v>1115</v>
      </c>
      <c r="N37" s="211">
        <v>1</v>
      </c>
      <c r="O37" s="208">
        <v>4</v>
      </c>
      <c r="P37" s="209">
        <v>5</v>
      </c>
      <c r="Q37" s="200">
        <v>0</v>
      </c>
      <c r="R37" s="208">
        <v>5</v>
      </c>
      <c r="S37" s="208">
        <v>8</v>
      </c>
      <c r="T37" s="208">
        <v>6</v>
      </c>
      <c r="U37" s="208">
        <v>2</v>
      </c>
      <c r="V37" s="208">
        <v>2</v>
      </c>
      <c r="W37" s="209">
        <v>23</v>
      </c>
      <c r="X37" s="210">
        <v>28</v>
      </c>
      <c r="Y37" s="207">
        <v>48</v>
      </c>
      <c r="Z37" s="208">
        <v>141</v>
      </c>
      <c r="AA37" s="209">
        <v>189</v>
      </c>
      <c r="AB37" s="200">
        <v>0</v>
      </c>
      <c r="AC37" s="208">
        <v>318</v>
      </c>
      <c r="AD37" s="208">
        <v>275</v>
      </c>
      <c r="AE37" s="208">
        <v>165</v>
      </c>
      <c r="AF37" s="208">
        <v>117</v>
      </c>
      <c r="AG37" s="208">
        <v>79</v>
      </c>
      <c r="AH37" s="209">
        <v>954</v>
      </c>
      <c r="AI37" s="210">
        <v>1143</v>
      </c>
    </row>
    <row r="38" spans="2:35" ht="21" customHeight="1" thickBot="1" x14ac:dyDescent="0.25">
      <c r="B38" s="473" t="s">
        <v>37</v>
      </c>
      <c r="C38" s="212">
        <v>21</v>
      </c>
      <c r="D38" s="213">
        <v>2</v>
      </c>
      <c r="E38" s="214">
        <v>23</v>
      </c>
      <c r="F38" s="201">
        <v>0</v>
      </c>
      <c r="G38" s="213">
        <v>25</v>
      </c>
      <c r="H38" s="213">
        <v>17</v>
      </c>
      <c r="I38" s="213">
        <v>18</v>
      </c>
      <c r="J38" s="213">
        <v>16</v>
      </c>
      <c r="K38" s="213">
        <v>7</v>
      </c>
      <c r="L38" s="214">
        <v>83</v>
      </c>
      <c r="M38" s="215">
        <v>106</v>
      </c>
      <c r="N38" s="216">
        <v>0</v>
      </c>
      <c r="O38" s="213">
        <v>0</v>
      </c>
      <c r="P38" s="214">
        <v>0</v>
      </c>
      <c r="Q38" s="201">
        <v>0</v>
      </c>
      <c r="R38" s="213">
        <v>0</v>
      </c>
      <c r="S38" s="213">
        <v>3</v>
      </c>
      <c r="T38" s="213">
        <v>0</v>
      </c>
      <c r="U38" s="213">
        <v>1</v>
      </c>
      <c r="V38" s="213">
        <v>0</v>
      </c>
      <c r="W38" s="214">
        <v>4</v>
      </c>
      <c r="X38" s="215">
        <v>4</v>
      </c>
      <c r="Y38" s="212">
        <v>21</v>
      </c>
      <c r="Z38" s="213">
        <v>2</v>
      </c>
      <c r="AA38" s="214">
        <v>23</v>
      </c>
      <c r="AB38" s="201">
        <v>0</v>
      </c>
      <c r="AC38" s="213">
        <v>25</v>
      </c>
      <c r="AD38" s="213">
        <v>20</v>
      </c>
      <c r="AE38" s="213">
        <v>18</v>
      </c>
      <c r="AF38" s="213">
        <v>17</v>
      </c>
      <c r="AG38" s="213">
        <v>7</v>
      </c>
      <c r="AH38" s="214">
        <v>87</v>
      </c>
      <c r="AI38" s="215">
        <v>110</v>
      </c>
    </row>
    <row r="39" spans="2:35" x14ac:dyDescent="0.2">
      <c r="AA39" s="16"/>
      <c r="AB39" s="16"/>
      <c r="AC39" s="16"/>
      <c r="AD39" s="16"/>
      <c r="AE39" s="16"/>
      <c r="AF39" s="16"/>
      <c r="AG39" s="16"/>
      <c r="AH39" s="16"/>
      <c r="AI39" s="16"/>
    </row>
  </sheetData>
  <mergeCells count="5">
    <mergeCell ref="C3:M3"/>
    <mergeCell ref="N3:X3"/>
    <mergeCell ref="Y3:AI3"/>
    <mergeCell ref="G1:H1"/>
    <mergeCell ref="J1:K1"/>
  </mergeCells>
  <phoneticPr fontId="4"/>
  <pageMargins left="0.43307086614173229" right="0.27559055118110237" top="0.35433070866141736" bottom="0.39370078740157483" header="0.19685039370078741" footer="0.19685039370078741"/>
  <pageSetup paperSize="9" scale="48" orientation="landscape" r:id="rId1"/>
  <headerFooter alignWithMargins="0">
    <oddFooter>&amp;L&amp;20&amp;A&amp;C&amp;P/&amp;N</oddFooter>
  </headerFooter>
  <colBreaks count="1" manualBreakCount="1">
    <brk id="24" max="1048575" man="1"/>
  </col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tabColor rgb="FF92D050"/>
  </sheetPr>
  <dimension ref="B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242" customWidth="1"/>
    <col min="2" max="2" width="9.77734375" style="242" customWidth="1"/>
    <col min="3" max="4" width="9" style="242"/>
    <col min="5" max="5" width="10.33203125" style="242" customWidth="1"/>
    <col min="6" max="6" width="7.6640625" style="242" customWidth="1"/>
    <col min="7" max="7" width="10.21875" style="242" customWidth="1"/>
    <col min="8" max="8" width="10.44140625" style="242" customWidth="1"/>
    <col min="9" max="16" width="9" style="242"/>
    <col min="17" max="17" width="7.21875" style="242" customWidth="1"/>
    <col min="18" max="27" width="9" style="242"/>
    <col min="28" max="28" width="7.6640625" style="242" customWidth="1"/>
    <col min="29" max="38" width="9" style="242"/>
    <col min="39" max="39" width="7.6640625" style="242" customWidth="1"/>
    <col min="40" max="49" width="9" style="242"/>
    <col min="50" max="50" width="7.21875" style="242" customWidth="1"/>
    <col min="51" max="60" width="9" style="242"/>
    <col min="61" max="61" width="7.21875" style="242" customWidth="1"/>
    <col min="62" max="71" width="9" style="242"/>
    <col min="72" max="72" width="7.33203125" style="242" customWidth="1"/>
    <col min="73" max="82" width="9" style="242"/>
    <col min="83" max="83" width="7.44140625" style="242" customWidth="1"/>
    <col min="84" max="93" width="9" style="242"/>
    <col min="94" max="94" width="7.6640625" style="242" customWidth="1"/>
    <col min="95" max="104" width="9" style="242"/>
    <col min="105" max="105" width="7.44140625" style="242" customWidth="1"/>
    <col min="106" max="115" width="9" style="242"/>
    <col min="116" max="116" width="7.44140625" style="242" customWidth="1"/>
    <col min="117" max="126" width="9" style="242"/>
    <col min="127" max="127" width="7.44140625" style="242" customWidth="1"/>
    <col min="128" max="137" width="9" style="242"/>
    <col min="138" max="138" width="7.33203125" style="242" customWidth="1"/>
    <col min="139" max="148" width="9" style="242"/>
    <col min="149" max="149" width="7.77734375" style="242" customWidth="1"/>
    <col min="150" max="16384" width="9" style="242"/>
  </cols>
  <sheetData>
    <row r="1" spans="2:156" ht="24" customHeight="1" x14ac:dyDescent="0.2">
      <c r="B1" s="271" t="s">
        <v>121</v>
      </c>
      <c r="I1" s="500">
        <f>第１表!F2</f>
        <v>5</v>
      </c>
      <c r="J1" s="500"/>
      <c r="K1" s="235">
        <f>第１表!G2</f>
        <v>12</v>
      </c>
      <c r="L1" s="505">
        <f>IF(K1&lt;3,K1+12-2,K1-2)</f>
        <v>10</v>
      </c>
      <c r="M1" s="505"/>
    </row>
    <row r="2" spans="2:156" ht="24" customHeight="1" thickBot="1" x14ac:dyDescent="0.25">
      <c r="B2" s="271" t="s">
        <v>136</v>
      </c>
      <c r="G2" s="234"/>
      <c r="H2" s="235"/>
      <c r="J2" s="241"/>
      <c r="K2" s="241"/>
    </row>
    <row r="3" spans="2:156" ht="21" customHeight="1" thickBot="1" x14ac:dyDescent="0.25">
      <c r="B3" s="513"/>
      <c r="C3" s="516" t="s">
        <v>70</v>
      </c>
      <c r="D3" s="517"/>
      <c r="E3" s="517"/>
      <c r="F3" s="517"/>
      <c r="G3" s="517"/>
      <c r="H3" s="517"/>
      <c r="I3" s="517"/>
      <c r="J3" s="517"/>
      <c r="K3" s="517"/>
      <c r="L3" s="517"/>
      <c r="M3" s="518"/>
      <c r="N3" s="516" t="s">
        <v>71</v>
      </c>
      <c r="O3" s="517"/>
      <c r="P3" s="517"/>
      <c r="Q3" s="517"/>
      <c r="R3" s="517"/>
      <c r="S3" s="517"/>
      <c r="T3" s="517"/>
      <c r="U3" s="517"/>
      <c r="V3" s="517"/>
      <c r="W3" s="517"/>
      <c r="X3" s="518"/>
      <c r="Y3" s="516" t="s">
        <v>72</v>
      </c>
      <c r="Z3" s="517"/>
      <c r="AA3" s="517"/>
      <c r="AB3" s="517"/>
      <c r="AC3" s="517"/>
      <c r="AD3" s="517"/>
      <c r="AE3" s="517"/>
      <c r="AF3" s="517"/>
      <c r="AG3" s="517"/>
      <c r="AH3" s="517"/>
      <c r="AI3" s="518"/>
      <c r="AJ3" s="516" t="s">
        <v>73</v>
      </c>
      <c r="AK3" s="517"/>
      <c r="AL3" s="517"/>
      <c r="AM3" s="517"/>
      <c r="AN3" s="517"/>
      <c r="AO3" s="517"/>
      <c r="AP3" s="517"/>
      <c r="AQ3" s="517"/>
      <c r="AR3" s="517"/>
      <c r="AS3" s="517"/>
      <c r="AT3" s="518"/>
      <c r="AU3" s="516" t="s">
        <v>74</v>
      </c>
      <c r="AV3" s="517"/>
      <c r="AW3" s="517"/>
      <c r="AX3" s="517"/>
      <c r="AY3" s="517"/>
      <c r="AZ3" s="517"/>
      <c r="BA3" s="517"/>
      <c r="BB3" s="517"/>
      <c r="BC3" s="517"/>
      <c r="BD3" s="517"/>
      <c r="BE3" s="518"/>
      <c r="BF3" s="516" t="s">
        <v>75</v>
      </c>
      <c r="BG3" s="517"/>
      <c r="BH3" s="517"/>
      <c r="BI3" s="517"/>
      <c r="BJ3" s="517"/>
      <c r="BK3" s="517"/>
      <c r="BL3" s="517"/>
      <c r="BM3" s="517"/>
      <c r="BN3" s="517"/>
      <c r="BO3" s="517"/>
      <c r="BP3" s="518"/>
      <c r="BQ3" s="516" t="s">
        <v>76</v>
      </c>
      <c r="BR3" s="517"/>
      <c r="BS3" s="517"/>
      <c r="BT3" s="517"/>
      <c r="BU3" s="517"/>
      <c r="BV3" s="517"/>
      <c r="BW3" s="517"/>
      <c r="BX3" s="517"/>
      <c r="BY3" s="517"/>
      <c r="BZ3" s="517"/>
      <c r="CA3" s="518"/>
      <c r="CB3" s="516" t="s">
        <v>77</v>
      </c>
      <c r="CC3" s="517"/>
      <c r="CD3" s="517"/>
      <c r="CE3" s="517"/>
      <c r="CF3" s="517"/>
      <c r="CG3" s="517"/>
      <c r="CH3" s="517"/>
      <c r="CI3" s="517"/>
      <c r="CJ3" s="517"/>
      <c r="CK3" s="517"/>
      <c r="CL3" s="518"/>
      <c r="CM3" s="516" t="s">
        <v>78</v>
      </c>
      <c r="CN3" s="517"/>
      <c r="CO3" s="517"/>
      <c r="CP3" s="517"/>
      <c r="CQ3" s="517"/>
      <c r="CR3" s="517"/>
      <c r="CS3" s="517"/>
      <c r="CT3" s="517"/>
      <c r="CU3" s="517"/>
      <c r="CV3" s="517"/>
      <c r="CW3" s="518"/>
      <c r="CX3" s="516" t="s">
        <v>79</v>
      </c>
      <c r="CY3" s="517"/>
      <c r="CZ3" s="517"/>
      <c r="DA3" s="517"/>
      <c r="DB3" s="517"/>
      <c r="DC3" s="517"/>
      <c r="DD3" s="517"/>
      <c r="DE3" s="517"/>
      <c r="DF3" s="517"/>
      <c r="DG3" s="517"/>
      <c r="DH3" s="518"/>
      <c r="DI3" s="516" t="s">
        <v>150</v>
      </c>
      <c r="DJ3" s="517"/>
      <c r="DK3" s="517"/>
      <c r="DL3" s="517"/>
      <c r="DM3" s="517"/>
      <c r="DN3" s="517"/>
      <c r="DO3" s="517"/>
      <c r="DP3" s="517"/>
      <c r="DQ3" s="517"/>
      <c r="DR3" s="517"/>
      <c r="DS3" s="518"/>
      <c r="DT3" s="516" t="s">
        <v>80</v>
      </c>
      <c r="DU3" s="517"/>
      <c r="DV3" s="517"/>
      <c r="DW3" s="517"/>
      <c r="DX3" s="517"/>
      <c r="DY3" s="517"/>
      <c r="DZ3" s="517"/>
      <c r="EA3" s="517"/>
      <c r="EB3" s="517"/>
      <c r="EC3" s="517"/>
      <c r="ED3" s="518"/>
      <c r="EE3" s="516" t="s">
        <v>68</v>
      </c>
      <c r="EF3" s="517"/>
      <c r="EG3" s="517"/>
      <c r="EH3" s="517"/>
      <c r="EI3" s="517"/>
      <c r="EJ3" s="517"/>
      <c r="EK3" s="517"/>
      <c r="EL3" s="517"/>
      <c r="EM3" s="517"/>
      <c r="EN3" s="517"/>
      <c r="EO3" s="518"/>
      <c r="EP3" s="519" t="s">
        <v>69</v>
      </c>
      <c r="EQ3" s="520"/>
      <c r="ER3" s="520"/>
      <c r="ES3" s="520"/>
      <c r="ET3" s="520"/>
      <c r="EU3" s="520"/>
      <c r="EV3" s="520"/>
      <c r="EW3" s="520"/>
      <c r="EX3" s="520"/>
      <c r="EY3" s="520"/>
      <c r="EZ3" s="521"/>
    </row>
    <row r="4" spans="2:156" ht="21" customHeight="1" x14ac:dyDescent="0.2">
      <c r="B4" s="514"/>
      <c r="C4" s="508" t="s">
        <v>61</v>
      </c>
      <c r="D4" s="509"/>
      <c r="E4" s="510"/>
      <c r="F4" s="511" t="s">
        <v>62</v>
      </c>
      <c r="G4" s="509"/>
      <c r="H4" s="509"/>
      <c r="I4" s="509"/>
      <c r="J4" s="509"/>
      <c r="K4" s="509"/>
      <c r="L4" s="512"/>
      <c r="M4" s="506" t="s">
        <v>52</v>
      </c>
      <c r="N4" s="508" t="s">
        <v>61</v>
      </c>
      <c r="O4" s="509"/>
      <c r="P4" s="510"/>
      <c r="Q4" s="511" t="s">
        <v>62</v>
      </c>
      <c r="R4" s="509"/>
      <c r="S4" s="509"/>
      <c r="T4" s="509"/>
      <c r="U4" s="509"/>
      <c r="V4" s="509"/>
      <c r="W4" s="510"/>
      <c r="X4" s="506" t="s">
        <v>52</v>
      </c>
      <c r="Y4" s="508" t="s">
        <v>61</v>
      </c>
      <c r="Z4" s="509"/>
      <c r="AA4" s="510"/>
      <c r="AB4" s="511" t="s">
        <v>62</v>
      </c>
      <c r="AC4" s="509"/>
      <c r="AD4" s="509"/>
      <c r="AE4" s="509"/>
      <c r="AF4" s="509"/>
      <c r="AG4" s="509"/>
      <c r="AH4" s="510"/>
      <c r="AI4" s="506" t="s">
        <v>52</v>
      </c>
      <c r="AJ4" s="508" t="s">
        <v>61</v>
      </c>
      <c r="AK4" s="509"/>
      <c r="AL4" s="510"/>
      <c r="AM4" s="511" t="s">
        <v>62</v>
      </c>
      <c r="AN4" s="509"/>
      <c r="AO4" s="509"/>
      <c r="AP4" s="509"/>
      <c r="AQ4" s="509"/>
      <c r="AR4" s="509"/>
      <c r="AS4" s="510"/>
      <c r="AT4" s="506" t="s">
        <v>52</v>
      </c>
      <c r="AU4" s="508" t="s">
        <v>61</v>
      </c>
      <c r="AV4" s="509"/>
      <c r="AW4" s="510"/>
      <c r="AX4" s="511" t="s">
        <v>62</v>
      </c>
      <c r="AY4" s="509"/>
      <c r="AZ4" s="509"/>
      <c r="BA4" s="509"/>
      <c r="BB4" s="509"/>
      <c r="BC4" s="509"/>
      <c r="BD4" s="512"/>
      <c r="BE4" s="506" t="s">
        <v>52</v>
      </c>
      <c r="BF4" s="508" t="s">
        <v>61</v>
      </c>
      <c r="BG4" s="509"/>
      <c r="BH4" s="510"/>
      <c r="BI4" s="511" t="s">
        <v>62</v>
      </c>
      <c r="BJ4" s="509"/>
      <c r="BK4" s="509"/>
      <c r="BL4" s="509"/>
      <c r="BM4" s="509"/>
      <c r="BN4" s="509"/>
      <c r="BO4" s="510"/>
      <c r="BP4" s="506" t="s">
        <v>52</v>
      </c>
      <c r="BQ4" s="508" t="s">
        <v>61</v>
      </c>
      <c r="BR4" s="509"/>
      <c r="BS4" s="510"/>
      <c r="BT4" s="511" t="s">
        <v>62</v>
      </c>
      <c r="BU4" s="509"/>
      <c r="BV4" s="509"/>
      <c r="BW4" s="509"/>
      <c r="BX4" s="509"/>
      <c r="BY4" s="509"/>
      <c r="BZ4" s="510"/>
      <c r="CA4" s="506" t="s">
        <v>52</v>
      </c>
      <c r="CB4" s="508" t="s">
        <v>61</v>
      </c>
      <c r="CC4" s="509"/>
      <c r="CD4" s="510"/>
      <c r="CE4" s="511" t="s">
        <v>62</v>
      </c>
      <c r="CF4" s="509"/>
      <c r="CG4" s="509"/>
      <c r="CH4" s="509"/>
      <c r="CI4" s="509"/>
      <c r="CJ4" s="509"/>
      <c r="CK4" s="510"/>
      <c r="CL4" s="506" t="s">
        <v>52</v>
      </c>
      <c r="CM4" s="508" t="s">
        <v>61</v>
      </c>
      <c r="CN4" s="509"/>
      <c r="CO4" s="510"/>
      <c r="CP4" s="511" t="s">
        <v>62</v>
      </c>
      <c r="CQ4" s="509"/>
      <c r="CR4" s="509"/>
      <c r="CS4" s="509"/>
      <c r="CT4" s="509"/>
      <c r="CU4" s="509"/>
      <c r="CV4" s="510"/>
      <c r="CW4" s="506" t="s">
        <v>52</v>
      </c>
      <c r="CX4" s="508" t="s">
        <v>61</v>
      </c>
      <c r="CY4" s="509"/>
      <c r="CZ4" s="510"/>
      <c r="DA4" s="511" t="s">
        <v>62</v>
      </c>
      <c r="DB4" s="509"/>
      <c r="DC4" s="509"/>
      <c r="DD4" s="509"/>
      <c r="DE4" s="509"/>
      <c r="DF4" s="509"/>
      <c r="DG4" s="510"/>
      <c r="DH4" s="506" t="s">
        <v>52</v>
      </c>
      <c r="DI4" s="508" t="s">
        <v>61</v>
      </c>
      <c r="DJ4" s="509"/>
      <c r="DK4" s="510"/>
      <c r="DL4" s="511" t="s">
        <v>62</v>
      </c>
      <c r="DM4" s="509"/>
      <c r="DN4" s="509"/>
      <c r="DO4" s="509"/>
      <c r="DP4" s="509"/>
      <c r="DQ4" s="509"/>
      <c r="DR4" s="510"/>
      <c r="DS4" s="506" t="s">
        <v>52</v>
      </c>
      <c r="DT4" s="508" t="s">
        <v>61</v>
      </c>
      <c r="DU4" s="509"/>
      <c r="DV4" s="510"/>
      <c r="DW4" s="511" t="s">
        <v>62</v>
      </c>
      <c r="DX4" s="509"/>
      <c r="DY4" s="509"/>
      <c r="DZ4" s="509"/>
      <c r="EA4" s="509"/>
      <c r="EB4" s="509"/>
      <c r="EC4" s="510"/>
      <c r="ED4" s="506" t="s">
        <v>52</v>
      </c>
      <c r="EE4" s="508" t="s">
        <v>61</v>
      </c>
      <c r="EF4" s="509"/>
      <c r="EG4" s="510"/>
      <c r="EH4" s="511" t="s">
        <v>62</v>
      </c>
      <c r="EI4" s="509"/>
      <c r="EJ4" s="509"/>
      <c r="EK4" s="509"/>
      <c r="EL4" s="509"/>
      <c r="EM4" s="509"/>
      <c r="EN4" s="510"/>
      <c r="EO4" s="506" t="s">
        <v>52</v>
      </c>
      <c r="EP4" s="508" t="s">
        <v>61</v>
      </c>
      <c r="EQ4" s="509"/>
      <c r="ER4" s="510"/>
      <c r="ES4" s="511" t="s">
        <v>62</v>
      </c>
      <c r="ET4" s="509"/>
      <c r="EU4" s="509"/>
      <c r="EV4" s="509"/>
      <c r="EW4" s="509"/>
      <c r="EX4" s="509"/>
      <c r="EY4" s="510"/>
      <c r="EZ4" s="506" t="s">
        <v>52</v>
      </c>
    </row>
    <row r="5" spans="2:156" ht="30" customHeight="1" thickBot="1" x14ac:dyDescent="0.25">
      <c r="B5" s="515"/>
      <c r="C5" s="244" t="s">
        <v>43</v>
      </c>
      <c r="D5" s="243" t="s">
        <v>44</v>
      </c>
      <c r="E5" s="356" t="s">
        <v>45</v>
      </c>
      <c r="F5" s="248" t="s">
        <v>83</v>
      </c>
      <c r="G5" s="243" t="s">
        <v>47</v>
      </c>
      <c r="H5" s="243" t="s">
        <v>48</v>
      </c>
      <c r="I5" s="243" t="s">
        <v>49</v>
      </c>
      <c r="J5" s="243" t="s">
        <v>50</v>
      </c>
      <c r="K5" s="243" t="s">
        <v>51</v>
      </c>
      <c r="L5" s="249" t="s">
        <v>45</v>
      </c>
      <c r="M5" s="507"/>
      <c r="N5" s="244" t="s">
        <v>43</v>
      </c>
      <c r="O5" s="243" t="s">
        <v>44</v>
      </c>
      <c r="P5" s="246" t="s">
        <v>45</v>
      </c>
      <c r="Q5" s="248" t="s">
        <v>83</v>
      </c>
      <c r="R5" s="243" t="s">
        <v>47</v>
      </c>
      <c r="S5" s="243" t="s">
        <v>48</v>
      </c>
      <c r="T5" s="243" t="s">
        <v>49</v>
      </c>
      <c r="U5" s="243" t="s">
        <v>50</v>
      </c>
      <c r="V5" s="243" t="s">
        <v>51</v>
      </c>
      <c r="W5" s="246" t="s">
        <v>45</v>
      </c>
      <c r="X5" s="507"/>
      <c r="Y5" s="244" t="s">
        <v>43</v>
      </c>
      <c r="Z5" s="243" t="s">
        <v>44</v>
      </c>
      <c r="AA5" s="246" t="s">
        <v>45</v>
      </c>
      <c r="AB5" s="248" t="s">
        <v>83</v>
      </c>
      <c r="AC5" s="243" t="s">
        <v>47</v>
      </c>
      <c r="AD5" s="243" t="s">
        <v>48</v>
      </c>
      <c r="AE5" s="243" t="s">
        <v>49</v>
      </c>
      <c r="AF5" s="243" t="s">
        <v>50</v>
      </c>
      <c r="AG5" s="243" t="s">
        <v>51</v>
      </c>
      <c r="AH5" s="246" t="s">
        <v>45</v>
      </c>
      <c r="AI5" s="507"/>
      <c r="AJ5" s="244" t="s">
        <v>43</v>
      </c>
      <c r="AK5" s="243" t="s">
        <v>44</v>
      </c>
      <c r="AL5" s="246" t="s">
        <v>45</v>
      </c>
      <c r="AM5" s="248" t="s">
        <v>83</v>
      </c>
      <c r="AN5" s="243" t="s">
        <v>47</v>
      </c>
      <c r="AO5" s="243" t="s">
        <v>48</v>
      </c>
      <c r="AP5" s="243" t="s">
        <v>49</v>
      </c>
      <c r="AQ5" s="243" t="s">
        <v>50</v>
      </c>
      <c r="AR5" s="243" t="s">
        <v>51</v>
      </c>
      <c r="AS5" s="246" t="s">
        <v>45</v>
      </c>
      <c r="AT5" s="507"/>
      <c r="AU5" s="244" t="s">
        <v>43</v>
      </c>
      <c r="AV5" s="243" t="s">
        <v>44</v>
      </c>
      <c r="AW5" s="246" t="s">
        <v>45</v>
      </c>
      <c r="AX5" s="248" t="s">
        <v>83</v>
      </c>
      <c r="AY5" s="243" t="s">
        <v>47</v>
      </c>
      <c r="AZ5" s="243" t="s">
        <v>48</v>
      </c>
      <c r="BA5" s="243" t="s">
        <v>49</v>
      </c>
      <c r="BB5" s="243" t="s">
        <v>50</v>
      </c>
      <c r="BC5" s="243" t="s">
        <v>51</v>
      </c>
      <c r="BD5" s="249" t="s">
        <v>45</v>
      </c>
      <c r="BE5" s="507"/>
      <c r="BF5" s="244" t="s">
        <v>43</v>
      </c>
      <c r="BG5" s="243" t="s">
        <v>44</v>
      </c>
      <c r="BH5" s="246" t="s">
        <v>45</v>
      </c>
      <c r="BI5" s="248" t="s">
        <v>83</v>
      </c>
      <c r="BJ5" s="243" t="s">
        <v>47</v>
      </c>
      <c r="BK5" s="243" t="s">
        <v>48</v>
      </c>
      <c r="BL5" s="243" t="s">
        <v>49</v>
      </c>
      <c r="BM5" s="243" t="s">
        <v>50</v>
      </c>
      <c r="BN5" s="243" t="s">
        <v>51</v>
      </c>
      <c r="BO5" s="246" t="s">
        <v>45</v>
      </c>
      <c r="BP5" s="507"/>
      <c r="BQ5" s="244" t="s">
        <v>43</v>
      </c>
      <c r="BR5" s="243" t="s">
        <v>44</v>
      </c>
      <c r="BS5" s="246" t="s">
        <v>45</v>
      </c>
      <c r="BT5" s="248" t="s">
        <v>83</v>
      </c>
      <c r="BU5" s="243" t="s">
        <v>47</v>
      </c>
      <c r="BV5" s="243" t="s">
        <v>48</v>
      </c>
      <c r="BW5" s="243" t="s">
        <v>49</v>
      </c>
      <c r="BX5" s="243" t="s">
        <v>50</v>
      </c>
      <c r="BY5" s="243" t="s">
        <v>51</v>
      </c>
      <c r="BZ5" s="246" t="s">
        <v>45</v>
      </c>
      <c r="CA5" s="507"/>
      <c r="CB5" s="244" t="s">
        <v>43</v>
      </c>
      <c r="CC5" s="243" t="s">
        <v>44</v>
      </c>
      <c r="CD5" s="246" t="s">
        <v>45</v>
      </c>
      <c r="CE5" s="248" t="s">
        <v>83</v>
      </c>
      <c r="CF5" s="243" t="s">
        <v>47</v>
      </c>
      <c r="CG5" s="243" t="s">
        <v>48</v>
      </c>
      <c r="CH5" s="243" t="s">
        <v>49</v>
      </c>
      <c r="CI5" s="243" t="s">
        <v>50</v>
      </c>
      <c r="CJ5" s="243" t="s">
        <v>51</v>
      </c>
      <c r="CK5" s="246" t="s">
        <v>45</v>
      </c>
      <c r="CL5" s="507"/>
      <c r="CM5" s="244" t="s">
        <v>43</v>
      </c>
      <c r="CN5" s="243" t="s">
        <v>44</v>
      </c>
      <c r="CO5" s="246" t="s">
        <v>45</v>
      </c>
      <c r="CP5" s="248" t="s">
        <v>83</v>
      </c>
      <c r="CQ5" s="243" t="s">
        <v>47</v>
      </c>
      <c r="CR5" s="243" t="s">
        <v>48</v>
      </c>
      <c r="CS5" s="243" t="s">
        <v>49</v>
      </c>
      <c r="CT5" s="243" t="s">
        <v>50</v>
      </c>
      <c r="CU5" s="243" t="s">
        <v>51</v>
      </c>
      <c r="CV5" s="246" t="s">
        <v>45</v>
      </c>
      <c r="CW5" s="507"/>
      <c r="CX5" s="244" t="s">
        <v>43</v>
      </c>
      <c r="CY5" s="243" t="s">
        <v>44</v>
      </c>
      <c r="CZ5" s="246" t="s">
        <v>45</v>
      </c>
      <c r="DA5" s="248" t="s">
        <v>83</v>
      </c>
      <c r="DB5" s="243" t="s">
        <v>47</v>
      </c>
      <c r="DC5" s="243" t="s">
        <v>48</v>
      </c>
      <c r="DD5" s="243" t="s">
        <v>49</v>
      </c>
      <c r="DE5" s="243" t="s">
        <v>50</v>
      </c>
      <c r="DF5" s="243" t="s">
        <v>51</v>
      </c>
      <c r="DG5" s="246" t="s">
        <v>45</v>
      </c>
      <c r="DH5" s="507"/>
      <c r="DI5" s="321" t="s">
        <v>43</v>
      </c>
      <c r="DJ5" s="243" t="s">
        <v>44</v>
      </c>
      <c r="DK5" s="246" t="s">
        <v>45</v>
      </c>
      <c r="DL5" s="248" t="s">
        <v>83</v>
      </c>
      <c r="DM5" s="243" t="s">
        <v>47</v>
      </c>
      <c r="DN5" s="243" t="s">
        <v>48</v>
      </c>
      <c r="DO5" s="243" t="s">
        <v>49</v>
      </c>
      <c r="DP5" s="243" t="s">
        <v>50</v>
      </c>
      <c r="DQ5" s="243" t="s">
        <v>51</v>
      </c>
      <c r="DR5" s="246" t="s">
        <v>45</v>
      </c>
      <c r="DS5" s="507"/>
      <c r="DT5" s="244" t="s">
        <v>43</v>
      </c>
      <c r="DU5" s="243" t="s">
        <v>44</v>
      </c>
      <c r="DV5" s="246" t="s">
        <v>45</v>
      </c>
      <c r="DW5" s="248" t="s">
        <v>83</v>
      </c>
      <c r="DX5" s="243" t="s">
        <v>47</v>
      </c>
      <c r="DY5" s="243" t="s">
        <v>48</v>
      </c>
      <c r="DZ5" s="243" t="s">
        <v>49</v>
      </c>
      <c r="EA5" s="243" t="s">
        <v>50</v>
      </c>
      <c r="EB5" s="243" t="s">
        <v>51</v>
      </c>
      <c r="EC5" s="246" t="s">
        <v>45</v>
      </c>
      <c r="ED5" s="507"/>
      <c r="EE5" s="244" t="s">
        <v>43</v>
      </c>
      <c r="EF5" s="243" t="s">
        <v>44</v>
      </c>
      <c r="EG5" s="246" t="s">
        <v>45</v>
      </c>
      <c r="EH5" s="248" t="s">
        <v>83</v>
      </c>
      <c r="EI5" s="243" t="s">
        <v>47</v>
      </c>
      <c r="EJ5" s="243" t="s">
        <v>48</v>
      </c>
      <c r="EK5" s="243" t="s">
        <v>49</v>
      </c>
      <c r="EL5" s="243" t="s">
        <v>50</v>
      </c>
      <c r="EM5" s="243" t="s">
        <v>51</v>
      </c>
      <c r="EN5" s="246" t="s">
        <v>45</v>
      </c>
      <c r="EO5" s="507"/>
      <c r="EP5" s="244" t="s">
        <v>43</v>
      </c>
      <c r="EQ5" s="243" t="s">
        <v>44</v>
      </c>
      <c r="ER5" s="246" t="s">
        <v>45</v>
      </c>
      <c r="ES5" s="248" t="s">
        <v>83</v>
      </c>
      <c r="ET5" s="243" t="s">
        <v>47</v>
      </c>
      <c r="EU5" s="243" t="s">
        <v>48</v>
      </c>
      <c r="EV5" s="243" t="s">
        <v>49</v>
      </c>
      <c r="EW5" s="243" t="s">
        <v>50</v>
      </c>
      <c r="EX5" s="243" t="s">
        <v>51</v>
      </c>
      <c r="EY5" s="246" t="s">
        <v>45</v>
      </c>
      <c r="EZ5" s="507"/>
    </row>
    <row r="6" spans="2:156" ht="21" customHeight="1" x14ac:dyDescent="0.2">
      <c r="B6" s="470" t="s">
        <v>4</v>
      </c>
      <c r="C6" s="250">
        <v>0</v>
      </c>
      <c r="D6" s="254">
        <v>1</v>
      </c>
      <c r="E6" s="357">
        <v>1</v>
      </c>
      <c r="F6" s="253">
        <v>0</v>
      </c>
      <c r="G6" s="254">
        <v>19209</v>
      </c>
      <c r="H6" s="254">
        <v>23186</v>
      </c>
      <c r="I6" s="254">
        <v>12699</v>
      </c>
      <c r="J6" s="254">
        <v>10058</v>
      </c>
      <c r="K6" s="254">
        <v>7575</v>
      </c>
      <c r="L6" s="255">
        <v>72727</v>
      </c>
      <c r="M6" s="256">
        <v>72728</v>
      </c>
      <c r="N6" s="250">
        <v>3</v>
      </c>
      <c r="O6" s="254">
        <v>13</v>
      </c>
      <c r="P6" s="251">
        <v>16</v>
      </c>
      <c r="Q6" s="253">
        <v>0</v>
      </c>
      <c r="R6" s="254">
        <v>107</v>
      </c>
      <c r="S6" s="254">
        <v>420</v>
      </c>
      <c r="T6" s="254">
        <v>791</v>
      </c>
      <c r="U6" s="254">
        <v>1933</v>
      </c>
      <c r="V6" s="254">
        <v>3422</v>
      </c>
      <c r="W6" s="251">
        <v>6673</v>
      </c>
      <c r="X6" s="256">
        <v>6689</v>
      </c>
      <c r="Y6" s="250">
        <v>2472</v>
      </c>
      <c r="Z6" s="254">
        <v>5969</v>
      </c>
      <c r="AA6" s="251">
        <v>8441</v>
      </c>
      <c r="AB6" s="253">
        <v>0</v>
      </c>
      <c r="AC6" s="254">
        <v>12239</v>
      </c>
      <c r="AD6" s="254">
        <v>17493</v>
      </c>
      <c r="AE6" s="254">
        <v>10373</v>
      </c>
      <c r="AF6" s="254">
        <v>8817</v>
      </c>
      <c r="AG6" s="254">
        <v>6745</v>
      </c>
      <c r="AH6" s="251">
        <v>55667</v>
      </c>
      <c r="AI6" s="256">
        <v>64108</v>
      </c>
      <c r="AJ6" s="250">
        <v>262</v>
      </c>
      <c r="AK6" s="254">
        <v>813</v>
      </c>
      <c r="AL6" s="251">
        <v>1075</v>
      </c>
      <c r="AM6" s="253">
        <v>0</v>
      </c>
      <c r="AN6" s="254">
        <v>1077</v>
      </c>
      <c r="AO6" s="254">
        <v>1726</v>
      </c>
      <c r="AP6" s="254">
        <v>1099</v>
      </c>
      <c r="AQ6" s="254">
        <v>936</v>
      </c>
      <c r="AR6" s="254">
        <v>583</v>
      </c>
      <c r="AS6" s="251">
        <v>5421</v>
      </c>
      <c r="AT6" s="256">
        <v>6496</v>
      </c>
      <c r="AU6" s="250">
        <v>2979</v>
      </c>
      <c r="AV6" s="254">
        <v>4116</v>
      </c>
      <c r="AW6" s="251">
        <v>7095</v>
      </c>
      <c r="AX6" s="253">
        <v>0</v>
      </c>
      <c r="AY6" s="254">
        <v>18514</v>
      </c>
      <c r="AZ6" s="254">
        <v>23578</v>
      </c>
      <c r="BA6" s="254">
        <v>20448</v>
      </c>
      <c r="BB6" s="254">
        <v>19867</v>
      </c>
      <c r="BC6" s="254">
        <v>15100</v>
      </c>
      <c r="BD6" s="255">
        <v>97507</v>
      </c>
      <c r="BE6" s="256">
        <v>104602</v>
      </c>
      <c r="BF6" s="250">
        <v>0</v>
      </c>
      <c r="BG6" s="254">
        <v>1</v>
      </c>
      <c r="BH6" s="251">
        <v>1</v>
      </c>
      <c r="BI6" s="253">
        <v>0</v>
      </c>
      <c r="BJ6" s="254">
        <v>21962</v>
      </c>
      <c r="BK6" s="254">
        <v>21227</v>
      </c>
      <c r="BL6" s="254">
        <v>11200</v>
      </c>
      <c r="BM6" s="254">
        <v>6478</v>
      </c>
      <c r="BN6" s="254">
        <v>3078</v>
      </c>
      <c r="BO6" s="251">
        <v>63945</v>
      </c>
      <c r="BP6" s="256">
        <v>63946</v>
      </c>
      <c r="BQ6" s="250">
        <v>1689</v>
      </c>
      <c r="BR6" s="254">
        <v>2734</v>
      </c>
      <c r="BS6" s="251">
        <v>4423</v>
      </c>
      <c r="BT6" s="253">
        <v>0</v>
      </c>
      <c r="BU6" s="254">
        <v>4400</v>
      </c>
      <c r="BV6" s="254">
        <v>6536</v>
      </c>
      <c r="BW6" s="254">
        <v>3766</v>
      </c>
      <c r="BX6" s="254">
        <v>2364</v>
      </c>
      <c r="BY6" s="254">
        <v>831</v>
      </c>
      <c r="BZ6" s="251">
        <v>17897</v>
      </c>
      <c r="CA6" s="256">
        <v>22320</v>
      </c>
      <c r="CB6" s="250">
        <v>79</v>
      </c>
      <c r="CC6" s="254">
        <v>243</v>
      </c>
      <c r="CD6" s="251">
        <v>322</v>
      </c>
      <c r="CE6" s="253">
        <v>0</v>
      </c>
      <c r="CF6" s="254">
        <v>2252</v>
      </c>
      <c r="CG6" s="254">
        <v>3871</v>
      </c>
      <c r="CH6" s="254">
        <v>4505</v>
      </c>
      <c r="CI6" s="254">
        <v>3257</v>
      </c>
      <c r="CJ6" s="254">
        <v>1805</v>
      </c>
      <c r="CK6" s="251">
        <v>15690</v>
      </c>
      <c r="CL6" s="256">
        <v>16012</v>
      </c>
      <c r="CM6" s="250">
        <v>3</v>
      </c>
      <c r="CN6" s="254">
        <v>14</v>
      </c>
      <c r="CO6" s="251">
        <v>17</v>
      </c>
      <c r="CP6" s="253">
        <v>0</v>
      </c>
      <c r="CQ6" s="254">
        <v>225</v>
      </c>
      <c r="CR6" s="254">
        <v>499</v>
      </c>
      <c r="CS6" s="254">
        <v>565</v>
      </c>
      <c r="CT6" s="254">
        <v>580</v>
      </c>
      <c r="CU6" s="254">
        <v>362</v>
      </c>
      <c r="CV6" s="251">
        <v>2231</v>
      </c>
      <c r="CW6" s="256">
        <v>2248</v>
      </c>
      <c r="CX6" s="250">
        <v>0</v>
      </c>
      <c r="CY6" s="254">
        <v>0</v>
      </c>
      <c r="CZ6" s="251">
        <v>0</v>
      </c>
      <c r="DA6" s="253">
        <v>0</v>
      </c>
      <c r="DB6" s="254">
        <v>0</v>
      </c>
      <c r="DC6" s="254">
        <v>0</v>
      </c>
      <c r="DD6" s="254">
        <v>0</v>
      </c>
      <c r="DE6" s="254">
        <v>0</v>
      </c>
      <c r="DF6" s="254">
        <v>1</v>
      </c>
      <c r="DG6" s="251">
        <v>1</v>
      </c>
      <c r="DH6" s="256">
        <v>1</v>
      </c>
      <c r="DI6" s="250">
        <v>0</v>
      </c>
      <c r="DJ6" s="254">
        <v>0</v>
      </c>
      <c r="DK6" s="251">
        <v>0</v>
      </c>
      <c r="DL6" s="253">
        <v>0</v>
      </c>
      <c r="DM6" s="254">
        <v>0</v>
      </c>
      <c r="DN6" s="254">
        <v>0</v>
      </c>
      <c r="DO6" s="254">
        <v>0</v>
      </c>
      <c r="DP6" s="254">
        <v>0</v>
      </c>
      <c r="DQ6" s="254">
        <v>0</v>
      </c>
      <c r="DR6" s="251">
        <v>0</v>
      </c>
      <c r="DS6" s="256">
        <v>0</v>
      </c>
      <c r="DT6" s="250">
        <v>11315</v>
      </c>
      <c r="DU6" s="254">
        <v>24218</v>
      </c>
      <c r="DV6" s="251">
        <v>35533</v>
      </c>
      <c r="DW6" s="253">
        <v>0</v>
      </c>
      <c r="DX6" s="254">
        <v>27399</v>
      </c>
      <c r="DY6" s="254">
        <v>46480</v>
      </c>
      <c r="DZ6" s="254">
        <v>26925</v>
      </c>
      <c r="EA6" s="254">
        <v>20704</v>
      </c>
      <c r="EB6" s="254">
        <v>13140</v>
      </c>
      <c r="EC6" s="251">
        <v>134648</v>
      </c>
      <c r="ED6" s="256">
        <v>170181</v>
      </c>
      <c r="EE6" s="250">
        <v>1622</v>
      </c>
      <c r="EF6" s="254">
        <v>1256</v>
      </c>
      <c r="EG6" s="251">
        <v>2878</v>
      </c>
      <c r="EH6" s="253">
        <v>0</v>
      </c>
      <c r="EI6" s="254">
        <v>6079</v>
      </c>
      <c r="EJ6" s="254">
        <v>5651</v>
      </c>
      <c r="EK6" s="254">
        <v>4942</v>
      </c>
      <c r="EL6" s="254">
        <v>5645</v>
      </c>
      <c r="EM6" s="254">
        <v>3250</v>
      </c>
      <c r="EN6" s="251">
        <v>25567</v>
      </c>
      <c r="EO6" s="256">
        <v>28445</v>
      </c>
      <c r="EP6" s="250">
        <v>14619</v>
      </c>
      <c r="EQ6" s="254">
        <v>28854</v>
      </c>
      <c r="ER6" s="251">
        <v>43473</v>
      </c>
      <c r="ES6" s="253">
        <v>0</v>
      </c>
      <c r="ET6" s="254">
        <v>57625</v>
      </c>
      <c r="EU6" s="254">
        <v>61821</v>
      </c>
      <c r="EV6" s="254">
        <v>32099</v>
      </c>
      <c r="EW6" s="254">
        <v>22217</v>
      </c>
      <c r="EX6" s="254">
        <v>13478</v>
      </c>
      <c r="EY6" s="251">
        <v>187240</v>
      </c>
      <c r="EZ6" s="256">
        <v>230713</v>
      </c>
    </row>
    <row r="7" spans="2:156" ht="21" customHeight="1" x14ac:dyDescent="0.2">
      <c r="B7" s="471" t="s">
        <v>5</v>
      </c>
      <c r="C7" s="257">
        <v>0</v>
      </c>
      <c r="D7" s="261">
        <v>0</v>
      </c>
      <c r="E7" s="358">
        <v>0</v>
      </c>
      <c r="F7" s="260">
        <v>0</v>
      </c>
      <c r="G7" s="261">
        <v>6738</v>
      </c>
      <c r="H7" s="261">
        <v>11417</v>
      </c>
      <c r="I7" s="261">
        <v>5594</v>
      </c>
      <c r="J7" s="261">
        <v>4121</v>
      </c>
      <c r="K7" s="261">
        <v>3101</v>
      </c>
      <c r="L7" s="262">
        <v>30971</v>
      </c>
      <c r="M7" s="263">
        <v>30971</v>
      </c>
      <c r="N7" s="257">
        <v>2</v>
      </c>
      <c r="O7" s="261">
        <v>6</v>
      </c>
      <c r="P7" s="258">
        <v>8</v>
      </c>
      <c r="Q7" s="260">
        <v>0</v>
      </c>
      <c r="R7" s="261">
        <v>21</v>
      </c>
      <c r="S7" s="261">
        <v>150</v>
      </c>
      <c r="T7" s="261">
        <v>308</v>
      </c>
      <c r="U7" s="261">
        <v>769</v>
      </c>
      <c r="V7" s="261">
        <v>1479</v>
      </c>
      <c r="W7" s="258">
        <v>2727</v>
      </c>
      <c r="X7" s="263">
        <v>2735</v>
      </c>
      <c r="Y7" s="257">
        <v>1075</v>
      </c>
      <c r="Z7" s="261">
        <v>3092</v>
      </c>
      <c r="AA7" s="258">
        <v>4167</v>
      </c>
      <c r="AB7" s="260">
        <v>0</v>
      </c>
      <c r="AC7" s="261">
        <v>4298</v>
      </c>
      <c r="AD7" s="261">
        <v>8790</v>
      </c>
      <c r="AE7" s="261">
        <v>4947</v>
      </c>
      <c r="AF7" s="261">
        <v>3914</v>
      </c>
      <c r="AG7" s="261">
        <v>2978</v>
      </c>
      <c r="AH7" s="258">
        <v>24927</v>
      </c>
      <c r="AI7" s="263">
        <v>29094</v>
      </c>
      <c r="AJ7" s="257">
        <v>96</v>
      </c>
      <c r="AK7" s="261">
        <v>410</v>
      </c>
      <c r="AL7" s="258">
        <v>506</v>
      </c>
      <c r="AM7" s="260">
        <v>0</v>
      </c>
      <c r="AN7" s="261">
        <v>281</v>
      </c>
      <c r="AO7" s="261">
        <v>698</v>
      </c>
      <c r="AP7" s="261">
        <v>464</v>
      </c>
      <c r="AQ7" s="261">
        <v>376</v>
      </c>
      <c r="AR7" s="261">
        <v>230</v>
      </c>
      <c r="AS7" s="258">
        <v>2049</v>
      </c>
      <c r="AT7" s="263">
        <v>2555</v>
      </c>
      <c r="AU7" s="257">
        <v>1249</v>
      </c>
      <c r="AV7" s="261">
        <v>2024</v>
      </c>
      <c r="AW7" s="258">
        <v>3273</v>
      </c>
      <c r="AX7" s="260">
        <v>0</v>
      </c>
      <c r="AY7" s="261">
        <v>6732</v>
      </c>
      <c r="AZ7" s="261">
        <v>10365</v>
      </c>
      <c r="BA7" s="261">
        <v>8387</v>
      </c>
      <c r="BB7" s="261">
        <v>7994</v>
      </c>
      <c r="BC7" s="261">
        <v>6210</v>
      </c>
      <c r="BD7" s="262">
        <v>39688</v>
      </c>
      <c r="BE7" s="263">
        <v>42961</v>
      </c>
      <c r="BF7" s="257">
        <v>0</v>
      </c>
      <c r="BG7" s="261">
        <v>0</v>
      </c>
      <c r="BH7" s="258">
        <v>0</v>
      </c>
      <c r="BI7" s="260">
        <v>0</v>
      </c>
      <c r="BJ7" s="261">
        <v>6807</v>
      </c>
      <c r="BK7" s="261">
        <v>8775</v>
      </c>
      <c r="BL7" s="261">
        <v>4201</v>
      </c>
      <c r="BM7" s="261">
        <v>2319</v>
      </c>
      <c r="BN7" s="261">
        <v>1113</v>
      </c>
      <c r="BO7" s="258">
        <v>23215</v>
      </c>
      <c r="BP7" s="263">
        <v>23215</v>
      </c>
      <c r="BQ7" s="257">
        <v>733</v>
      </c>
      <c r="BR7" s="261">
        <v>1282</v>
      </c>
      <c r="BS7" s="258">
        <v>2015</v>
      </c>
      <c r="BT7" s="260">
        <v>0</v>
      </c>
      <c r="BU7" s="261">
        <v>1327</v>
      </c>
      <c r="BV7" s="261">
        <v>3023</v>
      </c>
      <c r="BW7" s="261">
        <v>1692</v>
      </c>
      <c r="BX7" s="261">
        <v>1068</v>
      </c>
      <c r="BY7" s="261">
        <v>368</v>
      </c>
      <c r="BZ7" s="258">
        <v>7478</v>
      </c>
      <c r="CA7" s="263">
        <v>9493</v>
      </c>
      <c r="CB7" s="257">
        <v>30</v>
      </c>
      <c r="CC7" s="261">
        <v>108</v>
      </c>
      <c r="CD7" s="258">
        <v>138</v>
      </c>
      <c r="CE7" s="260">
        <v>0</v>
      </c>
      <c r="CF7" s="261">
        <v>675</v>
      </c>
      <c r="CG7" s="261">
        <v>1452</v>
      </c>
      <c r="CH7" s="261">
        <v>1654</v>
      </c>
      <c r="CI7" s="261">
        <v>1150</v>
      </c>
      <c r="CJ7" s="261">
        <v>650</v>
      </c>
      <c r="CK7" s="258">
        <v>5581</v>
      </c>
      <c r="CL7" s="263">
        <v>5719</v>
      </c>
      <c r="CM7" s="257">
        <v>2</v>
      </c>
      <c r="CN7" s="261">
        <v>7</v>
      </c>
      <c r="CO7" s="258">
        <v>9</v>
      </c>
      <c r="CP7" s="260">
        <v>0</v>
      </c>
      <c r="CQ7" s="261">
        <v>99</v>
      </c>
      <c r="CR7" s="261">
        <v>295</v>
      </c>
      <c r="CS7" s="261">
        <v>325</v>
      </c>
      <c r="CT7" s="261">
        <v>316</v>
      </c>
      <c r="CU7" s="261">
        <v>218</v>
      </c>
      <c r="CV7" s="258">
        <v>1253</v>
      </c>
      <c r="CW7" s="263">
        <v>1262</v>
      </c>
      <c r="CX7" s="257">
        <v>0</v>
      </c>
      <c r="CY7" s="261">
        <v>0</v>
      </c>
      <c r="CZ7" s="258">
        <v>0</v>
      </c>
      <c r="DA7" s="260">
        <v>0</v>
      </c>
      <c r="DB7" s="261">
        <v>0</v>
      </c>
      <c r="DC7" s="261">
        <v>0</v>
      </c>
      <c r="DD7" s="261">
        <v>0</v>
      </c>
      <c r="DE7" s="261">
        <v>0</v>
      </c>
      <c r="DF7" s="261">
        <v>1</v>
      </c>
      <c r="DG7" s="258">
        <v>1</v>
      </c>
      <c r="DH7" s="263">
        <v>1</v>
      </c>
      <c r="DI7" s="257">
        <v>0</v>
      </c>
      <c r="DJ7" s="261">
        <v>0</v>
      </c>
      <c r="DK7" s="258">
        <v>0</v>
      </c>
      <c r="DL7" s="260">
        <v>0</v>
      </c>
      <c r="DM7" s="261">
        <v>0</v>
      </c>
      <c r="DN7" s="261">
        <v>0</v>
      </c>
      <c r="DO7" s="261">
        <v>0</v>
      </c>
      <c r="DP7" s="261">
        <v>0</v>
      </c>
      <c r="DQ7" s="261">
        <v>0</v>
      </c>
      <c r="DR7" s="258">
        <v>0</v>
      </c>
      <c r="DS7" s="263">
        <v>0</v>
      </c>
      <c r="DT7" s="257">
        <v>3790</v>
      </c>
      <c r="DU7" s="261">
        <v>10381</v>
      </c>
      <c r="DV7" s="258">
        <v>14171</v>
      </c>
      <c r="DW7" s="260">
        <v>0</v>
      </c>
      <c r="DX7" s="261">
        <v>7711</v>
      </c>
      <c r="DY7" s="261">
        <v>20652</v>
      </c>
      <c r="DZ7" s="261">
        <v>11087</v>
      </c>
      <c r="EA7" s="261">
        <v>8251</v>
      </c>
      <c r="EB7" s="261">
        <v>5369</v>
      </c>
      <c r="EC7" s="258">
        <v>53070</v>
      </c>
      <c r="ED7" s="263">
        <v>67241</v>
      </c>
      <c r="EE7" s="257">
        <v>690</v>
      </c>
      <c r="EF7" s="261">
        <v>578</v>
      </c>
      <c r="EG7" s="258">
        <v>1268</v>
      </c>
      <c r="EH7" s="260">
        <v>0</v>
      </c>
      <c r="EI7" s="261">
        <v>2443</v>
      </c>
      <c r="EJ7" s="261">
        <v>2635</v>
      </c>
      <c r="EK7" s="261">
        <v>2157</v>
      </c>
      <c r="EL7" s="261">
        <v>2530</v>
      </c>
      <c r="EM7" s="261">
        <v>1396</v>
      </c>
      <c r="EN7" s="258">
        <v>11161</v>
      </c>
      <c r="EO7" s="263">
        <v>12429</v>
      </c>
      <c r="EP7" s="257">
        <v>5246</v>
      </c>
      <c r="EQ7" s="261">
        <v>12787</v>
      </c>
      <c r="ER7" s="258">
        <v>18033</v>
      </c>
      <c r="ES7" s="260">
        <v>0</v>
      </c>
      <c r="ET7" s="261">
        <v>18768</v>
      </c>
      <c r="EU7" s="261">
        <v>28016</v>
      </c>
      <c r="EV7" s="261">
        <v>13485</v>
      </c>
      <c r="EW7" s="261">
        <v>8983</v>
      </c>
      <c r="EX7" s="261">
        <v>5580</v>
      </c>
      <c r="EY7" s="258">
        <v>74832</v>
      </c>
      <c r="EZ7" s="263">
        <v>92865</v>
      </c>
    </row>
    <row r="8" spans="2:156" ht="21" customHeight="1" x14ac:dyDescent="0.2">
      <c r="B8" s="472" t="s">
        <v>6</v>
      </c>
      <c r="C8" s="257">
        <v>0</v>
      </c>
      <c r="D8" s="261">
        <v>0</v>
      </c>
      <c r="E8" s="358">
        <v>0</v>
      </c>
      <c r="F8" s="260">
        <v>0</v>
      </c>
      <c r="G8" s="261">
        <v>3452</v>
      </c>
      <c r="H8" s="261">
        <v>3020</v>
      </c>
      <c r="I8" s="261">
        <v>1807</v>
      </c>
      <c r="J8" s="261">
        <v>1508</v>
      </c>
      <c r="K8" s="261">
        <v>1246</v>
      </c>
      <c r="L8" s="262">
        <v>11033</v>
      </c>
      <c r="M8" s="263">
        <v>11033</v>
      </c>
      <c r="N8" s="257">
        <v>1</v>
      </c>
      <c r="O8" s="261">
        <v>1</v>
      </c>
      <c r="P8" s="258">
        <v>2</v>
      </c>
      <c r="Q8" s="260">
        <v>0</v>
      </c>
      <c r="R8" s="261">
        <v>20</v>
      </c>
      <c r="S8" s="261">
        <v>52</v>
      </c>
      <c r="T8" s="261">
        <v>108</v>
      </c>
      <c r="U8" s="261">
        <v>249</v>
      </c>
      <c r="V8" s="261">
        <v>516</v>
      </c>
      <c r="W8" s="258">
        <v>945</v>
      </c>
      <c r="X8" s="263">
        <v>947</v>
      </c>
      <c r="Y8" s="257">
        <v>390</v>
      </c>
      <c r="Z8" s="261">
        <v>784</v>
      </c>
      <c r="AA8" s="258">
        <v>1174</v>
      </c>
      <c r="AB8" s="260">
        <v>0</v>
      </c>
      <c r="AC8" s="261">
        <v>2285</v>
      </c>
      <c r="AD8" s="261">
        <v>2340</v>
      </c>
      <c r="AE8" s="261">
        <v>1386</v>
      </c>
      <c r="AF8" s="261">
        <v>1204</v>
      </c>
      <c r="AG8" s="261">
        <v>979</v>
      </c>
      <c r="AH8" s="258">
        <v>8194</v>
      </c>
      <c r="AI8" s="263">
        <v>9368</v>
      </c>
      <c r="AJ8" s="257">
        <v>25</v>
      </c>
      <c r="AK8" s="261">
        <v>64</v>
      </c>
      <c r="AL8" s="258">
        <v>89</v>
      </c>
      <c r="AM8" s="260">
        <v>0</v>
      </c>
      <c r="AN8" s="261">
        <v>186</v>
      </c>
      <c r="AO8" s="261">
        <v>214</v>
      </c>
      <c r="AP8" s="261">
        <v>113</v>
      </c>
      <c r="AQ8" s="261">
        <v>124</v>
      </c>
      <c r="AR8" s="261">
        <v>67</v>
      </c>
      <c r="AS8" s="258">
        <v>704</v>
      </c>
      <c r="AT8" s="263">
        <v>793</v>
      </c>
      <c r="AU8" s="257">
        <v>485</v>
      </c>
      <c r="AV8" s="261">
        <v>589</v>
      </c>
      <c r="AW8" s="258">
        <v>1074</v>
      </c>
      <c r="AX8" s="260">
        <v>0</v>
      </c>
      <c r="AY8" s="261">
        <v>3496</v>
      </c>
      <c r="AZ8" s="261">
        <v>3756</v>
      </c>
      <c r="BA8" s="261">
        <v>3275</v>
      </c>
      <c r="BB8" s="261">
        <v>3207</v>
      </c>
      <c r="BC8" s="261">
        <v>2611</v>
      </c>
      <c r="BD8" s="262">
        <v>16345</v>
      </c>
      <c r="BE8" s="263">
        <v>17419</v>
      </c>
      <c r="BF8" s="257">
        <v>0</v>
      </c>
      <c r="BG8" s="261">
        <v>0</v>
      </c>
      <c r="BH8" s="258">
        <v>0</v>
      </c>
      <c r="BI8" s="260">
        <v>0</v>
      </c>
      <c r="BJ8" s="261">
        <v>3705</v>
      </c>
      <c r="BK8" s="261">
        <v>2933</v>
      </c>
      <c r="BL8" s="261">
        <v>1585</v>
      </c>
      <c r="BM8" s="261">
        <v>973</v>
      </c>
      <c r="BN8" s="261">
        <v>488</v>
      </c>
      <c r="BO8" s="258">
        <v>9684</v>
      </c>
      <c r="BP8" s="263">
        <v>9684</v>
      </c>
      <c r="BQ8" s="257">
        <v>129</v>
      </c>
      <c r="BR8" s="261">
        <v>216</v>
      </c>
      <c r="BS8" s="258">
        <v>345</v>
      </c>
      <c r="BT8" s="260">
        <v>0</v>
      </c>
      <c r="BU8" s="261">
        <v>623</v>
      </c>
      <c r="BV8" s="261">
        <v>712</v>
      </c>
      <c r="BW8" s="261">
        <v>474</v>
      </c>
      <c r="BX8" s="261">
        <v>310</v>
      </c>
      <c r="BY8" s="261">
        <v>117</v>
      </c>
      <c r="BZ8" s="258">
        <v>2236</v>
      </c>
      <c r="CA8" s="263">
        <v>2581</v>
      </c>
      <c r="CB8" s="257">
        <v>3</v>
      </c>
      <c r="CC8" s="261">
        <v>21</v>
      </c>
      <c r="CD8" s="258">
        <v>24</v>
      </c>
      <c r="CE8" s="260">
        <v>0</v>
      </c>
      <c r="CF8" s="261">
        <v>245</v>
      </c>
      <c r="CG8" s="261">
        <v>438</v>
      </c>
      <c r="CH8" s="261">
        <v>551</v>
      </c>
      <c r="CI8" s="261">
        <v>399</v>
      </c>
      <c r="CJ8" s="261">
        <v>255</v>
      </c>
      <c r="CK8" s="258">
        <v>1888</v>
      </c>
      <c r="CL8" s="263">
        <v>1912</v>
      </c>
      <c r="CM8" s="257">
        <v>0</v>
      </c>
      <c r="CN8" s="261">
        <v>1</v>
      </c>
      <c r="CO8" s="258">
        <v>1</v>
      </c>
      <c r="CP8" s="260">
        <v>0</v>
      </c>
      <c r="CQ8" s="261">
        <v>28</v>
      </c>
      <c r="CR8" s="261">
        <v>49</v>
      </c>
      <c r="CS8" s="261">
        <v>72</v>
      </c>
      <c r="CT8" s="261">
        <v>85</v>
      </c>
      <c r="CU8" s="261">
        <v>49</v>
      </c>
      <c r="CV8" s="258">
        <v>283</v>
      </c>
      <c r="CW8" s="263">
        <v>284</v>
      </c>
      <c r="CX8" s="257">
        <v>0</v>
      </c>
      <c r="CY8" s="261">
        <v>0</v>
      </c>
      <c r="CZ8" s="258">
        <v>0</v>
      </c>
      <c r="DA8" s="260">
        <v>0</v>
      </c>
      <c r="DB8" s="261">
        <v>0</v>
      </c>
      <c r="DC8" s="261">
        <v>0</v>
      </c>
      <c r="DD8" s="261">
        <v>0</v>
      </c>
      <c r="DE8" s="261">
        <v>0</v>
      </c>
      <c r="DF8" s="261">
        <v>0</v>
      </c>
      <c r="DG8" s="258">
        <v>0</v>
      </c>
      <c r="DH8" s="263">
        <v>0</v>
      </c>
      <c r="DI8" s="257">
        <v>0</v>
      </c>
      <c r="DJ8" s="261">
        <v>0</v>
      </c>
      <c r="DK8" s="258">
        <v>0</v>
      </c>
      <c r="DL8" s="260">
        <v>0</v>
      </c>
      <c r="DM8" s="261">
        <v>0</v>
      </c>
      <c r="DN8" s="261">
        <v>0</v>
      </c>
      <c r="DO8" s="261">
        <v>0</v>
      </c>
      <c r="DP8" s="261">
        <v>0</v>
      </c>
      <c r="DQ8" s="261">
        <v>0</v>
      </c>
      <c r="DR8" s="258">
        <v>0</v>
      </c>
      <c r="DS8" s="263">
        <v>0</v>
      </c>
      <c r="DT8" s="257">
        <v>1672</v>
      </c>
      <c r="DU8" s="261">
        <v>3015</v>
      </c>
      <c r="DV8" s="258">
        <v>4687</v>
      </c>
      <c r="DW8" s="260">
        <v>0</v>
      </c>
      <c r="DX8" s="261">
        <v>5010</v>
      </c>
      <c r="DY8" s="261">
        <v>6015</v>
      </c>
      <c r="DZ8" s="261">
        <v>3834</v>
      </c>
      <c r="EA8" s="261">
        <v>3063</v>
      </c>
      <c r="EB8" s="261">
        <v>2077</v>
      </c>
      <c r="EC8" s="258">
        <v>19999</v>
      </c>
      <c r="ED8" s="263">
        <v>24686</v>
      </c>
      <c r="EE8" s="257">
        <v>230</v>
      </c>
      <c r="EF8" s="261">
        <v>153</v>
      </c>
      <c r="EG8" s="258">
        <v>383</v>
      </c>
      <c r="EH8" s="260">
        <v>0</v>
      </c>
      <c r="EI8" s="261">
        <v>888</v>
      </c>
      <c r="EJ8" s="261">
        <v>733</v>
      </c>
      <c r="EK8" s="261">
        <v>704</v>
      </c>
      <c r="EL8" s="261">
        <v>818</v>
      </c>
      <c r="EM8" s="261">
        <v>516</v>
      </c>
      <c r="EN8" s="258">
        <v>3659</v>
      </c>
      <c r="EO8" s="263">
        <v>4042</v>
      </c>
      <c r="EP8" s="257">
        <v>2070</v>
      </c>
      <c r="EQ8" s="261">
        <v>3532</v>
      </c>
      <c r="ER8" s="258">
        <v>5602</v>
      </c>
      <c r="ES8" s="260">
        <v>0</v>
      </c>
      <c r="ET8" s="261">
        <v>9486</v>
      </c>
      <c r="EU8" s="261">
        <v>7778</v>
      </c>
      <c r="EV8" s="261">
        <v>4416</v>
      </c>
      <c r="EW8" s="261">
        <v>3209</v>
      </c>
      <c r="EX8" s="261">
        <v>2113</v>
      </c>
      <c r="EY8" s="258">
        <v>27002</v>
      </c>
      <c r="EZ8" s="263">
        <v>32604</v>
      </c>
    </row>
    <row r="9" spans="2:156" ht="21" customHeight="1" x14ac:dyDescent="0.2">
      <c r="B9" s="472" t="s">
        <v>14</v>
      </c>
      <c r="C9" s="257">
        <v>0</v>
      </c>
      <c r="D9" s="261">
        <v>0</v>
      </c>
      <c r="E9" s="358">
        <v>0</v>
      </c>
      <c r="F9" s="260">
        <v>0</v>
      </c>
      <c r="G9" s="261">
        <v>1172</v>
      </c>
      <c r="H9" s="261">
        <v>1785</v>
      </c>
      <c r="I9" s="261">
        <v>1017</v>
      </c>
      <c r="J9" s="261">
        <v>784</v>
      </c>
      <c r="K9" s="261">
        <v>523</v>
      </c>
      <c r="L9" s="262">
        <v>5281</v>
      </c>
      <c r="M9" s="263">
        <v>5281</v>
      </c>
      <c r="N9" s="257">
        <v>0</v>
      </c>
      <c r="O9" s="261">
        <v>0</v>
      </c>
      <c r="P9" s="258">
        <v>0</v>
      </c>
      <c r="Q9" s="260">
        <v>0</v>
      </c>
      <c r="R9" s="261">
        <v>0</v>
      </c>
      <c r="S9" s="261">
        <v>22</v>
      </c>
      <c r="T9" s="261">
        <v>47</v>
      </c>
      <c r="U9" s="261">
        <v>143</v>
      </c>
      <c r="V9" s="261">
        <v>209</v>
      </c>
      <c r="W9" s="258">
        <v>421</v>
      </c>
      <c r="X9" s="263">
        <v>421</v>
      </c>
      <c r="Y9" s="257">
        <v>112</v>
      </c>
      <c r="Z9" s="261">
        <v>417</v>
      </c>
      <c r="AA9" s="258">
        <v>529</v>
      </c>
      <c r="AB9" s="260">
        <v>0</v>
      </c>
      <c r="AC9" s="261">
        <v>714</v>
      </c>
      <c r="AD9" s="261">
        <v>1255</v>
      </c>
      <c r="AE9" s="261">
        <v>807</v>
      </c>
      <c r="AF9" s="261">
        <v>666</v>
      </c>
      <c r="AG9" s="261">
        <v>467</v>
      </c>
      <c r="AH9" s="258">
        <v>3909</v>
      </c>
      <c r="AI9" s="263">
        <v>4438</v>
      </c>
      <c r="AJ9" s="257">
        <v>7</v>
      </c>
      <c r="AK9" s="261">
        <v>41</v>
      </c>
      <c r="AL9" s="258">
        <v>48</v>
      </c>
      <c r="AM9" s="260">
        <v>0</v>
      </c>
      <c r="AN9" s="261">
        <v>26</v>
      </c>
      <c r="AO9" s="261">
        <v>75</v>
      </c>
      <c r="AP9" s="261">
        <v>47</v>
      </c>
      <c r="AQ9" s="261">
        <v>43</v>
      </c>
      <c r="AR9" s="261">
        <v>23</v>
      </c>
      <c r="AS9" s="258">
        <v>214</v>
      </c>
      <c r="AT9" s="263">
        <v>262</v>
      </c>
      <c r="AU9" s="257">
        <v>206</v>
      </c>
      <c r="AV9" s="261">
        <v>365</v>
      </c>
      <c r="AW9" s="258">
        <v>571</v>
      </c>
      <c r="AX9" s="260">
        <v>0</v>
      </c>
      <c r="AY9" s="261">
        <v>1308</v>
      </c>
      <c r="AZ9" s="261">
        <v>1794</v>
      </c>
      <c r="BA9" s="261">
        <v>1751</v>
      </c>
      <c r="BB9" s="261">
        <v>1547</v>
      </c>
      <c r="BC9" s="261">
        <v>1082</v>
      </c>
      <c r="BD9" s="262">
        <v>7482</v>
      </c>
      <c r="BE9" s="263">
        <v>8053</v>
      </c>
      <c r="BF9" s="257">
        <v>0</v>
      </c>
      <c r="BG9" s="261">
        <v>0</v>
      </c>
      <c r="BH9" s="258">
        <v>0</v>
      </c>
      <c r="BI9" s="260">
        <v>0</v>
      </c>
      <c r="BJ9" s="261">
        <v>1642</v>
      </c>
      <c r="BK9" s="261">
        <v>1880</v>
      </c>
      <c r="BL9" s="261">
        <v>1149</v>
      </c>
      <c r="BM9" s="261">
        <v>598</v>
      </c>
      <c r="BN9" s="261">
        <v>284</v>
      </c>
      <c r="BO9" s="258">
        <v>5553</v>
      </c>
      <c r="BP9" s="263">
        <v>5553</v>
      </c>
      <c r="BQ9" s="257">
        <v>86</v>
      </c>
      <c r="BR9" s="261">
        <v>160</v>
      </c>
      <c r="BS9" s="258">
        <v>246</v>
      </c>
      <c r="BT9" s="260">
        <v>0</v>
      </c>
      <c r="BU9" s="261">
        <v>151</v>
      </c>
      <c r="BV9" s="261">
        <v>409</v>
      </c>
      <c r="BW9" s="261">
        <v>248</v>
      </c>
      <c r="BX9" s="261">
        <v>144</v>
      </c>
      <c r="BY9" s="261">
        <v>43</v>
      </c>
      <c r="BZ9" s="258">
        <v>995</v>
      </c>
      <c r="CA9" s="263">
        <v>1241</v>
      </c>
      <c r="CB9" s="257">
        <v>3</v>
      </c>
      <c r="CC9" s="261">
        <v>7</v>
      </c>
      <c r="CD9" s="258">
        <v>10</v>
      </c>
      <c r="CE9" s="260">
        <v>0</v>
      </c>
      <c r="CF9" s="261">
        <v>143</v>
      </c>
      <c r="CG9" s="261">
        <v>305</v>
      </c>
      <c r="CH9" s="261">
        <v>376</v>
      </c>
      <c r="CI9" s="261">
        <v>280</v>
      </c>
      <c r="CJ9" s="261">
        <v>155</v>
      </c>
      <c r="CK9" s="258">
        <v>1259</v>
      </c>
      <c r="CL9" s="263">
        <v>1269</v>
      </c>
      <c r="CM9" s="257">
        <v>0</v>
      </c>
      <c r="CN9" s="261">
        <v>0</v>
      </c>
      <c r="CO9" s="258">
        <v>0</v>
      </c>
      <c r="CP9" s="260">
        <v>0</v>
      </c>
      <c r="CQ9" s="261">
        <v>1</v>
      </c>
      <c r="CR9" s="261">
        <v>5</v>
      </c>
      <c r="CS9" s="261">
        <v>12</v>
      </c>
      <c r="CT9" s="261">
        <v>15</v>
      </c>
      <c r="CU9" s="261">
        <v>9</v>
      </c>
      <c r="CV9" s="258">
        <v>42</v>
      </c>
      <c r="CW9" s="263">
        <v>42</v>
      </c>
      <c r="CX9" s="257">
        <v>0</v>
      </c>
      <c r="CY9" s="261">
        <v>0</v>
      </c>
      <c r="CZ9" s="258">
        <v>0</v>
      </c>
      <c r="DA9" s="260">
        <v>0</v>
      </c>
      <c r="DB9" s="261">
        <v>0</v>
      </c>
      <c r="DC9" s="261">
        <v>0</v>
      </c>
      <c r="DD9" s="261">
        <v>0</v>
      </c>
      <c r="DE9" s="261">
        <v>0</v>
      </c>
      <c r="DF9" s="261">
        <v>0</v>
      </c>
      <c r="DG9" s="258">
        <v>0</v>
      </c>
      <c r="DH9" s="263">
        <v>0</v>
      </c>
      <c r="DI9" s="257">
        <v>0</v>
      </c>
      <c r="DJ9" s="261">
        <v>0</v>
      </c>
      <c r="DK9" s="258">
        <v>0</v>
      </c>
      <c r="DL9" s="260">
        <v>0</v>
      </c>
      <c r="DM9" s="261">
        <v>0</v>
      </c>
      <c r="DN9" s="261">
        <v>0</v>
      </c>
      <c r="DO9" s="261">
        <v>0</v>
      </c>
      <c r="DP9" s="261">
        <v>0</v>
      </c>
      <c r="DQ9" s="261">
        <v>0</v>
      </c>
      <c r="DR9" s="258">
        <v>0</v>
      </c>
      <c r="DS9" s="263">
        <v>0</v>
      </c>
      <c r="DT9" s="257">
        <v>862</v>
      </c>
      <c r="DU9" s="261">
        <v>2360</v>
      </c>
      <c r="DV9" s="258">
        <v>3222</v>
      </c>
      <c r="DW9" s="260">
        <v>0</v>
      </c>
      <c r="DX9" s="261">
        <v>1845</v>
      </c>
      <c r="DY9" s="261">
        <v>3907</v>
      </c>
      <c r="DZ9" s="261">
        <v>2334</v>
      </c>
      <c r="EA9" s="261">
        <v>1724</v>
      </c>
      <c r="EB9" s="261">
        <v>994</v>
      </c>
      <c r="EC9" s="258">
        <v>10804</v>
      </c>
      <c r="ED9" s="263">
        <v>14026</v>
      </c>
      <c r="EE9" s="257">
        <v>111</v>
      </c>
      <c r="EF9" s="261">
        <v>111</v>
      </c>
      <c r="EG9" s="258">
        <v>222</v>
      </c>
      <c r="EH9" s="260">
        <v>0</v>
      </c>
      <c r="EI9" s="261">
        <v>350</v>
      </c>
      <c r="EJ9" s="261">
        <v>286</v>
      </c>
      <c r="EK9" s="261">
        <v>281</v>
      </c>
      <c r="EL9" s="261">
        <v>321</v>
      </c>
      <c r="EM9" s="261">
        <v>157</v>
      </c>
      <c r="EN9" s="258">
        <v>1395</v>
      </c>
      <c r="EO9" s="263">
        <v>1617</v>
      </c>
      <c r="EP9" s="257">
        <v>1002</v>
      </c>
      <c r="EQ9" s="261">
        <v>2620</v>
      </c>
      <c r="ER9" s="258">
        <v>3622</v>
      </c>
      <c r="ES9" s="260">
        <v>0</v>
      </c>
      <c r="ET9" s="261">
        <v>3962</v>
      </c>
      <c r="EU9" s="261">
        <v>5188</v>
      </c>
      <c r="EV9" s="261">
        <v>2806</v>
      </c>
      <c r="EW9" s="261">
        <v>1849</v>
      </c>
      <c r="EX9" s="261">
        <v>1028</v>
      </c>
      <c r="EY9" s="258">
        <v>14833</v>
      </c>
      <c r="EZ9" s="263">
        <v>18455</v>
      </c>
    </row>
    <row r="10" spans="2:156" ht="21" customHeight="1" x14ac:dyDescent="0.2">
      <c r="B10" s="472" t="s">
        <v>7</v>
      </c>
      <c r="C10" s="257">
        <v>0</v>
      </c>
      <c r="D10" s="261">
        <v>0</v>
      </c>
      <c r="E10" s="358">
        <v>0</v>
      </c>
      <c r="F10" s="260">
        <v>0</v>
      </c>
      <c r="G10" s="261">
        <v>1506</v>
      </c>
      <c r="H10" s="261">
        <v>1133</v>
      </c>
      <c r="I10" s="261">
        <v>584</v>
      </c>
      <c r="J10" s="261">
        <v>550</v>
      </c>
      <c r="K10" s="261">
        <v>381</v>
      </c>
      <c r="L10" s="262">
        <v>4154</v>
      </c>
      <c r="M10" s="263">
        <v>4154</v>
      </c>
      <c r="N10" s="257">
        <v>0</v>
      </c>
      <c r="O10" s="261">
        <v>0</v>
      </c>
      <c r="P10" s="258">
        <v>0</v>
      </c>
      <c r="Q10" s="260">
        <v>0</v>
      </c>
      <c r="R10" s="261">
        <v>9</v>
      </c>
      <c r="S10" s="261">
        <v>42</v>
      </c>
      <c r="T10" s="261">
        <v>50</v>
      </c>
      <c r="U10" s="261">
        <v>141</v>
      </c>
      <c r="V10" s="261">
        <v>195</v>
      </c>
      <c r="W10" s="258">
        <v>437</v>
      </c>
      <c r="X10" s="263">
        <v>437</v>
      </c>
      <c r="Y10" s="257">
        <v>22</v>
      </c>
      <c r="Z10" s="261">
        <v>29</v>
      </c>
      <c r="AA10" s="258">
        <v>51</v>
      </c>
      <c r="AB10" s="260">
        <v>0</v>
      </c>
      <c r="AC10" s="261">
        <v>536</v>
      </c>
      <c r="AD10" s="261">
        <v>562</v>
      </c>
      <c r="AE10" s="261">
        <v>328</v>
      </c>
      <c r="AF10" s="261">
        <v>365</v>
      </c>
      <c r="AG10" s="261">
        <v>289</v>
      </c>
      <c r="AH10" s="258">
        <v>2080</v>
      </c>
      <c r="AI10" s="263">
        <v>2131</v>
      </c>
      <c r="AJ10" s="257">
        <v>6</v>
      </c>
      <c r="AK10" s="261">
        <v>7</v>
      </c>
      <c r="AL10" s="258">
        <v>13</v>
      </c>
      <c r="AM10" s="260">
        <v>0</v>
      </c>
      <c r="AN10" s="261">
        <v>75</v>
      </c>
      <c r="AO10" s="261">
        <v>85</v>
      </c>
      <c r="AP10" s="261">
        <v>52</v>
      </c>
      <c r="AQ10" s="261">
        <v>60</v>
      </c>
      <c r="AR10" s="261">
        <v>26</v>
      </c>
      <c r="AS10" s="258">
        <v>298</v>
      </c>
      <c r="AT10" s="263">
        <v>311</v>
      </c>
      <c r="AU10" s="257">
        <v>132</v>
      </c>
      <c r="AV10" s="261">
        <v>101</v>
      </c>
      <c r="AW10" s="258">
        <v>233</v>
      </c>
      <c r="AX10" s="260">
        <v>0</v>
      </c>
      <c r="AY10" s="261">
        <v>1171</v>
      </c>
      <c r="AZ10" s="261">
        <v>1183</v>
      </c>
      <c r="BA10" s="261">
        <v>1009</v>
      </c>
      <c r="BB10" s="261">
        <v>1034</v>
      </c>
      <c r="BC10" s="261">
        <v>699</v>
      </c>
      <c r="BD10" s="262">
        <v>5096</v>
      </c>
      <c r="BE10" s="263">
        <v>5329</v>
      </c>
      <c r="BF10" s="257">
        <v>0</v>
      </c>
      <c r="BG10" s="261">
        <v>0</v>
      </c>
      <c r="BH10" s="258">
        <v>0</v>
      </c>
      <c r="BI10" s="260">
        <v>0</v>
      </c>
      <c r="BJ10" s="261">
        <v>1761</v>
      </c>
      <c r="BK10" s="261">
        <v>1109</v>
      </c>
      <c r="BL10" s="261">
        <v>497</v>
      </c>
      <c r="BM10" s="261">
        <v>306</v>
      </c>
      <c r="BN10" s="261">
        <v>140</v>
      </c>
      <c r="BO10" s="258">
        <v>3813</v>
      </c>
      <c r="BP10" s="263">
        <v>3813</v>
      </c>
      <c r="BQ10" s="257">
        <v>55</v>
      </c>
      <c r="BR10" s="261">
        <v>65</v>
      </c>
      <c r="BS10" s="258">
        <v>120</v>
      </c>
      <c r="BT10" s="260">
        <v>0</v>
      </c>
      <c r="BU10" s="261">
        <v>276</v>
      </c>
      <c r="BV10" s="261">
        <v>226</v>
      </c>
      <c r="BW10" s="261">
        <v>139</v>
      </c>
      <c r="BX10" s="261">
        <v>68</v>
      </c>
      <c r="BY10" s="261">
        <v>25</v>
      </c>
      <c r="BZ10" s="258">
        <v>734</v>
      </c>
      <c r="CA10" s="263">
        <v>854</v>
      </c>
      <c r="CB10" s="257">
        <v>4</v>
      </c>
      <c r="CC10" s="261">
        <v>3</v>
      </c>
      <c r="CD10" s="258">
        <v>7</v>
      </c>
      <c r="CE10" s="260">
        <v>0</v>
      </c>
      <c r="CF10" s="261">
        <v>225</v>
      </c>
      <c r="CG10" s="261">
        <v>295</v>
      </c>
      <c r="CH10" s="261">
        <v>275</v>
      </c>
      <c r="CI10" s="261">
        <v>202</v>
      </c>
      <c r="CJ10" s="261">
        <v>110</v>
      </c>
      <c r="CK10" s="258">
        <v>1107</v>
      </c>
      <c r="CL10" s="263">
        <v>1114</v>
      </c>
      <c r="CM10" s="257">
        <v>0</v>
      </c>
      <c r="CN10" s="261">
        <v>0</v>
      </c>
      <c r="CO10" s="258">
        <v>0</v>
      </c>
      <c r="CP10" s="260">
        <v>0</v>
      </c>
      <c r="CQ10" s="261">
        <v>12</v>
      </c>
      <c r="CR10" s="261">
        <v>17</v>
      </c>
      <c r="CS10" s="261">
        <v>12</v>
      </c>
      <c r="CT10" s="261">
        <v>13</v>
      </c>
      <c r="CU10" s="261">
        <v>8</v>
      </c>
      <c r="CV10" s="258">
        <v>62</v>
      </c>
      <c r="CW10" s="263">
        <v>62</v>
      </c>
      <c r="CX10" s="257">
        <v>0</v>
      </c>
      <c r="CY10" s="261">
        <v>0</v>
      </c>
      <c r="CZ10" s="258">
        <v>0</v>
      </c>
      <c r="DA10" s="260">
        <v>0</v>
      </c>
      <c r="DB10" s="261">
        <v>0</v>
      </c>
      <c r="DC10" s="261">
        <v>0</v>
      </c>
      <c r="DD10" s="261">
        <v>0</v>
      </c>
      <c r="DE10" s="261">
        <v>0</v>
      </c>
      <c r="DF10" s="261">
        <v>0</v>
      </c>
      <c r="DG10" s="258">
        <v>0</v>
      </c>
      <c r="DH10" s="263">
        <v>0</v>
      </c>
      <c r="DI10" s="257">
        <v>0</v>
      </c>
      <c r="DJ10" s="261">
        <v>0</v>
      </c>
      <c r="DK10" s="258">
        <v>0</v>
      </c>
      <c r="DL10" s="260">
        <v>0</v>
      </c>
      <c r="DM10" s="261">
        <v>0</v>
      </c>
      <c r="DN10" s="261">
        <v>0</v>
      </c>
      <c r="DO10" s="261">
        <v>0</v>
      </c>
      <c r="DP10" s="261">
        <v>0</v>
      </c>
      <c r="DQ10" s="261">
        <v>0</v>
      </c>
      <c r="DR10" s="258">
        <v>0</v>
      </c>
      <c r="DS10" s="263">
        <v>0</v>
      </c>
      <c r="DT10" s="257">
        <v>376</v>
      </c>
      <c r="DU10" s="261">
        <v>738</v>
      </c>
      <c r="DV10" s="258">
        <v>1114</v>
      </c>
      <c r="DW10" s="260">
        <v>0</v>
      </c>
      <c r="DX10" s="261">
        <v>2100</v>
      </c>
      <c r="DY10" s="261">
        <v>2335</v>
      </c>
      <c r="DZ10" s="261">
        <v>1234</v>
      </c>
      <c r="EA10" s="261">
        <v>1012</v>
      </c>
      <c r="EB10" s="261">
        <v>614</v>
      </c>
      <c r="EC10" s="258">
        <v>7295</v>
      </c>
      <c r="ED10" s="263">
        <v>8409</v>
      </c>
      <c r="EE10" s="257">
        <v>92</v>
      </c>
      <c r="EF10" s="261">
        <v>45</v>
      </c>
      <c r="EG10" s="258">
        <v>137</v>
      </c>
      <c r="EH10" s="260">
        <v>0</v>
      </c>
      <c r="EI10" s="261">
        <v>462</v>
      </c>
      <c r="EJ10" s="261">
        <v>309</v>
      </c>
      <c r="EK10" s="261">
        <v>270</v>
      </c>
      <c r="EL10" s="261">
        <v>275</v>
      </c>
      <c r="EM10" s="261">
        <v>153</v>
      </c>
      <c r="EN10" s="258">
        <v>1469</v>
      </c>
      <c r="EO10" s="263">
        <v>1606</v>
      </c>
      <c r="EP10" s="257">
        <v>449</v>
      </c>
      <c r="EQ10" s="261">
        <v>810</v>
      </c>
      <c r="ER10" s="258">
        <v>1259</v>
      </c>
      <c r="ES10" s="260">
        <v>0</v>
      </c>
      <c r="ET10" s="261">
        <v>4494</v>
      </c>
      <c r="EU10" s="261">
        <v>3129</v>
      </c>
      <c r="EV10" s="261">
        <v>1511</v>
      </c>
      <c r="EW10" s="261">
        <v>1112</v>
      </c>
      <c r="EX10" s="261">
        <v>625</v>
      </c>
      <c r="EY10" s="258">
        <v>10871</v>
      </c>
      <c r="EZ10" s="263">
        <v>12130</v>
      </c>
    </row>
    <row r="11" spans="2:156" ht="21" customHeight="1" x14ac:dyDescent="0.2">
      <c r="B11" s="472" t="s">
        <v>8</v>
      </c>
      <c r="C11" s="257">
        <v>0</v>
      </c>
      <c r="D11" s="261">
        <v>0</v>
      </c>
      <c r="E11" s="358">
        <v>0</v>
      </c>
      <c r="F11" s="260">
        <v>0</v>
      </c>
      <c r="G11" s="261">
        <v>455</v>
      </c>
      <c r="H11" s="261">
        <v>626</v>
      </c>
      <c r="I11" s="261">
        <v>362</v>
      </c>
      <c r="J11" s="261">
        <v>306</v>
      </c>
      <c r="K11" s="261">
        <v>244</v>
      </c>
      <c r="L11" s="262">
        <v>1993</v>
      </c>
      <c r="M11" s="263">
        <v>1993</v>
      </c>
      <c r="N11" s="257">
        <v>0</v>
      </c>
      <c r="O11" s="261">
        <v>0</v>
      </c>
      <c r="P11" s="258">
        <v>0</v>
      </c>
      <c r="Q11" s="260">
        <v>0</v>
      </c>
      <c r="R11" s="261">
        <v>5</v>
      </c>
      <c r="S11" s="261">
        <v>16</v>
      </c>
      <c r="T11" s="261">
        <v>30</v>
      </c>
      <c r="U11" s="261">
        <v>54</v>
      </c>
      <c r="V11" s="261">
        <v>89</v>
      </c>
      <c r="W11" s="258">
        <v>194</v>
      </c>
      <c r="X11" s="263">
        <v>194</v>
      </c>
      <c r="Y11" s="257">
        <v>55</v>
      </c>
      <c r="Z11" s="261">
        <v>73</v>
      </c>
      <c r="AA11" s="258">
        <v>128</v>
      </c>
      <c r="AB11" s="260">
        <v>0</v>
      </c>
      <c r="AC11" s="261">
        <v>300</v>
      </c>
      <c r="AD11" s="261">
        <v>405</v>
      </c>
      <c r="AE11" s="261">
        <v>242</v>
      </c>
      <c r="AF11" s="261">
        <v>229</v>
      </c>
      <c r="AG11" s="261">
        <v>190</v>
      </c>
      <c r="AH11" s="258">
        <v>1366</v>
      </c>
      <c r="AI11" s="263">
        <v>1494</v>
      </c>
      <c r="AJ11" s="257">
        <v>8</v>
      </c>
      <c r="AK11" s="261">
        <v>17</v>
      </c>
      <c r="AL11" s="258">
        <v>25</v>
      </c>
      <c r="AM11" s="260">
        <v>0</v>
      </c>
      <c r="AN11" s="261">
        <v>66</v>
      </c>
      <c r="AO11" s="261">
        <v>94</v>
      </c>
      <c r="AP11" s="261">
        <v>43</v>
      </c>
      <c r="AQ11" s="261">
        <v>42</v>
      </c>
      <c r="AR11" s="261">
        <v>23</v>
      </c>
      <c r="AS11" s="258">
        <v>268</v>
      </c>
      <c r="AT11" s="263">
        <v>293</v>
      </c>
      <c r="AU11" s="257">
        <v>76</v>
      </c>
      <c r="AV11" s="261">
        <v>58</v>
      </c>
      <c r="AW11" s="258">
        <v>134</v>
      </c>
      <c r="AX11" s="260">
        <v>0</v>
      </c>
      <c r="AY11" s="261">
        <v>483</v>
      </c>
      <c r="AZ11" s="261">
        <v>584</v>
      </c>
      <c r="BA11" s="261">
        <v>546</v>
      </c>
      <c r="BB11" s="261">
        <v>578</v>
      </c>
      <c r="BC11" s="261">
        <v>398</v>
      </c>
      <c r="BD11" s="262">
        <v>2589</v>
      </c>
      <c r="BE11" s="263">
        <v>2723</v>
      </c>
      <c r="BF11" s="257">
        <v>0</v>
      </c>
      <c r="BG11" s="261">
        <v>0</v>
      </c>
      <c r="BH11" s="258">
        <v>0</v>
      </c>
      <c r="BI11" s="260">
        <v>0</v>
      </c>
      <c r="BJ11" s="261">
        <v>590</v>
      </c>
      <c r="BK11" s="261">
        <v>635</v>
      </c>
      <c r="BL11" s="261">
        <v>351</v>
      </c>
      <c r="BM11" s="261">
        <v>200</v>
      </c>
      <c r="BN11" s="261">
        <v>106</v>
      </c>
      <c r="BO11" s="258">
        <v>1882</v>
      </c>
      <c r="BP11" s="263">
        <v>1882</v>
      </c>
      <c r="BQ11" s="257">
        <v>57</v>
      </c>
      <c r="BR11" s="261">
        <v>63</v>
      </c>
      <c r="BS11" s="258">
        <v>120</v>
      </c>
      <c r="BT11" s="260">
        <v>0</v>
      </c>
      <c r="BU11" s="261">
        <v>134</v>
      </c>
      <c r="BV11" s="261">
        <v>140</v>
      </c>
      <c r="BW11" s="261">
        <v>82</v>
      </c>
      <c r="BX11" s="261">
        <v>52</v>
      </c>
      <c r="BY11" s="261">
        <v>22</v>
      </c>
      <c r="BZ11" s="258">
        <v>430</v>
      </c>
      <c r="CA11" s="263">
        <v>550</v>
      </c>
      <c r="CB11" s="257">
        <v>5</v>
      </c>
      <c r="CC11" s="261">
        <v>11</v>
      </c>
      <c r="CD11" s="258">
        <v>16</v>
      </c>
      <c r="CE11" s="260">
        <v>0</v>
      </c>
      <c r="CF11" s="261">
        <v>75</v>
      </c>
      <c r="CG11" s="261">
        <v>174</v>
      </c>
      <c r="CH11" s="261">
        <v>197</v>
      </c>
      <c r="CI11" s="261">
        <v>119</v>
      </c>
      <c r="CJ11" s="261">
        <v>55</v>
      </c>
      <c r="CK11" s="258">
        <v>620</v>
      </c>
      <c r="CL11" s="263">
        <v>636</v>
      </c>
      <c r="CM11" s="257">
        <v>0</v>
      </c>
      <c r="CN11" s="261">
        <v>0</v>
      </c>
      <c r="CO11" s="258">
        <v>0</v>
      </c>
      <c r="CP11" s="260">
        <v>0</v>
      </c>
      <c r="CQ11" s="261">
        <v>5</v>
      </c>
      <c r="CR11" s="261">
        <v>5</v>
      </c>
      <c r="CS11" s="261">
        <v>6</v>
      </c>
      <c r="CT11" s="261">
        <v>2</v>
      </c>
      <c r="CU11" s="261">
        <v>5</v>
      </c>
      <c r="CV11" s="258">
        <v>23</v>
      </c>
      <c r="CW11" s="263">
        <v>23</v>
      </c>
      <c r="CX11" s="257">
        <v>0</v>
      </c>
      <c r="CY11" s="261">
        <v>0</v>
      </c>
      <c r="CZ11" s="258">
        <v>0</v>
      </c>
      <c r="DA11" s="260">
        <v>0</v>
      </c>
      <c r="DB11" s="261">
        <v>0</v>
      </c>
      <c r="DC11" s="261">
        <v>0</v>
      </c>
      <c r="DD11" s="261">
        <v>0</v>
      </c>
      <c r="DE11" s="261">
        <v>0</v>
      </c>
      <c r="DF11" s="261">
        <v>0</v>
      </c>
      <c r="DG11" s="258">
        <v>0</v>
      </c>
      <c r="DH11" s="263">
        <v>0</v>
      </c>
      <c r="DI11" s="257">
        <v>0</v>
      </c>
      <c r="DJ11" s="261">
        <v>0</v>
      </c>
      <c r="DK11" s="258">
        <v>0</v>
      </c>
      <c r="DL11" s="260">
        <v>0</v>
      </c>
      <c r="DM11" s="261">
        <v>0</v>
      </c>
      <c r="DN11" s="261">
        <v>0</v>
      </c>
      <c r="DO11" s="261">
        <v>0</v>
      </c>
      <c r="DP11" s="261">
        <v>0</v>
      </c>
      <c r="DQ11" s="261">
        <v>0</v>
      </c>
      <c r="DR11" s="258">
        <v>0</v>
      </c>
      <c r="DS11" s="263">
        <v>0</v>
      </c>
      <c r="DT11" s="257">
        <v>451</v>
      </c>
      <c r="DU11" s="261">
        <v>600</v>
      </c>
      <c r="DV11" s="258">
        <v>1051</v>
      </c>
      <c r="DW11" s="260">
        <v>0</v>
      </c>
      <c r="DX11" s="261">
        <v>1009</v>
      </c>
      <c r="DY11" s="261">
        <v>1521</v>
      </c>
      <c r="DZ11" s="261">
        <v>854</v>
      </c>
      <c r="EA11" s="261">
        <v>615</v>
      </c>
      <c r="EB11" s="261">
        <v>403</v>
      </c>
      <c r="EC11" s="258">
        <v>4402</v>
      </c>
      <c r="ED11" s="263">
        <v>5453</v>
      </c>
      <c r="EE11" s="257">
        <v>51</v>
      </c>
      <c r="EF11" s="261">
        <v>18</v>
      </c>
      <c r="EG11" s="258">
        <v>69</v>
      </c>
      <c r="EH11" s="260">
        <v>0</v>
      </c>
      <c r="EI11" s="261">
        <v>155</v>
      </c>
      <c r="EJ11" s="261">
        <v>130</v>
      </c>
      <c r="EK11" s="261">
        <v>104</v>
      </c>
      <c r="EL11" s="261">
        <v>134</v>
      </c>
      <c r="EM11" s="261">
        <v>77</v>
      </c>
      <c r="EN11" s="258">
        <v>600</v>
      </c>
      <c r="EO11" s="263">
        <v>669</v>
      </c>
      <c r="EP11" s="257">
        <v>535</v>
      </c>
      <c r="EQ11" s="261">
        <v>679</v>
      </c>
      <c r="ER11" s="258">
        <v>1214</v>
      </c>
      <c r="ES11" s="260">
        <v>0</v>
      </c>
      <c r="ET11" s="261">
        <v>1868</v>
      </c>
      <c r="EU11" s="261">
        <v>1914</v>
      </c>
      <c r="EV11" s="261">
        <v>997</v>
      </c>
      <c r="EW11" s="261">
        <v>662</v>
      </c>
      <c r="EX11" s="261">
        <v>415</v>
      </c>
      <c r="EY11" s="258">
        <v>5856</v>
      </c>
      <c r="EZ11" s="263">
        <v>7070</v>
      </c>
    </row>
    <row r="12" spans="2:156" ht="21" customHeight="1" x14ac:dyDescent="0.2">
      <c r="B12" s="472" t="s">
        <v>9</v>
      </c>
      <c r="C12" s="257">
        <v>0</v>
      </c>
      <c r="D12" s="261">
        <v>0</v>
      </c>
      <c r="E12" s="358">
        <v>0</v>
      </c>
      <c r="F12" s="260">
        <v>0</v>
      </c>
      <c r="G12" s="261">
        <v>664</v>
      </c>
      <c r="H12" s="261">
        <v>499</v>
      </c>
      <c r="I12" s="261">
        <v>363</v>
      </c>
      <c r="J12" s="261">
        <v>336</v>
      </c>
      <c r="K12" s="261">
        <v>235</v>
      </c>
      <c r="L12" s="262">
        <v>2097</v>
      </c>
      <c r="M12" s="263">
        <v>2097</v>
      </c>
      <c r="N12" s="257">
        <v>0</v>
      </c>
      <c r="O12" s="261">
        <v>0</v>
      </c>
      <c r="P12" s="258">
        <v>0</v>
      </c>
      <c r="Q12" s="260">
        <v>0</v>
      </c>
      <c r="R12" s="261">
        <v>3</v>
      </c>
      <c r="S12" s="261">
        <v>7</v>
      </c>
      <c r="T12" s="261">
        <v>15</v>
      </c>
      <c r="U12" s="261">
        <v>54</v>
      </c>
      <c r="V12" s="261">
        <v>79</v>
      </c>
      <c r="W12" s="258">
        <v>158</v>
      </c>
      <c r="X12" s="263">
        <v>158</v>
      </c>
      <c r="Y12" s="257">
        <v>63</v>
      </c>
      <c r="Z12" s="261">
        <v>91</v>
      </c>
      <c r="AA12" s="258">
        <v>154</v>
      </c>
      <c r="AB12" s="260">
        <v>0</v>
      </c>
      <c r="AC12" s="261">
        <v>399</v>
      </c>
      <c r="AD12" s="261">
        <v>328</v>
      </c>
      <c r="AE12" s="261">
        <v>247</v>
      </c>
      <c r="AF12" s="261">
        <v>252</v>
      </c>
      <c r="AG12" s="261">
        <v>181</v>
      </c>
      <c r="AH12" s="258">
        <v>1407</v>
      </c>
      <c r="AI12" s="263">
        <v>1561</v>
      </c>
      <c r="AJ12" s="257">
        <v>2</v>
      </c>
      <c r="AK12" s="261">
        <v>8</v>
      </c>
      <c r="AL12" s="258">
        <v>10</v>
      </c>
      <c r="AM12" s="260">
        <v>0</v>
      </c>
      <c r="AN12" s="261">
        <v>23</v>
      </c>
      <c r="AO12" s="261">
        <v>40</v>
      </c>
      <c r="AP12" s="261">
        <v>39</v>
      </c>
      <c r="AQ12" s="261">
        <v>30</v>
      </c>
      <c r="AR12" s="261">
        <v>25</v>
      </c>
      <c r="AS12" s="258">
        <v>157</v>
      </c>
      <c r="AT12" s="263">
        <v>167</v>
      </c>
      <c r="AU12" s="257">
        <v>74</v>
      </c>
      <c r="AV12" s="261">
        <v>74</v>
      </c>
      <c r="AW12" s="258">
        <v>148</v>
      </c>
      <c r="AX12" s="260">
        <v>0</v>
      </c>
      <c r="AY12" s="261">
        <v>548</v>
      </c>
      <c r="AZ12" s="261">
        <v>536</v>
      </c>
      <c r="BA12" s="261">
        <v>558</v>
      </c>
      <c r="BB12" s="261">
        <v>600</v>
      </c>
      <c r="BC12" s="261">
        <v>416</v>
      </c>
      <c r="BD12" s="262">
        <v>2658</v>
      </c>
      <c r="BE12" s="263">
        <v>2806</v>
      </c>
      <c r="BF12" s="257">
        <v>0</v>
      </c>
      <c r="BG12" s="261">
        <v>0</v>
      </c>
      <c r="BH12" s="258">
        <v>0</v>
      </c>
      <c r="BI12" s="260">
        <v>0</v>
      </c>
      <c r="BJ12" s="261">
        <v>622</v>
      </c>
      <c r="BK12" s="261">
        <v>393</v>
      </c>
      <c r="BL12" s="261">
        <v>242</v>
      </c>
      <c r="BM12" s="261">
        <v>162</v>
      </c>
      <c r="BN12" s="261">
        <v>55</v>
      </c>
      <c r="BO12" s="258">
        <v>1474</v>
      </c>
      <c r="BP12" s="263">
        <v>1474</v>
      </c>
      <c r="BQ12" s="257">
        <v>36</v>
      </c>
      <c r="BR12" s="261">
        <v>56</v>
      </c>
      <c r="BS12" s="258">
        <v>92</v>
      </c>
      <c r="BT12" s="260">
        <v>0</v>
      </c>
      <c r="BU12" s="261">
        <v>118</v>
      </c>
      <c r="BV12" s="261">
        <v>129</v>
      </c>
      <c r="BW12" s="261">
        <v>72</v>
      </c>
      <c r="BX12" s="261">
        <v>75</v>
      </c>
      <c r="BY12" s="261">
        <v>22</v>
      </c>
      <c r="BZ12" s="258">
        <v>416</v>
      </c>
      <c r="CA12" s="263">
        <v>508</v>
      </c>
      <c r="CB12" s="257">
        <v>2</v>
      </c>
      <c r="CC12" s="261">
        <v>8</v>
      </c>
      <c r="CD12" s="258">
        <v>10</v>
      </c>
      <c r="CE12" s="260">
        <v>0</v>
      </c>
      <c r="CF12" s="261">
        <v>80</v>
      </c>
      <c r="CG12" s="261">
        <v>88</v>
      </c>
      <c r="CH12" s="261">
        <v>145</v>
      </c>
      <c r="CI12" s="261">
        <v>95</v>
      </c>
      <c r="CJ12" s="261">
        <v>55</v>
      </c>
      <c r="CK12" s="258">
        <v>463</v>
      </c>
      <c r="CL12" s="263">
        <v>473</v>
      </c>
      <c r="CM12" s="257">
        <v>0</v>
      </c>
      <c r="CN12" s="261">
        <v>1</v>
      </c>
      <c r="CO12" s="258">
        <v>1</v>
      </c>
      <c r="CP12" s="260">
        <v>0</v>
      </c>
      <c r="CQ12" s="261">
        <v>11</v>
      </c>
      <c r="CR12" s="261">
        <v>16</v>
      </c>
      <c r="CS12" s="261">
        <v>23</v>
      </c>
      <c r="CT12" s="261">
        <v>28</v>
      </c>
      <c r="CU12" s="261">
        <v>11</v>
      </c>
      <c r="CV12" s="258">
        <v>89</v>
      </c>
      <c r="CW12" s="263">
        <v>90</v>
      </c>
      <c r="CX12" s="257">
        <v>0</v>
      </c>
      <c r="CY12" s="261">
        <v>0</v>
      </c>
      <c r="CZ12" s="258">
        <v>0</v>
      </c>
      <c r="DA12" s="260">
        <v>0</v>
      </c>
      <c r="DB12" s="261">
        <v>0</v>
      </c>
      <c r="DC12" s="261">
        <v>0</v>
      </c>
      <c r="DD12" s="261">
        <v>0</v>
      </c>
      <c r="DE12" s="261">
        <v>0</v>
      </c>
      <c r="DF12" s="261">
        <v>0</v>
      </c>
      <c r="DG12" s="258">
        <v>0</v>
      </c>
      <c r="DH12" s="263">
        <v>0</v>
      </c>
      <c r="DI12" s="257">
        <v>0</v>
      </c>
      <c r="DJ12" s="261">
        <v>0</v>
      </c>
      <c r="DK12" s="258">
        <v>0</v>
      </c>
      <c r="DL12" s="260">
        <v>0</v>
      </c>
      <c r="DM12" s="261">
        <v>0</v>
      </c>
      <c r="DN12" s="261">
        <v>0</v>
      </c>
      <c r="DO12" s="261">
        <v>0</v>
      </c>
      <c r="DP12" s="261">
        <v>0</v>
      </c>
      <c r="DQ12" s="261">
        <v>0</v>
      </c>
      <c r="DR12" s="258">
        <v>0</v>
      </c>
      <c r="DS12" s="263">
        <v>0</v>
      </c>
      <c r="DT12" s="257">
        <v>362</v>
      </c>
      <c r="DU12" s="261">
        <v>482</v>
      </c>
      <c r="DV12" s="258">
        <v>844</v>
      </c>
      <c r="DW12" s="260">
        <v>0</v>
      </c>
      <c r="DX12" s="261">
        <v>1001</v>
      </c>
      <c r="DY12" s="261">
        <v>949</v>
      </c>
      <c r="DZ12" s="261">
        <v>641</v>
      </c>
      <c r="EA12" s="261">
        <v>546</v>
      </c>
      <c r="EB12" s="261">
        <v>357</v>
      </c>
      <c r="EC12" s="258">
        <v>3494</v>
      </c>
      <c r="ED12" s="263">
        <v>4338</v>
      </c>
      <c r="EE12" s="257">
        <v>49</v>
      </c>
      <c r="EF12" s="261">
        <v>23</v>
      </c>
      <c r="EG12" s="258">
        <v>72</v>
      </c>
      <c r="EH12" s="260">
        <v>0</v>
      </c>
      <c r="EI12" s="261">
        <v>197</v>
      </c>
      <c r="EJ12" s="261">
        <v>158</v>
      </c>
      <c r="EK12" s="261">
        <v>158</v>
      </c>
      <c r="EL12" s="261">
        <v>167</v>
      </c>
      <c r="EM12" s="261">
        <v>128</v>
      </c>
      <c r="EN12" s="258">
        <v>808</v>
      </c>
      <c r="EO12" s="263">
        <v>880</v>
      </c>
      <c r="EP12" s="257">
        <v>448</v>
      </c>
      <c r="EQ12" s="261">
        <v>571</v>
      </c>
      <c r="ER12" s="258">
        <v>1019</v>
      </c>
      <c r="ES12" s="260">
        <v>0</v>
      </c>
      <c r="ET12" s="261">
        <v>1800</v>
      </c>
      <c r="EU12" s="261">
        <v>1240</v>
      </c>
      <c r="EV12" s="261">
        <v>750</v>
      </c>
      <c r="EW12" s="261">
        <v>603</v>
      </c>
      <c r="EX12" s="261">
        <v>355</v>
      </c>
      <c r="EY12" s="258">
        <v>4748</v>
      </c>
      <c r="EZ12" s="263">
        <v>5767</v>
      </c>
    </row>
    <row r="13" spans="2:156" ht="21" customHeight="1" x14ac:dyDescent="0.2">
      <c r="B13" s="472" t="s">
        <v>10</v>
      </c>
      <c r="C13" s="257">
        <v>0</v>
      </c>
      <c r="D13" s="261">
        <v>0</v>
      </c>
      <c r="E13" s="358">
        <v>0</v>
      </c>
      <c r="F13" s="260">
        <v>0</v>
      </c>
      <c r="G13" s="261">
        <v>1373</v>
      </c>
      <c r="H13" s="261">
        <v>761</v>
      </c>
      <c r="I13" s="261">
        <v>509</v>
      </c>
      <c r="J13" s="261">
        <v>458</v>
      </c>
      <c r="K13" s="261">
        <v>355</v>
      </c>
      <c r="L13" s="262">
        <v>3456</v>
      </c>
      <c r="M13" s="263">
        <v>3456</v>
      </c>
      <c r="N13" s="257">
        <v>0</v>
      </c>
      <c r="O13" s="261">
        <v>1</v>
      </c>
      <c r="P13" s="258">
        <v>1</v>
      </c>
      <c r="Q13" s="260">
        <v>0</v>
      </c>
      <c r="R13" s="261">
        <v>9</v>
      </c>
      <c r="S13" s="261">
        <v>25</v>
      </c>
      <c r="T13" s="261">
        <v>33</v>
      </c>
      <c r="U13" s="261">
        <v>76</v>
      </c>
      <c r="V13" s="261">
        <v>170</v>
      </c>
      <c r="W13" s="258">
        <v>313</v>
      </c>
      <c r="X13" s="263">
        <v>314</v>
      </c>
      <c r="Y13" s="257">
        <v>176</v>
      </c>
      <c r="Z13" s="261">
        <v>308</v>
      </c>
      <c r="AA13" s="258">
        <v>484</v>
      </c>
      <c r="AB13" s="260">
        <v>0</v>
      </c>
      <c r="AC13" s="261">
        <v>826</v>
      </c>
      <c r="AD13" s="261">
        <v>573</v>
      </c>
      <c r="AE13" s="261">
        <v>352</v>
      </c>
      <c r="AF13" s="261">
        <v>346</v>
      </c>
      <c r="AG13" s="261">
        <v>293</v>
      </c>
      <c r="AH13" s="258">
        <v>2390</v>
      </c>
      <c r="AI13" s="263">
        <v>2874</v>
      </c>
      <c r="AJ13" s="257">
        <v>25</v>
      </c>
      <c r="AK13" s="261">
        <v>49</v>
      </c>
      <c r="AL13" s="258">
        <v>74</v>
      </c>
      <c r="AM13" s="260">
        <v>0</v>
      </c>
      <c r="AN13" s="261">
        <v>99</v>
      </c>
      <c r="AO13" s="261">
        <v>82</v>
      </c>
      <c r="AP13" s="261">
        <v>66</v>
      </c>
      <c r="AQ13" s="261">
        <v>40</v>
      </c>
      <c r="AR13" s="261">
        <v>50</v>
      </c>
      <c r="AS13" s="258">
        <v>337</v>
      </c>
      <c r="AT13" s="263">
        <v>411</v>
      </c>
      <c r="AU13" s="257">
        <v>197</v>
      </c>
      <c r="AV13" s="261">
        <v>278</v>
      </c>
      <c r="AW13" s="258">
        <v>475</v>
      </c>
      <c r="AX13" s="260">
        <v>0</v>
      </c>
      <c r="AY13" s="261">
        <v>1286</v>
      </c>
      <c r="AZ13" s="261">
        <v>1115</v>
      </c>
      <c r="BA13" s="261">
        <v>959</v>
      </c>
      <c r="BB13" s="261">
        <v>993</v>
      </c>
      <c r="BC13" s="261">
        <v>790</v>
      </c>
      <c r="BD13" s="262">
        <v>5143</v>
      </c>
      <c r="BE13" s="263">
        <v>5618</v>
      </c>
      <c r="BF13" s="257">
        <v>0</v>
      </c>
      <c r="BG13" s="261">
        <v>0</v>
      </c>
      <c r="BH13" s="258">
        <v>0</v>
      </c>
      <c r="BI13" s="260">
        <v>0</v>
      </c>
      <c r="BJ13" s="261">
        <v>1597</v>
      </c>
      <c r="BK13" s="261">
        <v>819</v>
      </c>
      <c r="BL13" s="261">
        <v>486</v>
      </c>
      <c r="BM13" s="261">
        <v>297</v>
      </c>
      <c r="BN13" s="261">
        <v>138</v>
      </c>
      <c r="BO13" s="258">
        <v>3337</v>
      </c>
      <c r="BP13" s="263">
        <v>3337</v>
      </c>
      <c r="BQ13" s="257">
        <v>57</v>
      </c>
      <c r="BR13" s="261">
        <v>85</v>
      </c>
      <c r="BS13" s="258">
        <v>142</v>
      </c>
      <c r="BT13" s="260">
        <v>0</v>
      </c>
      <c r="BU13" s="261">
        <v>239</v>
      </c>
      <c r="BV13" s="261">
        <v>191</v>
      </c>
      <c r="BW13" s="261">
        <v>94</v>
      </c>
      <c r="BX13" s="261">
        <v>71</v>
      </c>
      <c r="BY13" s="261">
        <v>26</v>
      </c>
      <c r="BZ13" s="258">
        <v>621</v>
      </c>
      <c r="CA13" s="263">
        <v>763</v>
      </c>
      <c r="CB13" s="257">
        <v>7</v>
      </c>
      <c r="CC13" s="261">
        <v>17</v>
      </c>
      <c r="CD13" s="258">
        <v>24</v>
      </c>
      <c r="CE13" s="260">
        <v>0</v>
      </c>
      <c r="CF13" s="261">
        <v>176</v>
      </c>
      <c r="CG13" s="261">
        <v>166</v>
      </c>
      <c r="CH13" s="261">
        <v>183</v>
      </c>
      <c r="CI13" s="261">
        <v>161</v>
      </c>
      <c r="CJ13" s="261">
        <v>90</v>
      </c>
      <c r="CK13" s="258">
        <v>776</v>
      </c>
      <c r="CL13" s="263">
        <v>800</v>
      </c>
      <c r="CM13" s="257">
        <v>0</v>
      </c>
      <c r="CN13" s="261">
        <v>3</v>
      </c>
      <c r="CO13" s="258">
        <v>3</v>
      </c>
      <c r="CP13" s="260">
        <v>0</v>
      </c>
      <c r="CQ13" s="261">
        <v>15</v>
      </c>
      <c r="CR13" s="261">
        <v>14</v>
      </c>
      <c r="CS13" s="261">
        <v>16</v>
      </c>
      <c r="CT13" s="261">
        <v>11</v>
      </c>
      <c r="CU13" s="261">
        <v>7</v>
      </c>
      <c r="CV13" s="258">
        <v>63</v>
      </c>
      <c r="CW13" s="263">
        <v>66</v>
      </c>
      <c r="CX13" s="257">
        <v>0</v>
      </c>
      <c r="CY13" s="261">
        <v>0</v>
      </c>
      <c r="CZ13" s="258">
        <v>0</v>
      </c>
      <c r="DA13" s="260">
        <v>0</v>
      </c>
      <c r="DB13" s="261">
        <v>0</v>
      </c>
      <c r="DC13" s="261">
        <v>0</v>
      </c>
      <c r="DD13" s="261">
        <v>0</v>
      </c>
      <c r="DE13" s="261">
        <v>0</v>
      </c>
      <c r="DF13" s="261">
        <v>0</v>
      </c>
      <c r="DG13" s="258">
        <v>0</v>
      </c>
      <c r="DH13" s="263">
        <v>0</v>
      </c>
      <c r="DI13" s="257">
        <v>0</v>
      </c>
      <c r="DJ13" s="261">
        <v>0</v>
      </c>
      <c r="DK13" s="258">
        <v>0</v>
      </c>
      <c r="DL13" s="260">
        <v>0</v>
      </c>
      <c r="DM13" s="261">
        <v>0</v>
      </c>
      <c r="DN13" s="261">
        <v>0</v>
      </c>
      <c r="DO13" s="261">
        <v>0</v>
      </c>
      <c r="DP13" s="261">
        <v>0</v>
      </c>
      <c r="DQ13" s="261">
        <v>0</v>
      </c>
      <c r="DR13" s="258">
        <v>0</v>
      </c>
      <c r="DS13" s="263">
        <v>0</v>
      </c>
      <c r="DT13" s="257">
        <v>976</v>
      </c>
      <c r="DU13" s="261">
        <v>1315</v>
      </c>
      <c r="DV13" s="258">
        <v>2291</v>
      </c>
      <c r="DW13" s="260">
        <v>0</v>
      </c>
      <c r="DX13" s="261">
        <v>1980</v>
      </c>
      <c r="DY13" s="261">
        <v>1617</v>
      </c>
      <c r="DZ13" s="261">
        <v>1034</v>
      </c>
      <c r="EA13" s="261">
        <v>910</v>
      </c>
      <c r="EB13" s="261">
        <v>611</v>
      </c>
      <c r="EC13" s="258">
        <v>6152</v>
      </c>
      <c r="ED13" s="263">
        <v>8443</v>
      </c>
      <c r="EE13" s="257">
        <v>71</v>
      </c>
      <c r="EF13" s="261">
        <v>66</v>
      </c>
      <c r="EG13" s="258">
        <v>137</v>
      </c>
      <c r="EH13" s="260">
        <v>0</v>
      </c>
      <c r="EI13" s="261">
        <v>297</v>
      </c>
      <c r="EJ13" s="261">
        <v>229</v>
      </c>
      <c r="EK13" s="261">
        <v>211</v>
      </c>
      <c r="EL13" s="261">
        <v>239</v>
      </c>
      <c r="EM13" s="261">
        <v>139</v>
      </c>
      <c r="EN13" s="258">
        <v>1115</v>
      </c>
      <c r="EO13" s="263">
        <v>1252</v>
      </c>
      <c r="EP13" s="257">
        <v>1152</v>
      </c>
      <c r="EQ13" s="261">
        <v>1494</v>
      </c>
      <c r="ER13" s="258">
        <v>2646</v>
      </c>
      <c r="ES13" s="260">
        <v>0</v>
      </c>
      <c r="ET13" s="261">
        <v>3519</v>
      </c>
      <c r="EU13" s="261">
        <v>1990</v>
      </c>
      <c r="EV13" s="261">
        <v>1131</v>
      </c>
      <c r="EW13" s="261">
        <v>890</v>
      </c>
      <c r="EX13" s="261">
        <v>576</v>
      </c>
      <c r="EY13" s="258">
        <v>8106</v>
      </c>
      <c r="EZ13" s="263">
        <v>10752</v>
      </c>
    </row>
    <row r="14" spans="2:156" ht="21" customHeight="1" x14ac:dyDescent="0.2">
      <c r="B14" s="472" t="s">
        <v>11</v>
      </c>
      <c r="C14" s="257">
        <v>0</v>
      </c>
      <c r="D14" s="261">
        <v>0</v>
      </c>
      <c r="E14" s="358">
        <v>0</v>
      </c>
      <c r="F14" s="260">
        <v>0</v>
      </c>
      <c r="G14" s="261">
        <v>510</v>
      </c>
      <c r="H14" s="261">
        <v>369</v>
      </c>
      <c r="I14" s="261">
        <v>253</v>
      </c>
      <c r="J14" s="261">
        <v>240</v>
      </c>
      <c r="K14" s="261">
        <v>165</v>
      </c>
      <c r="L14" s="262">
        <v>1537</v>
      </c>
      <c r="M14" s="263">
        <v>1537</v>
      </c>
      <c r="N14" s="257">
        <v>0</v>
      </c>
      <c r="O14" s="261">
        <v>0</v>
      </c>
      <c r="P14" s="258">
        <v>0</v>
      </c>
      <c r="Q14" s="260">
        <v>0</v>
      </c>
      <c r="R14" s="261">
        <v>4</v>
      </c>
      <c r="S14" s="261">
        <v>10</v>
      </c>
      <c r="T14" s="261">
        <v>26</v>
      </c>
      <c r="U14" s="261">
        <v>55</v>
      </c>
      <c r="V14" s="261">
        <v>71</v>
      </c>
      <c r="W14" s="258">
        <v>166</v>
      </c>
      <c r="X14" s="263">
        <v>166</v>
      </c>
      <c r="Y14" s="257">
        <v>52</v>
      </c>
      <c r="Z14" s="261">
        <v>54</v>
      </c>
      <c r="AA14" s="258">
        <v>106</v>
      </c>
      <c r="AB14" s="260">
        <v>0</v>
      </c>
      <c r="AC14" s="261">
        <v>350</v>
      </c>
      <c r="AD14" s="261">
        <v>235</v>
      </c>
      <c r="AE14" s="261">
        <v>193</v>
      </c>
      <c r="AF14" s="261">
        <v>207</v>
      </c>
      <c r="AG14" s="261">
        <v>152</v>
      </c>
      <c r="AH14" s="258">
        <v>1137</v>
      </c>
      <c r="AI14" s="263">
        <v>1243</v>
      </c>
      <c r="AJ14" s="257">
        <v>4</v>
      </c>
      <c r="AK14" s="261">
        <v>7</v>
      </c>
      <c r="AL14" s="258">
        <v>11</v>
      </c>
      <c r="AM14" s="260">
        <v>0</v>
      </c>
      <c r="AN14" s="261">
        <v>22</v>
      </c>
      <c r="AO14" s="261">
        <v>27</v>
      </c>
      <c r="AP14" s="261">
        <v>25</v>
      </c>
      <c r="AQ14" s="261">
        <v>29</v>
      </c>
      <c r="AR14" s="261">
        <v>5</v>
      </c>
      <c r="AS14" s="258">
        <v>108</v>
      </c>
      <c r="AT14" s="263">
        <v>119</v>
      </c>
      <c r="AU14" s="257">
        <v>53</v>
      </c>
      <c r="AV14" s="261">
        <v>48</v>
      </c>
      <c r="AW14" s="258">
        <v>101</v>
      </c>
      <c r="AX14" s="260">
        <v>0</v>
      </c>
      <c r="AY14" s="261">
        <v>415</v>
      </c>
      <c r="AZ14" s="261">
        <v>479</v>
      </c>
      <c r="BA14" s="261">
        <v>443</v>
      </c>
      <c r="BB14" s="261">
        <v>457</v>
      </c>
      <c r="BC14" s="261">
        <v>295</v>
      </c>
      <c r="BD14" s="262">
        <v>2089</v>
      </c>
      <c r="BE14" s="263">
        <v>2190</v>
      </c>
      <c r="BF14" s="257">
        <v>0</v>
      </c>
      <c r="BG14" s="261">
        <v>0</v>
      </c>
      <c r="BH14" s="258">
        <v>0</v>
      </c>
      <c r="BI14" s="260">
        <v>0</v>
      </c>
      <c r="BJ14" s="261">
        <v>703</v>
      </c>
      <c r="BK14" s="261">
        <v>392</v>
      </c>
      <c r="BL14" s="261">
        <v>263</v>
      </c>
      <c r="BM14" s="261">
        <v>183</v>
      </c>
      <c r="BN14" s="261">
        <v>82</v>
      </c>
      <c r="BO14" s="258">
        <v>1623</v>
      </c>
      <c r="BP14" s="263">
        <v>1623</v>
      </c>
      <c r="BQ14" s="257">
        <v>101</v>
      </c>
      <c r="BR14" s="261">
        <v>88</v>
      </c>
      <c r="BS14" s="258">
        <v>189</v>
      </c>
      <c r="BT14" s="260">
        <v>0</v>
      </c>
      <c r="BU14" s="261">
        <v>235</v>
      </c>
      <c r="BV14" s="261">
        <v>147</v>
      </c>
      <c r="BW14" s="261">
        <v>95</v>
      </c>
      <c r="BX14" s="261">
        <v>67</v>
      </c>
      <c r="BY14" s="261">
        <v>19</v>
      </c>
      <c r="BZ14" s="258">
        <v>563</v>
      </c>
      <c r="CA14" s="263">
        <v>752</v>
      </c>
      <c r="CB14" s="257">
        <v>5</v>
      </c>
      <c r="CC14" s="261">
        <v>11</v>
      </c>
      <c r="CD14" s="258">
        <v>16</v>
      </c>
      <c r="CE14" s="260">
        <v>0</v>
      </c>
      <c r="CF14" s="261">
        <v>102</v>
      </c>
      <c r="CG14" s="261">
        <v>90</v>
      </c>
      <c r="CH14" s="261">
        <v>122</v>
      </c>
      <c r="CI14" s="261">
        <v>78</v>
      </c>
      <c r="CJ14" s="261">
        <v>42</v>
      </c>
      <c r="CK14" s="258">
        <v>434</v>
      </c>
      <c r="CL14" s="263">
        <v>450</v>
      </c>
      <c r="CM14" s="257">
        <v>0</v>
      </c>
      <c r="CN14" s="261">
        <v>1</v>
      </c>
      <c r="CO14" s="258">
        <v>1</v>
      </c>
      <c r="CP14" s="260">
        <v>0</v>
      </c>
      <c r="CQ14" s="261">
        <v>7</v>
      </c>
      <c r="CR14" s="261">
        <v>5</v>
      </c>
      <c r="CS14" s="261">
        <v>9</v>
      </c>
      <c r="CT14" s="261">
        <v>6</v>
      </c>
      <c r="CU14" s="261">
        <v>9</v>
      </c>
      <c r="CV14" s="258">
        <v>36</v>
      </c>
      <c r="CW14" s="263">
        <v>37</v>
      </c>
      <c r="CX14" s="257">
        <v>0</v>
      </c>
      <c r="CY14" s="261">
        <v>0</v>
      </c>
      <c r="CZ14" s="258">
        <v>0</v>
      </c>
      <c r="DA14" s="260">
        <v>0</v>
      </c>
      <c r="DB14" s="261">
        <v>0</v>
      </c>
      <c r="DC14" s="261">
        <v>0</v>
      </c>
      <c r="DD14" s="261">
        <v>0</v>
      </c>
      <c r="DE14" s="261">
        <v>0</v>
      </c>
      <c r="DF14" s="261">
        <v>0</v>
      </c>
      <c r="DG14" s="258">
        <v>0</v>
      </c>
      <c r="DH14" s="263">
        <v>0</v>
      </c>
      <c r="DI14" s="257">
        <v>0</v>
      </c>
      <c r="DJ14" s="261">
        <v>0</v>
      </c>
      <c r="DK14" s="258">
        <v>0</v>
      </c>
      <c r="DL14" s="260">
        <v>0</v>
      </c>
      <c r="DM14" s="261">
        <v>0</v>
      </c>
      <c r="DN14" s="261">
        <v>0</v>
      </c>
      <c r="DO14" s="261">
        <v>0</v>
      </c>
      <c r="DP14" s="261">
        <v>0</v>
      </c>
      <c r="DQ14" s="261">
        <v>0</v>
      </c>
      <c r="DR14" s="258">
        <v>0</v>
      </c>
      <c r="DS14" s="263">
        <v>0</v>
      </c>
      <c r="DT14" s="257">
        <v>393</v>
      </c>
      <c r="DU14" s="261">
        <v>488</v>
      </c>
      <c r="DV14" s="258">
        <v>881</v>
      </c>
      <c r="DW14" s="260">
        <v>0</v>
      </c>
      <c r="DX14" s="261">
        <v>986</v>
      </c>
      <c r="DY14" s="261">
        <v>845</v>
      </c>
      <c r="DZ14" s="261">
        <v>627</v>
      </c>
      <c r="EA14" s="261">
        <v>524</v>
      </c>
      <c r="EB14" s="261">
        <v>278</v>
      </c>
      <c r="EC14" s="258">
        <v>3260</v>
      </c>
      <c r="ED14" s="263">
        <v>4141</v>
      </c>
      <c r="EE14" s="257">
        <v>35</v>
      </c>
      <c r="EF14" s="261">
        <v>27</v>
      </c>
      <c r="EG14" s="258">
        <v>62</v>
      </c>
      <c r="EH14" s="260">
        <v>0</v>
      </c>
      <c r="EI14" s="261">
        <v>180</v>
      </c>
      <c r="EJ14" s="261">
        <v>152</v>
      </c>
      <c r="EK14" s="261">
        <v>125</v>
      </c>
      <c r="EL14" s="261">
        <v>147</v>
      </c>
      <c r="EM14" s="261">
        <v>68</v>
      </c>
      <c r="EN14" s="258">
        <v>672</v>
      </c>
      <c r="EO14" s="263">
        <v>734</v>
      </c>
      <c r="EP14" s="257">
        <v>509</v>
      </c>
      <c r="EQ14" s="261">
        <v>571</v>
      </c>
      <c r="ER14" s="258">
        <v>1080</v>
      </c>
      <c r="ES14" s="260">
        <v>0</v>
      </c>
      <c r="ET14" s="261">
        <v>1904</v>
      </c>
      <c r="EU14" s="261">
        <v>1121</v>
      </c>
      <c r="EV14" s="261">
        <v>744</v>
      </c>
      <c r="EW14" s="261">
        <v>556</v>
      </c>
      <c r="EX14" s="261">
        <v>286</v>
      </c>
      <c r="EY14" s="258">
        <v>4611</v>
      </c>
      <c r="EZ14" s="263">
        <v>5691</v>
      </c>
    </row>
    <row r="15" spans="2:156" ht="21" customHeight="1" x14ac:dyDescent="0.2">
      <c r="B15" s="472" t="s">
        <v>12</v>
      </c>
      <c r="C15" s="257">
        <v>0</v>
      </c>
      <c r="D15" s="261">
        <v>0</v>
      </c>
      <c r="E15" s="358">
        <v>0</v>
      </c>
      <c r="F15" s="260">
        <v>0</v>
      </c>
      <c r="G15" s="261">
        <v>530</v>
      </c>
      <c r="H15" s="261">
        <v>471</v>
      </c>
      <c r="I15" s="261">
        <v>310</v>
      </c>
      <c r="J15" s="261">
        <v>283</v>
      </c>
      <c r="K15" s="261">
        <v>216</v>
      </c>
      <c r="L15" s="262">
        <v>1810</v>
      </c>
      <c r="M15" s="263">
        <v>1810</v>
      </c>
      <c r="N15" s="257">
        <v>0</v>
      </c>
      <c r="O15" s="261">
        <v>4</v>
      </c>
      <c r="P15" s="258">
        <v>4</v>
      </c>
      <c r="Q15" s="260">
        <v>0</v>
      </c>
      <c r="R15" s="261">
        <v>2</v>
      </c>
      <c r="S15" s="261">
        <v>16</v>
      </c>
      <c r="T15" s="261">
        <v>21</v>
      </c>
      <c r="U15" s="261">
        <v>61</v>
      </c>
      <c r="V15" s="261">
        <v>74</v>
      </c>
      <c r="W15" s="258">
        <v>174</v>
      </c>
      <c r="X15" s="263">
        <v>178</v>
      </c>
      <c r="Y15" s="257">
        <v>117</v>
      </c>
      <c r="Z15" s="261">
        <v>290</v>
      </c>
      <c r="AA15" s="258">
        <v>407</v>
      </c>
      <c r="AB15" s="260">
        <v>0</v>
      </c>
      <c r="AC15" s="261">
        <v>344</v>
      </c>
      <c r="AD15" s="261">
        <v>397</v>
      </c>
      <c r="AE15" s="261">
        <v>268</v>
      </c>
      <c r="AF15" s="261">
        <v>234</v>
      </c>
      <c r="AG15" s="261">
        <v>181</v>
      </c>
      <c r="AH15" s="258">
        <v>1424</v>
      </c>
      <c r="AI15" s="263">
        <v>1831</v>
      </c>
      <c r="AJ15" s="257">
        <v>7</v>
      </c>
      <c r="AK15" s="261">
        <v>26</v>
      </c>
      <c r="AL15" s="258">
        <v>33</v>
      </c>
      <c r="AM15" s="260">
        <v>0</v>
      </c>
      <c r="AN15" s="261">
        <v>16</v>
      </c>
      <c r="AO15" s="261">
        <v>43</v>
      </c>
      <c r="AP15" s="261">
        <v>26</v>
      </c>
      <c r="AQ15" s="261">
        <v>23</v>
      </c>
      <c r="AR15" s="261">
        <v>16</v>
      </c>
      <c r="AS15" s="258">
        <v>124</v>
      </c>
      <c r="AT15" s="263">
        <v>157</v>
      </c>
      <c r="AU15" s="257">
        <v>82</v>
      </c>
      <c r="AV15" s="261">
        <v>121</v>
      </c>
      <c r="AW15" s="258">
        <v>203</v>
      </c>
      <c r="AX15" s="260">
        <v>0</v>
      </c>
      <c r="AY15" s="261">
        <v>346</v>
      </c>
      <c r="AZ15" s="261">
        <v>422</v>
      </c>
      <c r="BA15" s="261">
        <v>380</v>
      </c>
      <c r="BB15" s="261">
        <v>458</v>
      </c>
      <c r="BC15" s="261">
        <v>331</v>
      </c>
      <c r="BD15" s="262">
        <v>1937</v>
      </c>
      <c r="BE15" s="263">
        <v>2140</v>
      </c>
      <c r="BF15" s="257">
        <v>0</v>
      </c>
      <c r="BG15" s="261">
        <v>0</v>
      </c>
      <c r="BH15" s="258">
        <v>0</v>
      </c>
      <c r="BI15" s="260">
        <v>0</v>
      </c>
      <c r="BJ15" s="261">
        <v>636</v>
      </c>
      <c r="BK15" s="261">
        <v>454</v>
      </c>
      <c r="BL15" s="261">
        <v>265</v>
      </c>
      <c r="BM15" s="261">
        <v>212</v>
      </c>
      <c r="BN15" s="261">
        <v>96</v>
      </c>
      <c r="BO15" s="258">
        <v>1663</v>
      </c>
      <c r="BP15" s="263">
        <v>1663</v>
      </c>
      <c r="BQ15" s="257">
        <v>113</v>
      </c>
      <c r="BR15" s="261">
        <v>127</v>
      </c>
      <c r="BS15" s="258">
        <v>240</v>
      </c>
      <c r="BT15" s="260">
        <v>0</v>
      </c>
      <c r="BU15" s="261">
        <v>133</v>
      </c>
      <c r="BV15" s="261">
        <v>168</v>
      </c>
      <c r="BW15" s="261">
        <v>125</v>
      </c>
      <c r="BX15" s="261">
        <v>82</v>
      </c>
      <c r="BY15" s="261">
        <v>24</v>
      </c>
      <c r="BZ15" s="258">
        <v>532</v>
      </c>
      <c r="CA15" s="263">
        <v>772</v>
      </c>
      <c r="CB15" s="257">
        <v>5</v>
      </c>
      <c r="CC15" s="261">
        <v>16</v>
      </c>
      <c r="CD15" s="258">
        <v>21</v>
      </c>
      <c r="CE15" s="260">
        <v>0</v>
      </c>
      <c r="CF15" s="261">
        <v>88</v>
      </c>
      <c r="CG15" s="261">
        <v>120</v>
      </c>
      <c r="CH15" s="261">
        <v>115</v>
      </c>
      <c r="CI15" s="261">
        <v>112</v>
      </c>
      <c r="CJ15" s="261">
        <v>60</v>
      </c>
      <c r="CK15" s="258">
        <v>495</v>
      </c>
      <c r="CL15" s="263">
        <v>516</v>
      </c>
      <c r="CM15" s="257">
        <v>0</v>
      </c>
      <c r="CN15" s="261">
        <v>0</v>
      </c>
      <c r="CO15" s="258">
        <v>0</v>
      </c>
      <c r="CP15" s="260">
        <v>0</v>
      </c>
      <c r="CQ15" s="261">
        <v>6</v>
      </c>
      <c r="CR15" s="261">
        <v>5</v>
      </c>
      <c r="CS15" s="261">
        <v>11</v>
      </c>
      <c r="CT15" s="261">
        <v>3</v>
      </c>
      <c r="CU15" s="261">
        <v>0</v>
      </c>
      <c r="CV15" s="258">
        <v>25</v>
      </c>
      <c r="CW15" s="263">
        <v>25</v>
      </c>
      <c r="CX15" s="257">
        <v>0</v>
      </c>
      <c r="CY15" s="261">
        <v>0</v>
      </c>
      <c r="CZ15" s="258">
        <v>0</v>
      </c>
      <c r="DA15" s="260">
        <v>0</v>
      </c>
      <c r="DB15" s="261">
        <v>0</v>
      </c>
      <c r="DC15" s="261">
        <v>0</v>
      </c>
      <c r="DD15" s="261">
        <v>0</v>
      </c>
      <c r="DE15" s="261">
        <v>0</v>
      </c>
      <c r="DF15" s="261">
        <v>0</v>
      </c>
      <c r="DG15" s="258">
        <v>0</v>
      </c>
      <c r="DH15" s="263">
        <v>0</v>
      </c>
      <c r="DI15" s="257">
        <v>0</v>
      </c>
      <c r="DJ15" s="261">
        <v>0</v>
      </c>
      <c r="DK15" s="258">
        <v>0</v>
      </c>
      <c r="DL15" s="260">
        <v>0</v>
      </c>
      <c r="DM15" s="261">
        <v>0</v>
      </c>
      <c r="DN15" s="261">
        <v>0</v>
      </c>
      <c r="DO15" s="261">
        <v>0</v>
      </c>
      <c r="DP15" s="261">
        <v>0</v>
      </c>
      <c r="DQ15" s="261">
        <v>0</v>
      </c>
      <c r="DR15" s="258">
        <v>0</v>
      </c>
      <c r="DS15" s="263">
        <v>0</v>
      </c>
      <c r="DT15" s="257">
        <v>491</v>
      </c>
      <c r="DU15" s="261">
        <v>879</v>
      </c>
      <c r="DV15" s="258">
        <v>1370</v>
      </c>
      <c r="DW15" s="260">
        <v>0</v>
      </c>
      <c r="DX15" s="261">
        <v>618</v>
      </c>
      <c r="DY15" s="261">
        <v>1025</v>
      </c>
      <c r="DZ15" s="261">
        <v>689</v>
      </c>
      <c r="EA15" s="261">
        <v>631</v>
      </c>
      <c r="EB15" s="261">
        <v>362</v>
      </c>
      <c r="EC15" s="258">
        <v>3325</v>
      </c>
      <c r="ED15" s="263">
        <v>4695</v>
      </c>
      <c r="EE15" s="257">
        <v>41</v>
      </c>
      <c r="EF15" s="261">
        <v>44</v>
      </c>
      <c r="EG15" s="258">
        <v>85</v>
      </c>
      <c r="EH15" s="260">
        <v>0</v>
      </c>
      <c r="EI15" s="261">
        <v>119</v>
      </c>
      <c r="EJ15" s="261">
        <v>115</v>
      </c>
      <c r="EK15" s="261">
        <v>116</v>
      </c>
      <c r="EL15" s="261">
        <v>139</v>
      </c>
      <c r="EM15" s="261">
        <v>73</v>
      </c>
      <c r="EN15" s="258">
        <v>562</v>
      </c>
      <c r="EO15" s="263">
        <v>647</v>
      </c>
      <c r="EP15" s="257">
        <v>666</v>
      </c>
      <c r="EQ15" s="261">
        <v>1075</v>
      </c>
      <c r="ER15" s="258">
        <v>1741</v>
      </c>
      <c r="ES15" s="260">
        <v>0</v>
      </c>
      <c r="ET15" s="261">
        <v>1551</v>
      </c>
      <c r="EU15" s="261">
        <v>1292</v>
      </c>
      <c r="EV15" s="261">
        <v>761</v>
      </c>
      <c r="EW15" s="261">
        <v>639</v>
      </c>
      <c r="EX15" s="261">
        <v>341</v>
      </c>
      <c r="EY15" s="258">
        <v>4584</v>
      </c>
      <c r="EZ15" s="263">
        <v>6325</v>
      </c>
    </row>
    <row r="16" spans="2:156" ht="21" customHeight="1" x14ac:dyDescent="0.2">
      <c r="B16" s="472" t="s">
        <v>13</v>
      </c>
      <c r="C16" s="257">
        <v>0</v>
      </c>
      <c r="D16" s="261">
        <v>1</v>
      </c>
      <c r="E16" s="358">
        <v>1</v>
      </c>
      <c r="F16" s="260">
        <v>0</v>
      </c>
      <c r="G16" s="261">
        <v>238</v>
      </c>
      <c r="H16" s="261">
        <v>236</v>
      </c>
      <c r="I16" s="261">
        <v>132</v>
      </c>
      <c r="J16" s="261">
        <v>120</v>
      </c>
      <c r="K16" s="261">
        <v>113</v>
      </c>
      <c r="L16" s="262">
        <v>839</v>
      </c>
      <c r="M16" s="263">
        <v>840</v>
      </c>
      <c r="N16" s="257">
        <v>0</v>
      </c>
      <c r="O16" s="261">
        <v>0</v>
      </c>
      <c r="P16" s="258">
        <v>0</v>
      </c>
      <c r="Q16" s="260">
        <v>0</v>
      </c>
      <c r="R16" s="261">
        <v>1</v>
      </c>
      <c r="S16" s="261">
        <v>3</v>
      </c>
      <c r="T16" s="261">
        <v>5</v>
      </c>
      <c r="U16" s="261">
        <v>16</v>
      </c>
      <c r="V16" s="261">
        <v>36</v>
      </c>
      <c r="W16" s="258">
        <v>61</v>
      </c>
      <c r="X16" s="263">
        <v>61</v>
      </c>
      <c r="Y16" s="257">
        <v>9</v>
      </c>
      <c r="Z16" s="261">
        <v>25</v>
      </c>
      <c r="AA16" s="258">
        <v>34</v>
      </c>
      <c r="AB16" s="260">
        <v>0</v>
      </c>
      <c r="AC16" s="261">
        <v>111</v>
      </c>
      <c r="AD16" s="261">
        <v>160</v>
      </c>
      <c r="AE16" s="261">
        <v>94</v>
      </c>
      <c r="AF16" s="261">
        <v>87</v>
      </c>
      <c r="AG16" s="261">
        <v>78</v>
      </c>
      <c r="AH16" s="258">
        <v>530</v>
      </c>
      <c r="AI16" s="263">
        <v>564</v>
      </c>
      <c r="AJ16" s="257">
        <v>2</v>
      </c>
      <c r="AK16" s="261">
        <v>5</v>
      </c>
      <c r="AL16" s="258">
        <v>7</v>
      </c>
      <c r="AM16" s="260">
        <v>0</v>
      </c>
      <c r="AN16" s="261">
        <v>18</v>
      </c>
      <c r="AO16" s="261">
        <v>23</v>
      </c>
      <c r="AP16" s="261">
        <v>13</v>
      </c>
      <c r="AQ16" s="261">
        <v>14</v>
      </c>
      <c r="AR16" s="261">
        <v>8</v>
      </c>
      <c r="AS16" s="258">
        <v>76</v>
      </c>
      <c r="AT16" s="263">
        <v>83</v>
      </c>
      <c r="AU16" s="257">
        <v>31</v>
      </c>
      <c r="AV16" s="261">
        <v>22</v>
      </c>
      <c r="AW16" s="258">
        <v>53</v>
      </c>
      <c r="AX16" s="260">
        <v>0</v>
      </c>
      <c r="AY16" s="261">
        <v>183</v>
      </c>
      <c r="AZ16" s="261">
        <v>227</v>
      </c>
      <c r="BA16" s="261">
        <v>194</v>
      </c>
      <c r="BB16" s="261">
        <v>193</v>
      </c>
      <c r="BC16" s="261">
        <v>176</v>
      </c>
      <c r="BD16" s="262">
        <v>973</v>
      </c>
      <c r="BE16" s="263">
        <v>1026</v>
      </c>
      <c r="BF16" s="257">
        <v>0</v>
      </c>
      <c r="BG16" s="261">
        <v>0</v>
      </c>
      <c r="BH16" s="258">
        <v>0</v>
      </c>
      <c r="BI16" s="260">
        <v>0</v>
      </c>
      <c r="BJ16" s="261">
        <v>183</v>
      </c>
      <c r="BK16" s="261">
        <v>183</v>
      </c>
      <c r="BL16" s="261">
        <v>112</v>
      </c>
      <c r="BM16" s="261">
        <v>66</v>
      </c>
      <c r="BN16" s="261">
        <v>33</v>
      </c>
      <c r="BO16" s="258">
        <v>577</v>
      </c>
      <c r="BP16" s="263">
        <v>577</v>
      </c>
      <c r="BQ16" s="257">
        <v>8</v>
      </c>
      <c r="BR16" s="261">
        <v>21</v>
      </c>
      <c r="BS16" s="258">
        <v>29</v>
      </c>
      <c r="BT16" s="260">
        <v>0</v>
      </c>
      <c r="BU16" s="261">
        <v>35</v>
      </c>
      <c r="BV16" s="261">
        <v>33</v>
      </c>
      <c r="BW16" s="261">
        <v>34</v>
      </c>
      <c r="BX16" s="261">
        <v>25</v>
      </c>
      <c r="BY16" s="261">
        <v>17</v>
      </c>
      <c r="BZ16" s="258">
        <v>144</v>
      </c>
      <c r="CA16" s="263">
        <v>173</v>
      </c>
      <c r="CB16" s="257">
        <v>0</v>
      </c>
      <c r="CC16" s="261">
        <v>0</v>
      </c>
      <c r="CD16" s="258">
        <v>0</v>
      </c>
      <c r="CE16" s="260">
        <v>0</v>
      </c>
      <c r="CF16" s="261">
        <v>14</v>
      </c>
      <c r="CG16" s="261">
        <v>34</v>
      </c>
      <c r="CH16" s="261">
        <v>49</v>
      </c>
      <c r="CI16" s="261">
        <v>40</v>
      </c>
      <c r="CJ16" s="261">
        <v>19</v>
      </c>
      <c r="CK16" s="258">
        <v>156</v>
      </c>
      <c r="CL16" s="263">
        <v>156</v>
      </c>
      <c r="CM16" s="257">
        <v>0</v>
      </c>
      <c r="CN16" s="261">
        <v>0</v>
      </c>
      <c r="CO16" s="258">
        <v>0</v>
      </c>
      <c r="CP16" s="260">
        <v>0</v>
      </c>
      <c r="CQ16" s="261">
        <v>2</v>
      </c>
      <c r="CR16" s="261">
        <v>1</v>
      </c>
      <c r="CS16" s="261">
        <v>5</v>
      </c>
      <c r="CT16" s="261">
        <v>8</v>
      </c>
      <c r="CU16" s="261">
        <v>2</v>
      </c>
      <c r="CV16" s="258">
        <v>18</v>
      </c>
      <c r="CW16" s="263">
        <v>18</v>
      </c>
      <c r="CX16" s="257">
        <v>0</v>
      </c>
      <c r="CY16" s="261">
        <v>0</v>
      </c>
      <c r="CZ16" s="258">
        <v>0</v>
      </c>
      <c r="DA16" s="260">
        <v>0</v>
      </c>
      <c r="DB16" s="261">
        <v>0</v>
      </c>
      <c r="DC16" s="261">
        <v>0</v>
      </c>
      <c r="DD16" s="261">
        <v>0</v>
      </c>
      <c r="DE16" s="261">
        <v>0</v>
      </c>
      <c r="DF16" s="261">
        <v>0</v>
      </c>
      <c r="DG16" s="258">
        <v>0</v>
      </c>
      <c r="DH16" s="263">
        <v>0</v>
      </c>
      <c r="DI16" s="257">
        <v>0</v>
      </c>
      <c r="DJ16" s="261">
        <v>0</v>
      </c>
      <c r="DK16" s="258">
        <v>0</v>
      </c>
      <c r="DL16" s="260">
        <v>0</v>
      </c>
      <c r="DM16" s="261">
        <v>0</v>
      </c>
      <c r="DN16" s="261">
        <v>0</v>
      </c>
      <c r="DO16" s="261">
        <v>0</v>
      </c>
      <c r="DP16" s="261">
        <v>0</v>
      </c>
      <c r="DQ16" s="261">
        <v>0</v>
      </c>
      <c r="DR16" s="258">
        <v>0</v>
      </c>
      <c r="DS16" s="263">
        <v>0</v>
      </c>
      <c r="DT16" s="257">
        <v>78</v>
      </c>
      <c r="DU16" s="261">
        <v>170</v>
      </c>
      <c r="DV16" s="258">
        <v>248</v>
      </c>
      <c r="DW16" s="260">
        <v>0</v>
      </c>
      <c r="DX16" s="261">
        <v>266</v>
      </c>
      <c r="DY16" s="261">
        <v>390</v>
      </c>
      <c r="DZ16" s="261">
        <v>248</v>
      </c>
      <c r="EA16" s="261">
        <v>209</v>
      </c>
      <c r="EB16" s="261">
        <v>146</v>
      </c>
      <c r="EC16" s="258">
        <v>1259</v>
      </c>
      <c r="ED16" s="263">
        <v>1507</v>
      </c>
      <c r="EE16" s="257">
        <v>21</v>
      </c>
      <c r="EF16" s="261">
        <v>9</v>
      </c>
      <c r="EG16" s="258">
        <v>30</v>
      </c>
      <c r="EH16" s="260">
        <v>0</v>
      </c>
      <c r="EI16" s="261">
        <v>69</v>
      </c>
      <c r="EJ16" s="261">
        <v>88</v>
      </c>
      <c r="EK16" s="261">
        <v>60</v>
      </c>
      <c r="EL16" s="261">
        <v>70</v>
      </c>
      <c r="EM16" s="261">
        <v>46</v>
      </c>
      <c r="EN16" s="258">
        <v>333</v>
      </c>
      <c r="EO16" s="263">
        <v>363</v>
      </c>
      <c r="EP16" s="257">
        <v>90</v>
      </c>
      <c r="EQ16" s="261">
        <v>195</v>
      </c>
      <c r="ER16" s="258">
        <v>285</v>
      </c>
      <c r="ES16" s="260">
        <v>0</v>
      </c>
      <c r="ET16" s="261">
        <v>575</v>
      </c>
      <c r="EU16" s="261">
        <v>565</v>
      </c>
      <c r="EV16" s="261">
        <v>310</v>
      </c>
      <c r="EW16" s="261">
        <v>235</v>
      </c>
      <c r="EX16" s="261">
        <v>166</v>
      </c>
      <c r="EY16" s="258">
        <v>1851</v>
      </c>
      <c r="EZ16" s="263">
        <v>2136</v>
      </c>
    </row>
    <row r="17" spans="2:156" ht="21" customHeight="1" x14ac:dyDescent="0.2">
      <c r="B17" s="472" t="s">
        <v>15</v>
      </c>
      <c r="C17" s="257">
        <v>0</v>
      </c>
      <c r="D17" s="261">
        <v>0</v>
      </c>
      <c r="E17" s="358">
        <v>0</v>
      </c>
      <c r="F17" s="260">
        <v>0</v>
      </c>
      <c r="G17" s="261">
        <v>120</v>
      </c>
      <c r="H17" s="261">
        <v>172</v>
      </c>
      <c r="I17" s="261">
        <v>91</v>
      </c>
      <c r="J17" s="261">
        <v>44</v>
      </c>
      <c r="K17" s="261">
        <v>41</v>
      </c>
      <c r="L17" s="262">
        <v>468</v>
      </c>
      <c r="M17" s="263">
        <v>468</v>
      </c>
      <c r="N17" s="257">
        <v>0</v>
      </c>
      <c r="O17" s="261">
        <v>0</v>
      </c>
      <c r="P17" s="258">
        <v>0</v>
      </c>
      <c r="Q17" s="260">
        <v>0</v>
      </c>
      <c r="R17" s="261">
        <v>0</v>
      </c>
      <c r="S17" s="261">
        <v>3</v>
      </c>
      <c r="T17" s="261">
        <v>6</v>
      </c>
      <c r="U17" s="261">
        <v>15</v>
      </c>
      <c r="V17" s="261">
        <v>27</v>
      </c>
      <c r="W17" s="258">
        <v>51</v>
      </c>
      <c r="X17" s="263">
        <v>51</v>
      </c>
      <c r="Y17" s="257">
        <v>5</v>
      </c>
      <c r="Z17" s="261">
        <v>16</v>
      </c>
      <c r="AA17" s="258">
        <v>21</v>
      </c>
      <c r="AB17" s="260">
        <v>0</v>
      </c>
      <c r="AC17" s="261">
        <v>62</v>
      </c>
      <c r="AD17" s="261">
        <v>77</v>
      </c>
      <c r="AE17" s="261">
        <v>48</v>
      </c>
      <c r="AF17" s="261">
        <v>37</v>
      </c>
      <c r="AG17" s="261">
        <v>39</v>
      </c>
      <c r="AH17" s="258">
        <v>263</v>
      </c>
      <c r="AI17" s="263">
        <v>284</v>
      </c>
      <c r="AJ17" s="257">
        <v>0</v>
      </c>
      <c r="AK17" s="261">
        <v>2</v>
      </c>
      <c r="AL17" s="258">
        <v>2</v>
      </c>
      <c r="AM17" s="260">
        <v>0</v>
      </c>
      <c r="AN17" s="261">
        <v>9</v>
      </c>
      <c r="AO17" s="261">
        <v>15</v>
      </c>
      <c r="AP17" s="261">
        <v>3</v>
      </c>
      <c r="AQ17" s="261">
        <v>5</v>
      </c>
      <c r="AR17" s="261">
        <v>6</v>
      </c>
      <c r="AS17" s="258">
        <v>38</v>
      </c>
      <c r="AT17" s="263">
        <v>40</v>
      </c>
      <c r="AU17" s="257">
        <v>11</v>
      </c>
      <c r="AV17" s="261">
        <v>13</v>
      </c>
      <c r="AW17" s="258">
        <v>24</v>
      </c>
      <c r="AX17" s="260">
        <v>0</v>
      </c>
      <c r="AY17" s="261">
        <v>104</v>
      </c>
      <c r="AZ17" s="261">
        <v>122</v>
      </c>
      <c r="BA17" s="261">
        <v>114</v>
      </c>
      <c r="BB17" s="261">
        <v>92</v>
      </c>
      <c r="BC17" s="261">
        <v>82</v>
      </c>
      <c r="BD17" s="262">
        <v>514</v>
      </c>
      <c r="BE17" s="263">
        <v>538</v>
      </c>
      <c r="BF17" s="257">
        <v>0</v>
      </c>
      <c r="BG17" s="261">
        <v>0</v>
      </c>
      <c r="BH17" s="258">
        <v>0</v>
      </c>
      <c r="BI17" s="260">
        <v>0</v>
      </c>
      <c r="BJ17" s="261">
        <v>112</v>
      </c>
      <c r="BK17" s="261">
        <v>120</v>
      </c>
      <c r="BL17" s="261">
        <v>64</v>
      </c>
      <c r="BM17" s="261">
        <v>31</v>
      </c>
      <c r="BN17" s="261">
        <v>14</v>
      </c>
      <c r="BO17" s="258">
        <v>341</v>
      </c>
      <c r="BP17" s="263">
        <v>341</v>
      </c>
      <c r="BQ17" s="257">
        <v>1</v>
      </c>
      <c r="BR17" s="261">
        <v>5</v>
      </c>
      <c r="BS17" s="258">
        <v>6</v>
      </c>
      <c r="BT17" s="260">
        <v>0</v>
      </c>
      <c r="BU17" s="261">
        <v>30</v>
      </c>
      <c r="BV17" s="261">
        <v>35</v>
      </c>
      <c r="BW17" s="261">
        <v>23</v>
      </c>
      <c r="BX17" s="261">
        <v>17</v>
      </c>
      <c r="BY17" s="261">
        <v>7</v>
      </c>
      <c r="BZ17" s="258">
        <v>112</v>
      </c>
      <c r="CA17" s="263">
        <v>118</v>
      </c>
      <c r="CB17" s="257">
        <v>0</v>
      </c>
      <c r="CC17" s="261">
        <v>1</v>
      </c>
      <c r="CD17" s="258">
        <v>1</v>
      </c>
      <c r="CE17" s="260">
        <v>0</v>
      </c>
      <c r="CF17" s="261">
        <v>10</v>
      </c>
      <c r="CG17" s="261">
        <v>32</v>
      </c>
      <c r="CH17" s="261">
        <v>58</v>
      </c>
      <c r="CI17" s="261">
        <v>32</v>
      </c>
      <c r="CJ17" s="261">
        <v>18</v>
      </c>
      <c r="CK17" s="258">
        <v>150</v>
      </c>
      <c r="CL17" s="263">
        <v>151</v>
      </c>
      <c r="CM17" s="257">
        <v>0</v>
      </c>
      <c r="CN17" s="261">
        <v>0</v>
      </c>
      <c r="CO17" s="258">
        <v>0</v>
      </c>
      <c r="CP17" s="260">
        <v>0</v>
      </c>
      <c r="CQ17" s="261">
        <v>0</v>
      </c>
      <c r="CR17" s="261">
        <v>4</v>
      </c>
      <c r="CS17" s="261">
        <v>4</v>
      </c>
      <c r="CT17" s="261">
        <v>7</v>
      </c>
      <c r="CU17" s="261">
        <v>0</v>
      </c>
      <c r="CV17" s="258">
        <v>15</v>
      </c>
      <c r="CW17" s="263">
        <v>15</v>
      </c>
      <c r="CX17" s="257">
        <v>0</v>
      </c>
      <c r="CY17" s="261">
        <v>0</v>
      </c>
      <c r="CZ17" s="258">
        <v>0</v>
      </c>
      <c r="DA17" s="260">
        <v>0</v>
      </c>
      <c r="DB17" s="261">
        <v>0</v>
      </c>
      <c r="DC17" s="261">
        <v>0</v>
      </c>
      <c r="DD17" s="261">
        <v>0</v>
      </c>
      <c r="DE17" s="261">
        <v>0</v>
      </c>
      <c r="DF17" s="261">
        <v>0</v>
      </c>
      <c r="DG17" s="258">
        <v>0</v>
      </c>
      <c r="DH17" s="263">
        <v>0</v>
      </c>
      <c r="DI17" s="257">
        <v>0</v>
      </c>
      <c r="DJ17" s="261">
        <v>0</v>
      </c>
      <c r="DK17" s="258">
        <v>0</v>
      </c>
      <c r="DL17" s="260">
        <v>0</v>
      </c>
      <c r="DM17" s="261">
        <v>0</v>
      </c>
      <c r="DN17" s="261">
        <v>0</v>
      </c>
      <c r="DO17" s="261">
        <v>0</v>
      </c>
      <c r="DP17" s="261">
        <v>0</v>
      </c>
      <c r="DQ17" s="261">
        <v>0</v>
      </c>
      <c r="DR17" s="258">
        <v>0</v>
      </c>
      <c r="DS17" s="263">
        <v>0</v>
      </c>
      <c r="DT17" s="257">
        <v>74</v>
      </c>
      <c r="DU17" s="261">
        <v>160</v>
      </c>
      <c r="DV17" s="258">
        <v>234</v>
      </c>
      <c r="DW17" s="260">
        <v>0</v>
      </c>
      <c r="DX17" s="261">
        <v>223</v>
      </c>
      <c r="DY17" s="261">
        <v>345</v>
      </c>
      <c r="DZ17" s="261">
        <v>187</v>
      </c>
      <c r="EA17" s="261">
        <v>106</v>
      </c>
      <c r="EB17" s="261">
        <v>82</v>
      </c>
      <c r="EC17" s="258">
        <v>943</v>
      </c>
      <c r="ED17" s="263">
        <v>1177</v>
      </c>
      <c r="EE17" s="257">
        <v>17</v>
      </c>
      <c r="EF17" s="261">
        <v>11</v>
      </c>
      <c r="EG17" s="258">
        <v>28</v>
      </c>
      <c r="EH17" s="260">
        <v>0</v>
      </c>
      <c r="EI17" s="261">
        <v>55</v>
      </c>
      <c r="EJ17" s="261">
        <v>32</v>
      </c>
      <c r="EK17" s="261">
        <v>35</v>
      </c>
      <c r="EL17" s="261">
        <v>32</v>
      </c>
      <c r="EM17" s="261">
        <v>15</v>
      </c>
      <c r="EN17" s="258">
        <v>169</v>
      </c>
      <c r="EO17" s="263">
        <v>197</v>
      </c>
      <c r="EP17" s="257">
        <v>79</v>
      </c>
      <c r="EQ17" s="261">
        <v>166</v>
      </c>
      <c r="ER17" s="258">
        <v>245</v>
      </c>
      <c r="ES17" s="260">
        <v>0</v>
      </c>
      <c r="ET17" s="261">
        <v>416</v>
      </c>
      <c r="EU17" s="261">
        <v>472</v>
      </c>
      <c r="EV17" s="261">
        <v>236</v>
      </c>
      <c r="EW17" s="261">
        <v>134</v>
      </c>
      <c r="EX17" s="261">
        <v>93</v>
      </c>
      <c r="EY17" s="258">
        <v>1351</v>
      </c>
      <c r="EZ17" s="263">
        <v>1596</v>
      </c>
    </row>
    <row r="18" spans="2:156" ht="21" customHeight="1" x14ac:dyDescent="0.2">
      <c r="B18" s="472" t="s">
        <v>16</v>
      </c>
      <c r="C18" s="257">
        <v>0</v>
      </c>
      <c r="D18" s="261">
        <v>0</v>
      </c>
      <c r="E18" s="358">
        <v>0</v>
      </c>
      <c r="F18" s="260">
        <v>0</v>
      </c>
      <c r="G18" s="261">
        <v>208</v>
      </c>
      <c r="H18" s="261">
        <v>320</v>
      </c>
      <c r="I18" s="261">
        <v>167</v>
      </c>
      <c r="J18" s="261">
        <v>140</v>
      </c>
      <c r="K18" s="261">
        <v>88</v>
      </c>
      <c r="L18" s="262">
        <v>923</v>
      </c>
      <c r="M18" s="263">
        <v>923</v>
      </c>
      <c r="N18" s="257">
        <v>0</v>
      </c>
      <c r="O18" s="261">
        <v>0</v>
      </c>
      <c r="P18" s="258">
        <v>0</v>
      </c>
      <c r="Q18" s="260">
        <v>0</v>
      </c>
      <c r="R18" s="261">
        <v>2</v>
      </c>
      <c r="S18" s="261">
        <v>8</v>
      </c>
      <c r="T18" s="261">
        <v>15</v>
      </c>
      <c r="U18" s="261">
        <v>24</v>
      </c>
      <c r="V18" s="261">
        <v>50</v>
      </c>
      <c r="W18" s="258">
        <v>99</v>
      </c>
      <c r="X18" s="263">
        <v>99</v>
      </c>
      <c r="Y18" s="257">
        <v>25</v>
      </c>
      <c r="Z18" s="261">
        <v>59</v>
      </c>
      <c r="AA18" s="258">
        <v>84</v>
      </c>
      <c r="AB18" s="260">
        <v>0</v>
      </c>
      <c r="AC18" s="261">
        <v>168</v>
      </c>
      <c r="AD18" s="261">
        <v>299</v>
      </c>
      <c r="AE18" s="261">
        <v>168</v>
      </c>
      <c r="AF18" s="261">
        <v>156</v>
      </c>
      <c r="AG18" s="261">
        <v>118</v>
      </c>
      <c r="AH18" s="258">
        <v>909</v>
      </c>
      <c r="AI18" s="263">
        <v>993</v>
      </c>
      <c r="AJ18" s="257">
        <v>3</v>
      </c>
      <c r="AK18" s="261">
        <v>8</v>
      </c>
      <c r="AL18" s="258">
        <v>11</v>
      </c>
      <c r="AM18" s="260">
        <v>0</v>
      </c>
      <c r="AN18" s="261">
        <v>9</v>
      </c>
      <c r="AO18" s="261">
        <v>32</v>
      </c>
      <c r="AP18" s="261">
        <v>18</v>
      </c>
      <c r="AQ18" s="261">
        <v>8</v>
      </c>
      <c r="AR18" s="261">
        <v>10</v>
      </c>
      <c r="AS18" s="258">
        <v>77</v>
      </c>
      <c r="AT18" s="263">
        <v>88</v>
      </c>
      <c r="AU18" s="257">
        <v>44</v>
      </c>
      <c r="AV18" s="261">
        <v>45</v>
      </c>
      <c r="AW18" s="258">
        <v>89</v>
      </c>
      <c r="AX18" s="260">
        <v>0</v>
      </c>
      <c r="AY18" s="261">
        <v>203</v>
      </c>
      <c r="AZ18" s="261">
        <v>325</v>
      </c>
      <c r="BA18" s="261">
        <v>287</v>
      </c>
      <c r="BB18" s="261">
        <v>302</v>
      </c>
      <c r="BC18" s="261">
        <v>230</v>
      </c>
      <c r="BD18" s="262">
        <v>1347</v>
      </c>
      <c r="BE18" s="263">
        <v>1436</v>
      </c>
      <c r="BF18" s="257">
        <v>0</v>
      </c>
      <c r="BG18" s="261">
        <v>0</v>
      </c>
      <c r="BH18" s="258">
        <v>0</v>
      </c>
      <c r="BI18" s="260">
        <v>0</v>
      </c>
      <c r="BJ18" s="261">
        <v>328</v>
      </c>
      <c r="BK18" s="261">
        <v>451</v>
      </c>
      <c r="BL18" s="261">
        <v>234</v>
      </c>
      <c r="BM18" s="261">
        <v>150</v>
      </c>
      <c r="BN18" s="261">
        <v>90</v>
      </c>
      <c r="BO18" s="258">
        <v>1253</v>
      </c>
      <c r="BP18" s="263">
        <v>1253</v>
      </c>
      <c r="BQ18" s="257">
        <v>40</v>
      </c>
      <c r="BR18" s="261">
        <v>101</v>
      </c>
      <c r="BS18" s="258">
        <v>141</v>
      </c>
      <c r="BT18" s="260">
        <v>0</v>
      </c>
      <c r="BU18" s="261">
        <v>176</v>
      </c>
      <c r="BV18" s="261">
        <v>269</v>
      </c>
      <c r="BW18" s="261">
        <v>103</v>
      </c>
      <c r="BX18" s="261">
        <v>59</v>
      </c>
      <c r="BY18" s="261">
        <v>14</v>
      </c>
      <c r="BZ18" s="258">
        <v>621</v>
      </c>
      <c r="CA18" s="263">
        <v>762</v>
      </c>
      <c r="CB18" s="257">
        <v>2</v>
      </c>
      <c r="CC18" s="261">
        <v>5</v>
      </c>
      <c r="CD18" s="258">
        <v>7</v>
      </c>
      <c r="CE18" s="260">
        <v>0</v>
      </c>
      <c r="CF18" s="261">
        <v>39</v>
      </c>
      <c r="CG18" s="261">
        <v>103</v>
      </c>
      <c r="CH18" s="261">
        <v>97</v>
      </c>
      <c r="CI18" s="261">
        <v>66</v>
      </c>
      <c r="CJ18" s="261">
        <v>23</v>
      </c>
      <c r="CK18" s="258">
        <v>328</v>
      </c>
      <c r="CL18" s="263">
        <v>335</v>
      </c>
      <c r="CM18" s="257">
        <v>0</v>
      </c>
      <c r="CN18" s="261">
        <v>0</v>
      </c>
      <c r="CO18" s="258">
        <v>0</v>
      </c>
      <c r="CP18" s="260">
        <v>0</v>
      </c>
      <c r="CQ18" s="261">
        <v>2</v>
      </c>
      <c r="CR18" s="261">
        <v>12</v>
      </c>
      <c r="CS18" s="261">
        <v>10</v>
      </c>
      <c r="CT18" s="261">
        <v>10</v>
      </c>
      <c r="CU18" s="261">
        <v>4</v>
      </c>
      <c r="CV18" s="258">
        <v>38</v>
      </c>
      <c r="CW18" s="263">
        <v>38</v>
      </c>
      <c r="CX18" s="257">
        <v>0</v>
      </c>
      <c r="CY18" s="261">
        <v>0</v>
      </c>
      <c r="CZ18" s="258">
        <v>0</v>
      </c>
      <c r="DA18" s="260">
        <v>0</v>
      </c>
      <c r="DB18" s="261">
        <v>0</v>
      </c>
      <c r="DC18" s="261">
        <v>0</v>
      </c>
      <c r="DD18" s="261">
        <v>0</v>
      </c>
      <c r="DE18" s="261">
        <v>0</v>
      </c>
      <c r="DF18" s="261">
        <v>0</v>
      </c>
      <c r="DG18" s="258">
        <v>0</v>
      </c>
      <c r="DH18" s="263">
        <v>0</v>
      </c>
      <c r="DI18" s="257">
        <v>0</v>
      </c>
      <c r="DJ18" s="261">
        <v>0</v>
      </c>
      <c r="DK18" s="258">
        <v>0</v>
      </c>
      <c r="DL18" s="260">
        <v>0</v>
      </c>
      <c r="DM18" s="261">
        <v>0</v>
      </c>
      <c r="DN18" s="261">
        <v>0</v>
      </c>
      <c r="DO18" s="261">
        <v>0</v>
      </c>
      <c r="DP18" s="261">
        <v>0</v>
      </c>
      <c r="DQ18" s="261">
        <v>0</v>
      </c>
      <c r="DR18" s="258">
        <v>0</v>
      </c>
      <c r="DS18" s="263">
        <v>0</v>
      </c>
      <c r="DT18" s="257">
        <v>169</v>
      </c>
      <c r="DU18" s="261">
        <v>377</v>
      </c>
      <c r="DV18" s="258">
        <v>546</v>
      </c>
      <c r="DW18" s="260">
        <v>0</v>
      </c>
      <c r="DX18" s="261">
        <v>406</v>
      </c>
      <c r="DY18" s="261">
        <v>911</v>
      </c>
      <c r="DZ18" s="261">
        <v>474</v>
      </c>
      <c r="EA18" s="261">
        <v>359</v>
      </c>
      <c r="EB18" s="261">
        <v>231</v>
      </c>
      <c r="EC18" s="258">
        <v>2381</v>
      </c>
      <c r="ED18" s="263">
        <v>2927</v>
      </c>
      <c r="EE18" s="257">
        <v>25</v>
      </c>
      <c r="EF18" s="261">
        <v>22</v>
      </c>
      <c r="EG18" s="258">
        <v>47</v>
      </c>
      <c r="EH18" s="260">
        <v>0</v>
      </c>
      <c r="EI18" s="261">
        <v>96</v>
      </c>
      <c r="EJ18" s="261">
        <v>115</v>
      </c>
      <c r="EK18" s="261">
        <v>91</v>
      </c>
      <c r="EL18" s="261">
        <v>123</v>
      </c>
      <c r="EM18" s="261">
        <v>78</v>
      </c>
      <c r="EN18" s="258">
        <v>503</v>
      </c>
      <c r="EO18" s="263">
        <v>550</v>
      </c>
      <c r="EP18" s="257">
        <v>214</v>
      </c>
      <c r="EQ18" s="261">
        <v>458</v>
      </c>
      <c r="ER18" s="258">
        <v>672</v>
      </c>
      <c r="ES18" s="260">
        <v>0</v>
      </c>
      <c r="ET18" s="261">
        <v>859</v>
      </c>
      <c r="EU18" s="261">
        <v>1211</v>
      </c>
      <c r="EV18" s="261">
        <v>570</v>
      </c>
      <c r="EW18" s="261">
        <v>382</v>
      </c>
      <c r="EX18" s="261">
        <v>225</v>
      </c>
      <c r="EY18" s="258">
        <v>3247</v>
      </c>
      <c r="EZ18" s="263">
        <v>3919</v>
      </c>
    </row>
    <row r="19" spans="2:156" ht="21" customHeight="1" x14ac:dyDescent="0.2">
      <c r="B19" s="472" t="s">
        <v>17</v>
      </c>
      <c r="C19" s="257">
        <v>0</v>
      </c>
      <c r="D19" s="261">
        <v>0</v>
      </c>
      <c r="E19" s="358">
        <v>0</v>
      </c>
      <c r="F19" s="260">
        <v>0</v>
      </c>
      <c r="G19" s="261">
        <v>223</v>
      </c>
      <c r="H19" s="261">
        <v>462</v>
      </c>
      <c r="I19" s="261">
        <v>292</v>
      </c>
      <c r="J19" s="261">
        <v>213</v>
      </c>
      <c r="K19" s="261">
        <v>136</v>
      </c>
      <c r="L19" s="262">
        <v>1326</v>
      </c>
      <c r="M19" s="263">
        <v>1326</v>
      </c>
      <c r="N19" s="257">
        <v>0</v>
      </c>
      <c r="O19" s="261">
        <v>0</v>
      </c>
      <c r="P19" s="258">
        <v>0</v>
      </c>
      <c r="Q19" s="260">
        <v>0</v>
      </c>
      <c r="R19" s="261">
        <v>2</v>
      </c>
      <c r="S19" s="261">
        <v>6</v>
      </c>
      <c r="T19" s="261">
        <v>20</v>
      </c>
      <c r="U19" s="261">
        <v>42</v>
      </c>
      <c r="V19" s="261">
        <v>80</v>
      </c>
      <c r="W19" s="258">
        <v>150</v>
      </c>
      <c r="X19" s="263">
        <v>150</v>
      </c>
      <c r="Y19" s="257">
        <v>38</v>
      </c>
      <c r="Z19" s="261">
        <v>92</v>
      </c>
      <c r="AA19" s="258">
        <v>130</v>
      </c>
      <c r="AB19" s="260">
        <v>0</v>
      </c>
      <c r="AC19" s="261">
        <v>198</v>
      </c>
      <c r="AD19" s="261">
        <v>348</v>
      </c>
      <c r="AE19" s="261">
        <v>230</v>
      </c>
      <c r="AF19" s="261">
        <v>185</v>
      </c>
      <c r="AG19" s="261">
        <v>139</v>
      </c>
      <c r="AH19" s="258">
        <v>1100</v>
      </c>
      <c r="AI19" s="263">
        <v>1230</v>
      </c>
      <c r="AJ19" s="257">
        <v>4</v>
      </c>
      <c r="AK19" s="261">
        <v>11</v>
      </c>
      <c r="AL19" s="258">
        <v>15</v>
      </c>
      <c r="AM19" s="260">
        <v>0</v>
      </c>
      <c r="AN19" s="261">
        <v>10</v>
      </c>
      <c r="AO19" s="261">
        <v>35</v>
      </c>
      <c r="AP19" s="261">
        <v>33</v>
      </c>
      <c r="AQ19" s="261">
        <v>16</v>
      </c>
      <c r="AR19" s="261">
        <v>19</v>
      </c>
      <c r="AS19" s="258">
        <v>113</v>
      </c>
      <c r="AT19" s="263">
        <v>128</v>
      </c>
      <c r="AU19" s="257">
        <v>45</v>
      </c>
      <c r="AV19" s="261">
        <v>68</v>
      </c>
      <c r="AW19" s="258">
        <v>113</v>
      </c>
      <c r="AX19" s="260">
        <v>0</v>
      </c>
      <c r="AY19" s="261">
        <v>264</v>
      </c>
      <c r="AZ19" s="261">
        <v>457</v>
      </c>
      <c r="BA19" s="261">
        <v>452</v>
      </c>
      <c r="BB19" s="261">
        <v>427</v>
      </c>
      <c r="BC19" s="261">
        <v>313</v>
      </c>
      <c r="BD19" s="262">
        <v>1913</v>
      </c>
      <c r="BE19" s="263">
        <v>2026</v>
      </c>
      <c r="BF19" s="257">
        <v>0</v>
      </c>
      <c r="BG19" s="261">
        <v>1</v>
      </c>
      <c r="BH19" s="258">
        <v>1</v>
      </c>
      <c r="BI19" s="260">
        <v>0</v>
      </c>
      <c r="BJ19" s="261">
        <v>330</v>
      </c>
      <c r="BK19" s="261">
        <v>520</v>
      </c>
      <c r="BL19" s="261">
        <v>306</v>
      </c>
      <c r="BM19" s="261">
        <v>172</v>
      </c>
      <c r="BN19" s="261">
        <v>93</v>
      </c>
      <c r="BO19" s="258">
        <v>1421</v>
      </c>
      <c r="BP19" s="263">
        <v>1422</v>
      </c>
      <c r="BQ19" s="257">
        <v>37</v>
      </c>
      <c r="BR19" s="261">
        <v>79</v>
      </c>
      <c r="BS19" s="258">
        <v>116</v>
      </c>
      <c r="BT19" s="260">
        <v>0</v>
      </c>
      <c r="BU19" s="261">
        <v>59</v>
      </c>
      <c r="BV19" s="261">
        <v>193</v>
      </c>
      <c r="BW19" s="261">
        <v>113</v>
      </c>
      <c r="BX19" s="261">
        <v>50</v>
      </c>
      <c r="BY19" s="261">
        <v>18</v>
      </c>
      <c r="BZ19" s="258">
        <v>433</v>
      </c>
      <c r="CA19" s="263">
        <v>549</v>
      </c>
      <c r="CB19" s="257">
        <v>1</v>
      </c>
      <c r="CC19" s="261">
        <v>4</v>
      </c>
      <c r="CD19" s="258">
        <v>5</v>
      </c>
      <c r="CE19" s="260">
        <v>0</v>
      </c>
      <c r="CF19" s="261">
        <v>45</v>
      </c>
      <c r="CG19" s="261">
        <v>113</v>
      </c>
      <c r="CH19" s="261">
        <v>101</v>
      </c>
      <c r="CI19" s="261">
        <v>91</v>
      </c>
      <c r="CJ19" s="261">
        <v>45</v>
      </c>
      <c r="CK19" s="258">
        <v>395</v>
      </c>
      <c r="CL19" s="263">
        <v>400</v>
      </c>
      <c r="CM19" s="257">
        <v>0</v>
      </c>
      <c r="CN19" s="261">
        <v>1</v>
      </c>
      <c r="CO19" s="258">
        <v>1</v>
      </c>
      <c r="CP19" s="260">
        <v>0</v>
      </c>
      <c r="CQ19" s="261">
        <v>2</v>
      </c>
      <c r="CR19" s="261">
        <v>18</v>
      </c>
      <c r="CS19" s="261">
        <v>15</v>
      </c>
      <c r="CT19" s="261">
        <v>14</v>
      </c>
      <c r="CU19" s="261">
        <v>5</v>
      </c>
      <c r="CV19" s="258">
        <v>54</v>
      </c>
      <c r="CW19" s="263">
        <v>55</v>
      </c>
      <c r="CX19" s="257">
        <v>0</v>
      </c>
      <c r="CY19" s="261">
        <v>0</v>
      </c>
      <c r="CZ19" s="258">
        <v>0</v>
      </c>
      <c r="DA19" s="260">
        <v>0</v>
      </c>
      <c r="DB19" s="261">
        <v>0</v>
      </c>
      <c r="DC19" s="261">
        <v>0</v>
      </c>
      <c r="DD19" s="261">
        <v>0</v>
      </c>
      <c r="DE19" s="261">
        <v>0</v>
      </c>
      <c r="DF19" s="261">
        <v>0</v>
      </c>
      <c r="DG19" s="258">
        <v>0</v>
      </c>
      <c r="DH19" s="263">
        <v>0</v>
      </c>
      <c r="DI19" s="257">
        <v>0</v>
      </c>
      <c r="DJ19" s="261">
        <v>0</v>
      </c>
      <c r="DK19" s="258">
        <v>0</v>
      </c>
      <c r="DL19" s="260">
        <v>0</v>
      </c>
      <c r="DM19" s="261">
        <v>0</v>
      </c>
      <c r="DN19" s="261">
        <v>0</v>
      </c>
      <c r="DO19" s="261">
        <v>0</v>
      </c>
      <c r="DP19" s="261">
        <v>0</v>
      </c>
      <c r="DQ19" s="261">
        <v>0</v>
      </c>
      <c r="DR19" s="258">
        <v>0</v>
      </c>
      <c r="DS19" s="263">
        <v>0</v>
      </c>
      <c r="DT19" s="257">
        <v>199</v>
      </c>
      <c r="DU19" s="261">
        <v>521</v>
      </c>
      <c r="DV19" s="258">
        <v>720</v>
      </c>
      <c r="DW19" s="260">
        <v>0</v>
      </c>
      <c r="DX19" s="261">
        <v>416</v>
      </c>
      <c r="DY19" s="261">
        <v>1166</v>
      </c>
      <c r="DZ19" s="261">
        <v>730</v>
      </c>
      <c r="EA19" s="261">
        <v>533</v>
      </c>
      <c r="EB19" s="261">
        <v>316</v>
      </c>
      <c r="EC19" s="258">
        <v>3161</v>
      </c>
      <c r="ED19" s="263">
        <v>3881</v>
      </c>
      <c r="EE19" s="257">
        <v>27</v>
      </c>
      <c r="EF19" s="261">
        <v>30</v>
      </c>
      <c r="EG19" s="258">
        <v>57</v>
      </c>
      <c r="EH19" s="260">
        <v>0</v>
      </c>
      <c r="EI19" s="261">
        <v>103</v>
      </c>
      <c r="EJ19" s="261">
        <v>120</v>
      </c>
      <c r="EK19" s="261">
        <v>103</v>
      </c>
      <c r="EL19" s="261">
        <v>103</v>
      </c>
      <c r="EM19" s="261">
        <v>69</v>
      </c>
      <c r="EN19" s="258">
        <v>498</v>
      </c>
      <c r="EO19" s="263">
        <v>555</v>
      </c>
      <c r="EP19" s="257">
        <v>257</v>
      </c>
      <c r="EQ19" s="261">
        <v>598</v>
      </c>
      <c r="ER19" s="258">
        <v>855</v>
      </c>
      <c r="ES19" s="260">
        <v>0</v>
      </c>
      <c r="ET19" s="261">
        <v>961</v>
      </c>
      <c r="EU19" s="261">
        <v>1522</v>
      </c>
      <c r="EV19" s="261">
        <v>840</v>
      </c>
      <c r="EW19" s="261">
        <v>577</v>
      </c>
      <c r="EX19" s="261">
        <v>321</v>
      </c>
      <c r="EY19" s="258">
        <v>4221</v>
      </c>
      <c r="EZ19" s="263">
        <v>5076</v>
      </c>
    </row>
    <row r="20" spans="2:156" ht="21" customHeight="1" x14ac:dyDescent="0.2">
      <c r="B20" s="472" t="s">
        <v>18</v>
      </c>
      <c r="C20" s="257">
        <v>0</v>
      </c>
      <c r="D20" s="261">
        <v>0</v>
      </c>
      <c r="E20" s="358">
        <v>0</v>
      </c>
      <c r="F20" s="260">
        <v>0</v>
      </c>
      <c r="G20" s="261">
        <v>471</v>
      </c>
      <c r="H20" s="261">
        <v>502</v>
      </c>
      <c r="I20" s="261">
        <v>306</v>
      </c>
      <c r="J20" s="261">
        <v>267</v>
      </c>
      <c r="K20" s="261">
        <v>192</v>
      </c>
      <c r="L20" s="262">
        <v>1738</v>
      </c>
      <c r="M20" s="263">
        <v>1738</v>
      </c>
      <c r="N20" s="257">
        <v>0</v>
      </c>
      <c r="O20" s="261">
        <v>0</v>
      </c>
      <c r="P20" s="258">
        <v>0</v>
      </c>
      <c r="Q20" s="260">
        <v>0</v>
      </c>
      <c r="R20" s="261">
        <v>3</v>
      </c>
      <c r="S20" s="261">
        <v>8</v>
      </c>
      <c r="T20" s="261">
        <v>14</v>
      </c>
      <c r="U20" s="261">
        <v>53</v>
      </c>
      <c r="V20" s="261">
        <v>79</v>
      </c>
      <c r="W20" s="258">
        <v>157</v>
      </c>
      <c r="X20" s="263">
        <v>157</v>
      </c>
      <c r="Y20" s="257">
        <v>59</v>
      </c>
      <c r="Z20" s="261">
        <v>114</v>
      </c>
      <c r="AA20" s="258">
        <v>173</v>
      </c>
      <c r="AB20" s="260">
        <v>0</v>
      </c>
      <c r="AC20" s="261">
        <v>356</v>
      </c>
      <c r="AD20" s="261">
        <v>388</v>
      </c>
      <c r="AE20" s="261">
        <v>253</v>
      </c>
      <c r="AF20" s="261">
        <v>217</v>
      </c>
      <c r="AG20" s="261">
        <v>152</v>
      </c>
      <c r="AH20" s="258">
        <v>1366</v>
      </c>
      <c r="AI20" s="263">
        <v>1539</v>
      </c>
      <c r="AJ20" s="257">
        <v>8</v>
      </c>
      <c r="AK20" s="261">
        <v>12</v>
      </c>
      <c r="AL20" s="258">
        <v>20</v>
      </c>
      <c r="AM20" s="260">
        <v>0</v>
      </c>
      <c r="AN20" s="261">
        <v>31</v>
      </c>
      <c r="AO20" s="261">
        <v>47</v>
      </c>
      <c r="AP20" s="261">
        <v>30</v>
      </c>
      <c r="AQ20" s="261">
        <v>24</v>
      </c>
      <c r="AR20" s="261">
        <v>11</v>
      </c>
      <c r="AS20" s="258">
        <v>143</v>
      </c>
      <c r="AT20" s="263">
        <v>163</v>
      </c>
      <c r="AU20" s="257">
        <v>55</v>
      </c>
      <c r="AV20" s="261">
        <v>72</v>
      </c>
      <c r="AW20" s="258">
        <v>127</v>
      </c>
      <c r="AX20" s="260">
        <v>0</v>
      </c>
      <c r="AY20" s="261">
        <v>484</v>
      </c>
      <c r="AZ20" s="261">
        <v>592</v>
      </c>
      <c r="BA20" s="261">
        <v>542</v>
      </c>
      <c r="BB20" s="261">
        <v>523</v>
      </c>
      <c r="BC20" s="261">
        <v>376</v>
      </c>
      <c r="BD20" s="262">
        <v>2517</v>
      </c>
      <c r="BE20" s="263">
        <v>2644</v>
      </c>
      <c r="BF20" s="257">
        <v>0</v>
      </c>
      <c r="BG20" s="261">
        <v>0</v>
      </c>
      <c r="BH20" s="258">
        <v>0</v>
      </c>
      <c r="BI20" s="260">
        <v>0</v>
      </c>
      <c r="BJ20" s="261">
        <v>682</v>
      </c>
      <c r="BK20" s="261">
        <v>640</v>
      </c>
      <c r="BL20" s="261">
        <v>362</v>
      </c>
      <c r="BM20" s="261">
        <v>202</v>
      </c>
      <c r="BN20" s="261">
        <v>85</v>
      </c>
      <c r="BO20" s="258">
        <v>1971</v>
      </c>
      <c r="BP20" s="263">
        <v>1971</v>
      </c>
      <c r="BQ20" s="257">
        <v>71</v>
      </c>
      <c r="BR20" s="261">
        <v>108</v>
      </c>
      <c r="BS20" s="258">
        <v>179</v>
      </c>
      <c r="BT20" s="260">
        <v>0</v>
      </c>
      <c r="BU20" s="261">
        <v>191</v>
      </c>
      <c r="BV20" s="261">
        <v>221</v>
      </c>
      <c r="BW20" s="261">
        <v>116</v>
      </c>
      <c r="BX20" s="261">
        <v>65</v>
      </c>
      <c r="BY20" s="261">
        <v>21</v>
      </c>
      <c r="BZ20" s="258">
        <v>614</v>
      </c>
      <c r="CA20" s="263">
        <v>793</v>
      </c>
      <c r="CB20" s="257">
        <v>2</v>
      </c>
      <c r="CC20" s="261">
        <v>6</v>
      </c>
      <c r="CD20" s="258">
        <v>8</v>
      </c>
      <c r="CE20" s="260">
        <v>0</v>
      </c>
      <c r="CF20" s="261">
        <v>60</v>
      </c>
      <c r="CG20" s="261">
        <v>95</v>
      </c>
      <c r="CH20" s="261">
        <v>135</v>
      </c>
      <c r="CI20" s="261">
        <v>110</v>
      </c>
      <c r="CJ20" s="261">
        <v>60</v>
      </c>
      <c r="CK20" s="258">
        <v>460</v>
      </c>
      <c r="CL20" s="263">
        <v>468</v>
      </c>
      <c r="CM20" s="257">
        <v>0</v>
      </c>
      <c r="CN20" s="261">
        <v>0</v>
      </c>
      <c r="CO20" s="258">
        <v>0</v>
      </c>
      <c r="CP20" s="260">
        <v>0</v>
      </c>
      <c r="CQ20" s="261">
        <v>2</v>
      </c>
      <c r="CR20" s="261">
        <v>4</v>
      </c>
      <c r="CS20" s="261">
        <v>3</v>
      </c>
      <c r="CT20" s="261">
        <v>3</v>
      </c>
      <c r="CU20" s="261">
        <v>2</v>
      </c>
      <c r="CV20" s="258">
        <v>14</v>
      </c>
      <c r="CW20" s="263">
        <v>14</v>
      </c>
      <c r="CX20" s="257">
        <v>0</v>
      </c>
      <c r="CY20" s="261">
        <v>0</v>
      </c>
      <c r="CZ20" s="258">
        <v>0</v>
      </c>
      <c r="DA20" s="260">
        <v>0</v>
      </c>
      <c r="DB20" s="261">
        <v>0</v>
      </c>
      <c r="DC20" s="261">
        <v>0</v>
      </c>
      <c r="DD20" s="261">
        <v>0</v>
      </c>
      <c r="DE20" s="261">
        <v>0</v>
      </c>
      <c r="DF20" s="261">
        <v>0</v>
      </c>
      <c r="DG20" s="258">
        <v>0</v>
      </c>
      <c r="DH20" s="263">
        <v>0</v>
      </c>
      <c r="DI20" s="257">
        <v>0</v>
      </c>
      <c r="DJ20" s="261">
        <v>0</v>
      </c>
      <c r="DK20" s="258">
        <v>0</v>
      </c>
      <c r="DL20" s="260">
        <v>0</v>
      </c>
      <c r="DM20" s="261">
        <v>0</v>
      </c>
      <c r="DN20" s="261">
        <v>0</v>
      </c>
      <c r="DO20" s="261">
        <v>0</v>
      </c>
      <c r="DP20" s="261">
        <v>0</v>
      </c>
      <c r="DQ20" s="261">
        <v>0</v>
      </c>
      <c r="DR20" s="258">
        <v>0</v>
      </c>
      <c r="DS20" s="263">
        <v>0</v>
      </c>
      <c r="DT20" s="257">
        <v>233</v>
      </c>
      <c r="DU20" s="261">
        <v>518</v>
      </c>
      <c r="DV20" s="258">
        <v>751</v>
      </c>
      <c r="DW20" s="260">
        <v>0</v>
      </c>
      <c r="DX20" s="261">
        <v>809</v>
      </c>
      <c r="DY20" s="261">
        <v>1132</v>
      </c>
      <c r="DZ20" s="261">
        <v>703</v>
      </c>
      <c r="EA20" s="261">
        <v>556</v>
      </c>
      <c r="EB20" s="261">
        <v>329</v>
      </c>
      <c r="EC20" s="258">
        <v>3529</v>
      </c>
      <c r="ED20" s="263">
        <v>4280</v>
      </c>
      <c r="EE20" s="257">
        <v>32</v>
      </c>
      <c r="EF20" s="261">
        <v>10</v>
      </c>
      <c r="EG20" s="258">
        <v>42</v>
      </c>
      <c r="EH20" s="260">
        <v>0</v>
      </c>
      <c r="EI20" s="261">
        <v>128</v>
      </c>
      <c r="EJ20" s="261">
        <v>126</v>
      </c>
      <c r="EK20" s="261">
        <v>104</v>
      </c>
      <c r="EL20" s="261">
        <v>116</v>
      </c>
      <c r="EM20" s="261">
        <v>64</v>
      </c>
      <c r="EN20" s="258">
        <v>538</v>
      </c>
      <c r="EO20" s="263">
        <v>580</v>
      </c>
      <c r="EP20" s="257">
        <v>336</v>
      </c>
      <c r="EQ20" s="261">
        <v>646</v>
      </c>
      <c r="ER20" s="258">
        <v>982</v>
      </c>
      <c r="ES20" s="260">
        <v>0</v>
      </c>
      <c r="ET20" s="261">
        <v>1653</v>
      </c>
      <c r="EU20" s="261">
        <v>1518</v>
      </c>
      <c r="EV20" s="261">
        <v>846</v>
      </c>
      <c r="EW20" s="261">
        <v>604</v>
      </c>
      <c r="EX20" s="261">
        <v>320</v>
      </c>
      <c r="EY20" s="258">
        <v>4941</v>
      </c>
      <c r="EZ20" s="263">
        <v>5923</v>
      </c>
    </row>
    <row r="21" spans="2:156" ht="21" customHeight="1" x14ac:dyDescent="0.2">
      <c r="B21" s="472" t="s">
        <v>19</v>
      </c>
      <c r="C21" s="257">
        <v>0</v>
      </c>
      <c r="D21" s="261">
        <v>0</v>
      </c>
      <c r="E21" s="358">
        <v>0</v>
      </c>
      <c r="F21" s="260">
        <v>0</v>
      </c>
      <c r="G21" s="261">
        <v>189</v>
      </c>
      <c r="H21" s="261">
        <v>160</v>
      </c>
      <c r="I21" s="261">
        <v>105</v>
      </c>
      <c r="J21" s="261">
        <v>83</v>
      </c>
      <c r="K21" s="261">
        <v>65</v>
      </c>
      <c r="L21" s="262">
        <v>602</v>
      </c>
      <c r="M21" s="263">
        <v>602</v>
      </c>
      <c r="N21" s="257">
        <v>0</v>
      </c>
      <c r="O21" s="261">
        <v>0</v>
      </c>
      <c r="P21" s="258">
        <v>0</v>
      </c>
      <c r="Q21" s="260">
        <v>0</v>
      </c>
      <c r="R21" s="261">
        <v>6</v>
      </c>
      <c r="S21" s="261">
        <v>7</v>
      </c>
      <c r="T21" s="261">
        <v>13</v>
      </c>
      <c r="U21" s="261">
        <v>20</v>
      </c>
      <c r="V21" s="261">
        <v>26</v>
      </c>
      <c r="W21" s="258">
        <v>72</v>
      </c>
      <c r="X21" s="263">
        <v>72</v>
      </c>
      <c r="Y21" s="257">
        <v>40</v>
      </c>
      <c r="Z21" s="261">
        <v>48</v>
      </c>
      <c r="AA21" s="258">
        <v>88</v>
      </c>
      <c r="AB21" s="260">
        <v>0</v>
      </c>
      <c r="AC21" s="261">
        <v>174</v>
      </c>
      <c r="AD21" s="261">
        <v>149</v>
      </c>
      <c r="AE21" s="261">
        <v>110</v>
      </c>
      <c r="AF21" s="261">
        <v>84</v>
      </c>
      <c r="AG21" s="261">
        <v>74</v>
      </c>
      <c r="AH21" s="258">
        <v>591</v>
      </c>
      <c r="AI21" s="263">
        <v>679</v>
      </c>
      <c r="AJ21" s="257">
        <v>2</v>
      </c>
      <c r="AK21" s="261">
        <v>7</v>
      </c>
      <c r="AL21" s="258">
        <v>9</v>
      </c>
      <c r="AM21" s="260">
        <v>0</v>
      </c>
      <c r="AN21" s="261">
        <v>20</v>
      </c>
      <c r="AO21" s="261">
        <v>13</v>
      </c>
      <c r="AP21" s="261">
        <v>7</v>
      </c>
      <c r="AQ21" s="261">
        <v>10</v>
      </c>
      <c r="AR21" s="261">
        <v>3</v>
      </c>
      <c r="AS21" s="258">
        <v>53</v>
      </c>
      <c r="AT21" s="263">
        <v>62</v>
      </c>
      <c r="AU21" s="257">
        <v>41</v>
      </c>
      <c r="AV21" s="261">
        <v>28</v>
      </c>
      <c r="AW21" s="258">
        <v>69</v>
      </c>
      <c r="AX21" s="260">
        <v>0</v>
      </c>
      <c r="AY21" s="261">
        <v>190</v>
      </c>
      <c r="AZ21" s="261">
        <v>220</v>
      </c>
      <c r="BA21" s="261">
        <v>192</v>
      </c>
      <c r="BB21" s="261">
        <v>185</v>
      </c>
      <c r="BC21" s="261">
        <v>161</v>
      </c>
      <c r="BD21" s="262">
        <v>948</v>
      </c>
      <c r="BE21" s="263">
        <v>1017</v>
      </c>
      <c r="BF21" s="257">
        <v>0</v>
      </c>
      <c r="BG21" s="261">
        <v>0</v>
      </c>
      <c r="BH21" s="258">
        <v>0</v>
      </c>
      <c r="BI21" s="260">
        <v>0</v>
      </c>
      <c r="BJ21" s="261">
        <v>274</v>
      </c>
      <c r="BK21" s="261">
        <v>250</v>
      </c>
      <c r="BL21" s="261">
        <v>129</v>
      </c>
      <c r="BM21" s="261">
        <v>62</v>
      </c>
      <c r="BN21" s="261">
        <v>37</v>
      </c>
      <c r="BO21" s="258">
        <v>752</v>
      </c>
      <c r="BP21" s="263">
        <v>752</v>
      </c>
      <c r="BQ21" s="257">
        <v>34</v>
      </c>
      <c r="BR21" s="261">
        <v>65</v>
      </c>
      <c r="BS21" s="258">
        <v>99</v>
      </c>
      <c r="BT21" s="260">
        <v>0</v>
      </c>
      <c r="BU21" s="261">
        <v>123</v>
      </c>
      <c r="BV21" s="261">
        <v>110</v>
      </c>
      <c r="BW21" s="261">
        <v>66</v>
      </c>
      <c r="BX21" s="261">
        <v>24</v>
      </c>
      <c r="BY21" s="261">
        <v>11</v>
      </c>
      <c r="BZ21" s="258">
        <v>334</v>
      </c>
      <c r="CA21" s="263">
        <v>433</v>
      </c>
      <c r="CB21" s="257">
        <v>1</v>
      </c>
      <c r="CC21" s="261">
        <v>2</v>
      </c>
      <c r="CD21" s="258">
        <v>3</v>
      </c>
      <c r="CE21" s="260">
        <v>0</v>
      </c>
      <c r="CF21" s="261">
        <v>24</v>
      </c>
      <c r="CG21" s="261">
        <v>55</v>
      </c>
      <c r="CH21" s="261">
        <v>53</v>
      </c>
      <c r="CI21" s="261">
        <v>26</v>
      </c>
      <c r="CJ21" s="261">
        <v>13</v>
      </c>
      <c r="CK21" s="258">
        <v>171</v>
      </c>
      <c r="CL21" s="263">
        <v>174</v>
      </c>
      <c r="CM21" s="257">
        <v>0</v>
      </c>
      <c r="CN21" s="261">
        <v>0</v>
      </c>
      <c r="CO21" s="258">
        <v>0</v>
      </c>
      <c r="CP21" s="260">
        <v>0</v>
      </c>
      <c r="CQ21" s="261">
        <v>6</v>
      </c>
      <c r="CR21" s="261">
        <v>9</v>
      </c>
      <c r="CS21" s="261">
        <v>9</v>
      </c>
      <c r="CT21" s="261">
        <v>16</v>
      </c>
      <c r="CU21" s="261">
        <v>5</v>
      </c>
      <c r="CV21" s="258">
        <v>45</v>
      </c>
      <c r="CW21" s="263">
        <v>45</v>
      </c>
      <c r="CX21" s="257">
        <v>0</v>
      </c>
      <c r="CY21" s="261">
        <v>0</v>
      </c>
      <c r="CZ21" s="258">
        <v>0</v>
      </c>
      <c r="DA21" s="260">
        <v>0</v>
      </c>
      <c r="DB21" s="261">
        <v>0</v>
      </c>
      <c r="DC21" s="261">
        <v>0</v>
      </c>
      <c r="DD21" s="261">
        <v>0</v>
      </c>
      <c r="DE21" s="261">
        <v>0</v>
      </c>
      <c r="DF21" s="261">
        <v>0</v>
      </c>
      <c r="DG21" s="258">
        <v>0</v>
      </c>
      <c r="DH21" s="263">
        <v>0</v>
      </c>
      <c r="DI21" s="257">
        <v>0</v>
      </c>
      <c r="DJ21" s="261">
        <v>0</v>
      </c>
      <c r="DK21" s="258">
        <v>0</v>
      </c>
      <c r="DL21" s="260">
        <v>0</v>
      </c>
      <c r="DM21" s="261">
        <v>0</v>
      </c>
      <c r="DN21" s="261">
        <v>0</v>
      </c>
      <c r="DO21" s="261">
        <v>0</v>
      </c>
      <c r="DP21" s="261">
        <v>0</v>
      </c>
      <c r="DQ21" s="261">
        <v>0</v>
      </c>
      <c r="DR21" s="258">
        <v>0</v>
      </c>
      <c r="DS21" s="263">
        <v>0</v>
      </c>
      <c r="DT21" s="257">
        <v>145</v>
      </c>
      <c r="DU21" s="261">
        <v>236</v>
      </c>
      <c r="DV21" s="258">
        <v>381</v>
      </c>
      <c r="DW21" s="260">
        <v>0</v>
      </c>
      <c r="DX21" s="261">
        <v>421</v>
      </c>
      <c r="DY21" s="261">
        <v>455</v>
      </c>
      <c r="DZ21" s="261">
        <v>267</v>
      </c>
      <c r="EA21" s="261">
        <v>189</v>
      </c>
      <c r="EB21" s="261">
        <v>133</v>
      </c>
      <c r="EC21" s="258">
        <v>1465</v>
      </c>
      <c r="ED21" s="263">
        <v>1846</v>
      </c>
      <c r="EE21" s="257">
        <v>16</v>
      </c>
      <c r="EF21" s="261">
        <v>16</v>
      </c>
      <c r="EG21" s="258">
        <v>32</v>
      </c>
      <c r="EH21" s="260">
        <v>0</v>
      </c>
      <c r="EI21" s="261">
        <v>66</v>
      </c>
      <c r="EJ21" s="261">
        <v>59</v>
      </c>
      <c r="EK21" s="261">
        <v>59</v>
      </c>
      <c r="EL21" s="261">
        <v>44</v>
      </c>
      <c r="EM21" s="261">
        <v>34</v>
      </c>
      <c r="EN21" s="258">
        <v>262</v>
      </c>
      <c r="EO21" s="263">
        <v>294</v>
      </c>
      <c r="EP21" s="257">
        <v>203</v>
      </c>
      <c r="EQ21" s="261">
        <v>291</v>
      </c>
      <c r="ER21" s="258">
        <v>494</v>
      </c>
      <c r="ES21" s="260">
        <v>0</v>
      </c>
      <c r="ET21" s="261">
        <v>747</v>
      </c>
      <c r="EU21" s="261">
        <v>603</v>
      </c>
      <c r="EV21" s="261">
        <v>312</v>
      </c>
      <c r="EW21" s="261">
        <v>186</v>
      </c>
      <c r="EX21" s="261">
        <v>124</v>
      </c>
      <c r="EY21" s="258">
        <v>1972</v>
      </c>
      <c r="EZ21" s="263">
        <v>2466</v>
      </c>
    </row>
    <row r="22" spans="2:156" ht="21" customHeight="1" x14ac:dyDescent="0.2">
      <c r="B22" s="472" t="s">
        <v>20</v>
      </c>
      <c r="C22" s="257">
        <v>0</v>
      </c>
      <c r="D22" s="261">
        <v>0</v>
      </c>
      <c r="E22" s="358">
        <v>0</v>
      </c>
      <c r="F22" s="260">
        <v>0</v>
      </c>
      <c r="G22" s="261">
        <v>261</v>
      </c>
      <c r="H22" s="261">
        <v>184</v>
      </c>
      <c r="I22" s="261">
        <v>132</v>
      </c>
      <c r="J22" s="261">
        <v>100</v>
      </c>
      <c r="K22" s="261">
        <v>69</v>
      </c>
      <c r="L22" s="262">
        <v>746</v>
      </c>
      <c r="M22" s="263">
        <v>746</v>
      </c>
      <c r="N22" s="257">
        <v>0</v>
      </c>
      <c r="O22" s="261">
        <v>0</v>
      </c>
      <c r="P22" s="258">
        <v>0</v>
      </c>
      <c r="Q22" s="260">
        <v>0</v>
      </c>
      <c r="R22" s="261">
        <v>4</v>
      </c>
      <c r="S22" s="261">
        <v>7</v>
      </c>
      <c r="T22" s="261">
        <v>12</v>
      </c>
      <c r="U22" s="261">
        <v>21</v>
      </c>
      <c r="V22" s="261">
        <v>39</v>
      </c>
      <c r="W22" s="258">
        <v>83</v>
      </c>
      <c r="X22" s="263">
        <v>83</v>
      </c>
      <c r="Y22" s="257">
        <v>42</v>
      </c>
      <c r="Z22" s="261">
        <v>96</v>
      </c>
      <c r="AA22" s="258">
        <v>138</v>
      </c>
      <c r="AB22" s="260">
        <v>0</v>
      </c>
      <c r="AC22" s="261">
        <v>243</v>
      </c>
      <c r="AD22" s="261">
        <v>183</v>
      </c>
      <c r="AE22" s="261">
        <v>116</v>
      </c>
      <c r="AF22" s="261">
        <v>90</v>
      </c>
      <c r="AG22" s="261">
        <v>50</v>
      </c>
      <c r="AH22" s="258">
        <v>682</v>
      </c>
      <c r="AI22" s="263">
        <v>820</v>
      </c>
      <c r="AJ22" s="257">
        <v>14</v>
      </c>
      <c r="AK22" s="261">
        <v>42</v>
      </c>
      <c r="AL22" s="258">
        <v>56</v>
      </c>
      <c r="AM22" s="260">
        <v>0</v>
      </c>
      <c r="AN22" s="261">
        <v>47</v>
      </c>
      <c r="AO22" s="261">
        <v>56</v>
      </c>
      <c r="AP22" s="261">
        <v>41</v>
      </c>
      <c r="AQ22" s="261">
        <v>26</v>
      </c>
      <c r="AR22" s="261">
        <v>16</v>
      </c>
      <c r="AS22" s="258">
        <v>186</v>
      </c>
      <c r="AT22" s="263">
        <v>242</v>
      </c>
      <c r="AU22" s="257">
        <v>27</v>
      </c>
      <c r="AV22" s="261">
        <v>36</v>
      </c>
      <c r="AW22" s="258">
        <v>63</v>
      </c>
      <c r="AX22" s="260">
        <v>0</v>
      </c>
      <c r="AY22" s="261">
        <v>239</v>
      </c>
      <c r="AZ22" s="261">
        <v>225</v>
      </c>
      <c r="BA22" s="261">
        <v>278</v>
      </c>
      <c r="BB22" s="261">
        <v>215</v>
      </c>
      <c r="BC22" s="261">
        <v>155</v>
      </c>
      <c r="BD22" s="262">
        <v>1112</v>
      </c>
      <c r="BE22" s="263">
        <v>1175</v>
      </c>
      <c r="BF22" s="257">
        <v>0</v>
      </c>
      <c r="BG22" s="261">
        <v>0</v>
      </c>
      <c r="BH22" s="258">
        <v>0</v>
      </c>
      <c r="BI22" s="260">
        <v>0</v>
      </c>
      <c r="BJ22" s="261">
        <v>337</v>
      </c>
      <c r="BK22" s="261">
        <v>252</v>
      </c>
      <c r="BL22" s="261">
        <v>149</v>
      </c>
      <c r="BM22" s="261">
        <v>71</v>
      </c>
      <c r="BN22" s="261">
        <v>34</v>
      </c>
      <c r="BO22" s="258">
        <v>843</v>
      </c>
      <c r="BP22" s="263">
        <v>843</v>
      </c>
      <c r="BQ22" s="257">
        <v>19</v>
      </c>
      <c r="BR22" s="261">
        <v>33</v>
      </c>
      <c r="BS22" s="258">
        <v>52</v>
      </c>
      <c r="BT22" s="260">
        <v>0</v>
      </c>
      <c r="BU22" s="261">
        <v>125</v>
      </c>
      <c r="BV22" s="261">
        <v>95</v>
      </c>
      <c r="BW22" s="261">
        <v>45</v>
      </c>
      <c r="BX22" s="261">
        <v>36</v>
      </c>
      <c r="BY22" s="261">
        <v>13</v>
      </c>
      <c r="BZ22" s="258">
        <v>314</v>
      </c>
      <c r="CA22" s="263">
        <v>366</v>
      </c>
      <c r="CB22" s="257">
        <v>2</v>
      </c>
      <c r="CC22" s="261">
        <v>5</v>
      </c>
      <c r="CD22" s="258">
        <v>7</v>
      </c>
      <c r="CE22" s="260">
        <v>0</v>
      </c>
      <c r="CF22" s="261">
        <v>44</v>
      </c>
      <c r="CG22" s="261">
        <v>39</v>
      </c>
      <c r="CH22" s="261">
        <v>65</v>
      </c>
      <c r="CI22" s="261">
        <v>59</v>
      </c>
      <c r="CJ22" s="261">
        <v>29</v>
      </c>
      <c r="CK22" s="258">
        <v>236</v>
      </c>
      <c r="CL22" s="263">
        <v>243</v>
      </c>
      <c r="CM22" s="257">
        <v>0</v>
      </c>
      <c r="CN22" s="261">
        <v>0</v>
      </c>
      <c r="CO22" s="258">
        <v>0</v>
      </c>
      <c r="CP22" s="260">
        <v>0</v>
      </c>
      <c r="CQ22" s="261">
        <v>4</v>
      </c>
      <c r="CR22" s="261">
        <v>6</v>
      </c>
      <c r="CS22" s="261">
        <v>8</v>
      </c>
      <c r="CT22" s="261">
        <v>8</v>
      </c>
      <c r="CU22" s="261">
        <v>3</v>
      </c>
      <c r="CV22" s="258">
        <v>29</v>
      </c>
      <c r="CW22" s="263">
        <v>29</v>
      </c>
      <c r="CX22" s="257">
        <v>0</v>
      </c>
      <c r="CY22" s="261">
        <v>0</v>
      </c>
      <c r="CZ22" s="258">
        <v>0</v>
      </c>
      <c r="DA22" s="260">
        <v>0</v>
      </c>
      <c r="DB22" s="261">
        <v>0</v>
      </c>
      <c r="DC22" s="261">
        <v>0</v>
      </c>
      <c r="DD22" s="261">
        <v>0</v>
      </c>
      <c r="DE22" s="261">
        <v>0</v>
      </c>
      <c r="DF22" s="261">
        <v>0</v>
      </c>
      <c r="DG22" s="258">
        <v>0</v>
      </c>
      <c r="DH22" s="263">
        <v>0</v>
      </c>
      <c r="DI22" s="257">
        <v>0</v>
      </c>
      <c r="DJ22" s="261">
        <v>0</v>
      </c>
      <c r="DK22" s="258">
        <v>0</v>
      </c>
      <c r="DL22" s="260">
        <v>0</v>
      </c>
      <c r="DM22" s="261">
        <v>0</v>
      </c>
      <c r="DN22" s="261">
        <v>0</v>
      </c>
      <c r="DO22" s="261">
        <v>0</v>
      </c>
      <c r="DP22" s="261">
        <v>0</v>
      </c>
      <c r="DQ22" s="261">
        <v>0</v>
      </c>
      <c r="DR22" s="258">
        <v>0</v>
      </c>
      <c r="DS22" s="263">
        <v>0</v>
      </c>
      <c r="DT22" s="257">
        <v>148</v>
      </c>
      <c r="DU22" s="261">
        <v>336</v>
      </c>
      <c r="DV22" s="258">
        <v>484</v>
      </c>
      <c r="DW22" s="260">
        <v>0</v>
      </c>
      <c r="DX22" s="261">
        <v>512</v>
      </c>
      <c r="DY22" s="261">
        <v>469</v>
      </c>
      <c r="DZ22" s="261">
        <v>318</v>
      </c>
      <c r="EA22" s="261">
        <v>240</v>
      </c>
      <c r="EB22" s="261">
        <v>127</v>
      </c>
      <c r="EC22" s="258">
        <v>1666</v>
      </c>
      <c r="ED22" s="263">
        <v>2150</v>
      </c>
      <c r="EE22" s="257">
        <v>13</v>
      </c>
      <c r="EF22" s="261">
        <v>13</v>
      </c>
      <c r="EG22" s="258">
        <v>26</v>
      </c>
      <c r="EH22" s="260">
        <v>0</v>
      </c>
      <c r="EI22" s="261">
        <v>75</v>
      </c>
      <c r="EJ22" s="261">
        <v>53</v>
      </c>
      <c r="EK22" s="261">
        <v>65</v>
      </c>
      <c r="EL22" s="261">
        <v>55</v>
      </c>
      <c r="EM22" s="261">
        <v>34</v>
      </c>
      <c r="EN22" s="258">
        <v>282</v>
      </c>
      <c r="EO22" s="263">
        <v>308</v>
      </c>
      <c r="EP22" s="257">
        <v>210</v>
      </c>
      <c r="EQ22" s="261">
        <v>432</v>
      </c>
      <c r="ER22" s="258">
        <v>642</v>
      </c>
      <c r="ES22" s="260">
        <v>0</v>
      </c>
      <c r="ET22" s="261">
        <v>974</v>
      </c>
      <c r="EU22" s="261">
        <v>638</v>
      </c>
      <c r="EV22" s="261">
        <v>385</v>
      </c>
      <c r="EW22" s="261">
        <v>263</v>
      </c>
      <c r="EX22" s="261">
        <v>135</v>
      </c>
      <c r="EY22" s="258">
        <v>2395</v>
      </c>
      <c r="EZ22" s="263">
        <v>3037</v>
      </c>
    </row>
    <row r="23" spans="2:156" ht="21" customHeight="1" x14ac:dyDescent="0.2">
      <c r="B23" s="472" t="s">
        <v>21</v>
      </c>
      <c r="C23" s="257">
        <v>0</v>
      </c>
      <c r="D23" s="261">
        <v>0</v>
      </c>
      <c r="E23" s="358">
        <v>0</v>
      </c>
      <c r="F23" s="260">
        <v>0</v>
      </c>
      <c r="G23" s="261">
        <v>256</v>
      </c>
      <c r="H23" s="261">
        <v>374</v>
      </c>
      <c r="I23" s="261">
        <v>196</v>
      </c>
      <c r="J23" s="261">
        <v>136</v>
      </c>
      <c r="K23" s="261">
        <v>93</v>
      </c>
      <c r="L23" s="262">
        <v>1055</v>
      </c>
      <c r="M23" s="263">
        <v>1055</v>
      </c>
      <c r="N23" s="257">
        <v>0</v>
      </c>
      <c r="O23" s="261">
        <v>0</v>
      </c>
      <c r="P23" s="258">
        <v>0</v>
      </c>
      <c r="Q23" s="260">
        <v>0</v>
      </c>
      <c r="R23" s="261">
        <v>0</v>
      </c>
      <c r="S23" s="261">
        <v>4</v>
      </c>
      <c r="T23" s="261">
        <v>12</v>
      </c>
      <c r="U23" s="261">
        <v>25</v>
      </c>
      <c r="V23" s="261">
        <v>42</v>
      </c>
      <c r="W23" s="258">
        <v>83</v>
      </c>
      <c r="X23" s="263">
        <v>83</v>
      </c>
      <c r="Y23" s="257">
        <v>56</v>
      </c>
      <c r="Z23" s="261">
        <v>105</v>
      </c>
      <c r="AA23" s="258">
        <v>161</v>
      </c>
      <c r="AB23" s="260">
        <v>0</v>
      </c>
      <c r="AC23" s="261">
        <v>209</v>
      </c>
      <c r="AD23" s="261">
        <v>294</v>
      </c>
      <c r="AE23" s="261">
        <v>162</v>
      </c>
      <c r="AF23" s="261">
        <v>139</v>
      </c>
      <c r="AG23" s="261">
        <v>81</v>
      </c>
      <c r="AH23" s="258">
        <v>885</v>
      </c>
      <c r="AI23" s="263">
        <v>1046</v>
      </c>
      <c r="AJ23" s="257">
        <v>19</v>
      </c>
      <c r="AK23" s="261">
        <v>27</v>
      </c>
      <c r="AL23" s="258">
        <v>46</v>
      </c>
      <c r="AM23" s="260">
        <v>0</v>
      </c>
      <c r="AN23" s="261">
        <v>22</v>
      </c>
      <c r="AO23" s="261">
        <v>38</v>
      </c>
      <c r="AP23" s="261">
        <v>23</v>
      </c>
      <c r="AQ23" s="261">
        <v>10</v>
      </c>
      <c r="AR23" s="261">
        <v>6</v>
      </c>
      <c r="AS23" s="258">
        <v>99</v>
      </c>
      <c r="AT23" s="263">
        <v>145</v>
      </c>
      <c r="AU23" s="257">
        <v>47</v>
      </c>
      <c r="AV23" s="261">
        <v>47</v>
      </c>
      <c r="AW23" s="258">
        <v>94</v>
      </c>
      <c r="AX23" s="260">
        <v>0</v>
      </c>
      <c r="AY23" s="261">
        <v>250</v>
      </c>
      <c r="AZ23" s="261">
        <v>348</v>
      </c>
      <c r="BA23" s="261">
        <v>292</v>
      </c>
      <c r="BB23" s="261">
        <v>245</v>
      </c>
      <c r="BC23" s="261">
        <v>207</v>
      </c>
      <c r="BD23" s="262">
        <v>1342</v>
      </c>
      <c r="BE23" s="263">
        <v>1436</v>
      </c>
      <c r="BF23" s="257">
        <v>0</v>
      </c>
      <c r="BG23" s="261">
        <v>0</v>
      </c>
      <c r="BH23" s="258">
        <v>0</v>
      </c>
      <c r="BI23" s="260">
        <v>0</v>
      </c>
      <c r="BJ23" s="261">
        <v>337</v>
      </c>
      <c r="BK23" s="261">
        <v>362</v>
      </c>
      <c r="BL23" s="261">
        <v>220</v>
      </c>
      <c r="BM23" s="261">
        <v>109</v>
      </c>
      <c r="BN23" s="261">
        <v>37</v>
      </c>
      <c r="BO23" s="258">
        <v>1065</v>
      </c>
      <c r="BP23" s="263">
        <v>1065</v>
      </c>
      <c r="BQ23" s="257">
        <v>28</v>
      </c>
      <c r="BR23" s="261">
        <v>36</v>
      </c>
      <c r="BS23" s="258">
        <v>64</v>
      </c>
      <c r="BT23" s="260">
        <v>0</v>
      </c>
      <c r="BU23" s="261">
        <v>58</v>
      </c>
      <c r="BV23" s="261">
        <v>74</v>
      </c>
      <c r="BW23" s="261">
        <v>42</v>
      </c>
      <c r="BX23" s="261">
        <v>19</v>
      </c>
      <c r="BY23" s="261">
        <v>9</v>
      </c>
      <c r="BZ23" s="258">
        <v>202</v>
      </c>
      <c r="CA23" s="263">
        <v>266</v>
      </c>
      <c r="CB23" s="257">
        <v>1</v>
      </c>
      <c r="CC23" s="261">
        <v>2</v>
      </c>
      <c r="CD23" s="258">
        <v>3</v>
      </c>
      <c r="CE23" s="260">
        <v>0</v>
      </c>
      <c r="CF23" s="261">
        <v>32</v>
      </c>
      <c r="CG23" s="261">
        <v>45</v>
      </c>
      <c r="CH23" s="261">
        <v>78</v>
      </c>
      <c r="CI23" s="261">
        <v>54</v>
      </c>
      <c r="CJ23" s="261">
        <v>31</v>
      </c>
      <c r="CK23" s="258">
        <v>240</v>
      </c>
      <c r="CL23" s="263">
        <v>243</v>
      </c>
      <c r="CM23" s="257">
        <v>0</v>
      </c>
      <c r="CN23" s="261">
        <v>0</v>
      </c>
      <c r="CO23" s="258">
        <v>0</v>
      </c>
      <c r="CP23" s="260">
        <v>0</v>
      </c>
      <c r="CQ23" s="261">
        <v>2</v>
      </c>
      <c r="CR23" s="261">
        <v>0</v>
      </c>
      <c r="CS23" s="261">
        <v>3</v>
      </c>
      <c r="CT23" s="261">
        <v>2</v>
      </c>
      <c r="CU23" s="261">
        <v>1</v>
      </c>
      <c r="CV23" s="258">
        <v>8</v>
      </c>
      <c r="CW23" s="263">
        <v>8</v>
      </c>
      <c r="CX23" s="257">
        <v>0</v>
      </c>
      <c r="CY23" s="261">
        <v>0</v>
      </c>
      <c r="CZ23" s="258">
        <v>0</v>
      </c>
      <c r="DA23" s="260">
        <v>0</v>
      </c>
      <c r="DB23" s="261">
        <v>0</v>
      </c>
      <c r="DC23" s="261">
        <v>0</v>
      </c>
      <c r="DD23" s="261">
        <v>0</v>
      </c>
      <c r="DE23" s="261">
        <v>0</v>
      </c>
      <c r="DF23" s="261">
        <v>0</v>
      </c>
      <c r="DG23" s="258">
        <v>0</v>
      </c>
      <c r="DH23" s="263">
        <v>0</v>
      </c>
      <c r="DI23" s="257">
        <v>0</v>
      </c>
      <c r="DJ23" s="261">
        <v>0</v>
      </c>
      <c r="DK23" s="258">
        <v>0</v>
      </c>
      <c r="DL23" s="260">
        <v>0</v>
      </c>
      <c r="DM23" s="261">
        <v>0</v>
      </c>
      <c r="DN23" s="261">
        <v>0</v>
      </c>
      <c r="DO23" s="261">
        <v>0</v>
      </c>
      <c r="DP23" s="261">
        <v>0</v>
      </c>
      <c r="DQ23" s="261">
        <v>0</v>
      </c>
      <c r="DR23" s="258">
        <v>0</v>
      </c>
      <c r="DS23" s="263">
        <v>0</v>
      </c>
      <c r="DT23" s="257">
        <v>201</v>
      </c>
      <c r="DU23" s="261">
        <v>323</v>
      </c>
      <c r="DV23" s="258">
        <v>524</v>
      </c>
      <c r="DW23" s="260">
        <v>0</v>
      </c>
      <c r="DX23" s="261">
        <v>363</v>
      </c>
      <c r="DY23" s="261">
        <v>671</v>
      </c>
      <c r="DZ23" s="261">
        <v>393</v>
      </c>
      <c r="EA23" s="261">
        <v>288</v>
      </c>
      <c r="EB23" s="261">
        <v>161</v>
      </c>
      <c r="EC23" s="258">
        <v>1876</v>
      </c>
      <c r="ED23" s="263">
        <v>2400</v>
      </c>
      <c r="EE23" s="257">
        <v>15</v>
      </c>
      <c r="EF23" s="261">
        <v>19</v>
      </c>
      <c r="EG23" s="258">
        <v>34</v>
      </c>
      <c r="EH23" s="260">
        <v>0</v>
      </c>
      <c r="EI23" s="261">
        <v>64</v>
      </c>
      <c r="EJ23" s="261">
        <v>62</v>
      </c>
      <c r="EK23" s="261">
        <v>56</v>
      </c>
      <c r="EL23" s="261">
        <v>50</v>
      </c>
      <c r="EM23" s="261">
        <v>50</v>
      </c>
      <c r="EN23" s="258">
        <v>282</v>
      </c>
      <c r="EO23" s="263">
        <v>316</v>
      </c>
      <c r="EP23" s="257">
        <v>277</v>
      </c>
      <c r="EQ23" s="261">
        <v>402</v>
      </c>
      <c r="ER23" s="258">
        <v>679</v>
      </c>
      <c r="ES23" s="260">
        <v>0</v>
      </c>
      <c r="ET23" s="261">
        <v>832</v>
      </c>
      <c r="EU23" s="261">
        <v>940</v>
      </c>
      <c r="EV23" s="261">
        <v>477</v>
      </c>
      <c r="EW23" s="261">
        <v>316</v>
      </c>
      <c r="EX23" s="261">
        <v>171</v>
      </c>
      <c r="EY23" s="258">
        <v>2736</v>
      </c>
      <c r="EZ23" s="263">
        <v>3415</v>
      </c>
    </row>
    <row r="24" spans="2:156" ht="21" customHeight="1" x14ac:dyDescent="0.2">
      <c r="B24" s="472" t="s">
        <v>22</v>
      </c>
      <c r="C24" s="257">
        <v>0</v>
      </c>
      <c r="D24" s="261">
        <v>0</v>
      </c>
      <c r="E24" s="358">
        <v>0</v>
      </c>
      <c r="F24" s="260">
        <v>0</v>
      </c>
      <c r="G24" s="261">
        <v>75</v>
      </c>
      <c r="H24" s="261">
        <v>62</v>
      </c>
      <c r="I24" s="261">
        <v>33</v>
      </c>
      <c r="J24" s="261">
        <v>35</v>
      </c>
      <c r="K24" s="261">
        <v>26</v>
      </c>
      <c r="L24" s="262">
        <v>231</v>
      </c>
      <c r="M24" s="263">
        <v>231</v>
      </c>
      <c r="N24" s="257">
        <v>0</v>
      </c>
      <c r="O24" s="261">
        <v>0</v>
      </c>
      <c r="P24" s="258">
        <v>0</v>
      </c>
      <c r="Q24" s="260">
        <v>0</v>
      </c>
      <c r="R24" s="261">
        <v>4</v>
      </c>
      <c r="S24" s="261">
        <v>2</v>
      </c>
      <c r="T24" s="261">
        <v>7</v>
      </c>
      <c r="U24" s="261">
        <v>8</v>
      </c>
      <c r="V24" s="261">
        <v>17</v>
      </c>
      <c r="W24" s="258">
        <v>38</v>
      </c>
      <c r="X24" s="263">
        <v>38</v>
      </c>
      <c r="Y24" s="257">
        <v>8</v>
      </c>
      <c r="Z24" s="261">
        <v>11</v>
      </c>
      <c r="AA24" s="258">
        <v>19</v>
      </c>
      <c r="AB24" s="260">
        <v>0</v>
      </c>
      <c r="AC24" s="261">
        <v>51</v>
      </c>
      <c r="AD24" s="261">
        <v>65</v>
      </c>
      <c r="AE24" s="261">
        <v>43</v>
      </c>
      <c r="AF24" s="261">
        <v>43</v>
      </c>
      <c r="AG24" s="261">
        <v>37</v>
      </c>
      <c r="AH24" s="258">
        <v>239</v>
      </c>
      <c r="AI24" s="263">
        <v>258</v>
      </c>
      <c r="AJ24" s="257">
        <v>0</v>
      </c>
      <c r="AK24" s="261">
        <v>2</v>
      </c>
      <c r="AL24" s="258">
        <v>2</v>
      </c>
      <c r="AM24" s="260">
        <v>0</v>
      </c>
      <c r="AN24" s="261">
        <v>8</v>
      </c>
      <c r="AO24" s="261">
        <v>7</v>
      </c>
      <c r="AP24" s="261">
        <v>6</v>
      </c>
      <c r="AQ24" s="261">
        <v>1</v>
      </c>
      <c r="AR24" s="261">
        <v>2</v>
      </c>
      <c r="AS24" s="258">
        <v>24</v>
      </c>
      <c r="AT24" s="263">
        <v>26</v>
      </c>
      <c r="AU24" s="257">
        <v>6</v>
      </c>
      <c r="AV24" s="261">
        <v>6</v>
      </c>
      <c r="AW24" s="258">
        <v>12</v>
      </c>
      <c r="AX24" s="260">
        <v>0</v>
      </c>
      <c r="AY24" s="261">
        <v>55</v>
      </c>
      <c r="AZ24" s="261">
        <v>81</v>
      </c>
      <c r="BA24" s="261">
        <v>60</v>
      </c>
      <c r="BB24" s="261">
        <v>66</v>
      </c>
      <c r="BC24" s="261">
        <v>42</v>
      </c>
      <c r="BD24" s="262">
        <v>304</v>
      </c>
      <c r="BE24" s="263">
        <v>316</v>
      </c>
      <c r="BF24" s="257">
        <v>0</v>
      </c>
      <c r="BG24" s="261">
        <v>0</v>
      </c>
      <c r="BH24" s="258">
        <v>0</v>
      </c>
      <c r="BI24" s="260">
        <v>0</v>
      </c>
      <c r="BJ24" s="261">
        <v>93</v>
      </c>
      <c r="BK24" s="261">
        <v>105</v>
      </c>
      <c r="BL24" s="261">
        <v>57</v>
      </c>
      <c r="BM24" s="261">
        <v>33</v>
      </c>
      <c r="BN24" s="261">
        <v>18</v>
      </c>
      <c r="BO24" s="258">
        <v>306</v>
      </c>
      <c r="BP24" s="263">
        <v>306</v>
      </c>
      <c r="BQ24" s="257">
        <v>2</v>
      </c>
      <c r="BR24" s="261">
        <v>9</v>
      </c>
      <c r="BS24" s="258">
        <v>11</v>
      </c>
      <c r="BT24" s="260">
        <v>0</v>
      </c>
      <c r="BU24" s="261">
        <v>28</v>
      </c>
      <c r="BV24" s="261">
        <v>38</v>
      </c>
      <c r="BW24" s="261">
        <v>13</v>
      </c>
      <c r="BX24" s="261">
        <v>14</v>
      </c>
      <c r="BY24" s="261">
        <v>6</v>
      </c>
      <c r="BZ24" s="258">
        <v>99</v>
      </c>
      <c r="CA24" s="263">
        <v>110</v>
      </c>
      <c r="CB24" s="257">
        <v>0</v>
      </c>
      <c r="CC24" s="261">
        <v>2</v>
      </c>
      <c r="CD24" s="258">
        <v>2</v>
      </c>
      <c r="CE24" s="260">
        <v>0</v>
      </c>
      <c r="CF24" s="261">
        <v>17</v>
      </c>
      <c r="CG24" s="261">
        <v>24</v>
      </c>
      <c r="CH24" s="261">
        <v>28</v>
      </c>
      <c r="CI24" s="261">
        <v>22</v>
      </c>
      <c r="CJ24" s="261">
        <v>11</v>
      </c>
      <c r="CK24" s="258">
        <v>102</v>
      </c>
      <c r="CL24" s="263">
        <v>104</v>
      </c>
      <c r="CM24" s="257">
        <v>0</v>
      </c>
      <c r="CN24" s="261">
        <v>0</v>
      </c>
      <c r="CO24" s="258">
        <v>0</v>
      </c>
      <c r="CP24" s="260">
        <v>0</v>
      </c>
      <c r="CQ24" s="261">
        <v>2</v>
      </c>
      <c r="CR24" s="261">
        <v>3</v>
      </c>
      <c r="CS24" s="261">
        <v>4</v>
      </c>
      <c r="CT24" s="261">
        <v>7</v>
      </c>
      <c r="CU24" s="261">
        <v>5</v>
      </c>
      <c r="CV24" s="258">
        <v>21</v>
      </c>
      <c r="CW24" s="263">
        <v>21</v>
      </c>
      <c r="CX24" s="257">
        <v>0</v>
      </c>
      <c r="CY24" s="261">
        <v>0</v>
      </c>
      <c r="CZ24" s="258">
        <v>0</v>
      </c>
      <c r="DA24" s="260">
        <v>0</v>
      </c>
      <c r="DB24" s="261">
        <v>0</v>
      </c>
      <c r="DC24" s="261">
        <v>0</v>
      </c>
      <c r="DD24" s="261">
        <v>0</v>
      </c>
      <c r="DE24" s="261">
        <v>0</v>
      </c>
      <c r="DF24" s="261">
        <v>0</v>
      </c>
      <c r="DG24" s="258">
        <v>0</v>
      </c>
      <c r="DH24" s="263">
        <v>0</v>
      </c>
      <c r="DI24" s="257">
        <v>0</v>
      </c>
      <c r="DJ24" s="261">
        <v>0</v>
      </c>
      <c r="DK24" s="258">
        <v>0</v>
      </c>
      <c r="DL24" s="260">
        <v>0</v>
      </c>
      <c r="DM24" s="261">
        <v>0</v>
      </c>
      <c r="DN24" s="261">
        <v>0</v>
      </c>
      <c r="DO24" s="261">
        <v>0</v>
      </c>
      <c r="DP24" s="261">
        <v>0</v>
      </c>
      <c r="DQ24" s="261">
        <v>0</v>
      </c>
      <c r="DR24" s="258">
        <v>0</v>
      </c>
      <c r="DS24" s="263">
        <v>0</v>
      </c>
      <c r="DT24" s="257">
        <v>47</v>
      </c>
      <c r="DU24" s="261">
        <v>147</v>
      </c>
      <c r="DV24" s="258">
        <v>194</v>
      </c>
      <c r="DW24" s="260">
        <v>0</v>
      </c>
      <c r="DX24" s="261">
        <v>192</v>
      </c>
      <c r="DY24" s="261">
        <v>247</v>
      </c>
      <c r="DZ24" s="261">
        <v>131</v>
      </c>
      <c r="EA24" s="261">
        <v>95</v>
      </c>
      <c r="EB24" s="261">
        <v>64</v>
      </c>
      <c r="EC24" s="258">
        <v>729</v>
      </c>
      <c r="ED24" s="263">
        <v>923</v>
      </c>
      <c r="EE24" s="257">
        <v>8</v>
      </c>
      <c r="EF24" s="261">
        <v>5</v>
      </c>
      <c r="EG24" s="258">
        <v>13</v>
      </c>
      <c r="EH24" s="260">
        <v>0</v>
      </c>
      <c r="EI24" s="261">
        <v>27</v>
      </c>
      <c r="EJ24" s="261">
        <v>23</v>
      </c>
      <c r="EK24" s="261">
        <v>23</v>
      </c>
      <c r="EL24" s="261">
        <v>24</v>
      </c>
      <c r="EM24" s="261">
        <v>11</v>
      </c>
      <c r="EN24" s="258">
        <v>108</v>
      </c>
      <c r="EO24" s="263">
        <v>121</v>
      </c>
      <c r="EP24" s="257">
        <v>55</v>
      </c>
      <c r="EQ24" s="261">
        <v>157</v>
      </c>
      <c r="ER24" s="258">
        <v>212</v>
      </c>
      <c r="ES24" s="260">
        <v>0</v>
      </c>
      <c r="ET24" s="261">
        <v>313</v>
      </c>
      <c r="EU24" s="261">
        <v>310</v>
      </c>
      <c r="EV24" s="261">
        <v>158</v>
      </c>
      <c r="EW24" s="261">
        <v>103</v>
      </c>
      <c r="EX24" s="261">
        <v>68</v>
      </c>
      <c r="EY24" s="258">
        <v>952</v>
      </c>
      <c r="EZ24" s="263">
        <v>1164</v>
      </c>
    </row>
    <row r="25" spans="2:156" ht="21" customHeight="1" x14ac:dyDescent="0.2">
      <c r="B25" s="472" t="s">
        <v>23</v>
      </c>
      <c r="C25" s="257">
        <v>0</v>
      </c>
      <c r="D25" s="261">
        <v>0</v>
      </c>
      <c r="E25" s="358">
        <v>0</v>
      </c>
      <c r="F25" s="260">
        <v>0</v>
      </c>
      <c r="G25" s="261">
        <v>136</v>
      </c>
      <c r="H25" s="261">
        <v>143</v>
      </c>
      <c r="I25" s="261">
        <v>66</v>
      </c>
      <c r="J25" s="261">
        <v>69</v>
      </c>
      <c r="K25" s="261">
        <v>40</v>
      </c>
      <c r="L25" s="262">
        <v>454</v>
      </c>
      <c r="M25" s="263">
        <v>454</v>
      </c>
      <c r="N25" s="257">
        <v>0</v>
      </c>
      <c r="O25" s="261">
        <v>1</v>
      </c>
      <c r="P25" s="258">
        <v>1</v>
      </c>
      <c r="Q25" s="260">
        <v>0</v>
      </c>
      <c r="R25" s="261">
        <v>1</v>
      </c>
      <c r="S25" s="261">
        <v>3</v>
      </c>
      <c r="T25" s="261">
        <v>5</v>
      </c>
      <c r="U25" s="261">
        <v>20</v>
      </c>
      <c r="V25" s="261">
        <v>23</v>
      </c>
      <c r="W25" s="258">
        <v>52</v>
      </c>
      <c r="X25" s="263">
        <v>53</v>
      </c>
      <c r="Y25" s="257">
        <v>31</v>
      </c>
      <c r="Z25" s="261">
        <v>57</v>
      </c>
      <c r="AA25" s="258">
        <v>88</v>
      </c>
      <c r="AB25" s="260">
        <v>0</v>
      </c>
      <c r="AC25" s="261">
        <v>88</v>
      </c>
      <c r="AD25" s="261">
        <v>157</v>
      </c>
      <c r="AE25" s="261">
        <v>66</v>
      </c>
      <c r="AF25" s="261">
        <v>78</v>
      </c>
      <c r="AG25" s="261">
        <v>42</v>
      </c>
      <c r="AH25" s="258">
        <v>431</v>
      </c>
      <c r="AI25" s="263">
        <v>519</v>
      </c>
      <c r="AJ25" s="257">
        <v>4</v>
      </c>
      <c r="AK25" s="261">
        <v>11</v>
      </c>
      <c r="AL25" s="258">
        <v>15</v>
      </c>
      <c r="AM25" s="260">
        <v>0</v>
      </c>
      <c r="AN25" s="261">
        <v>9</v>
      </c>
      <c r="AO25" s="261">
        <v>20</v>
      </c>
      <c r="AP25" s="261">
        <v>8</v>
      </c>
      <c r="AQ25" s="261">
        <v>6</v>
      </c>
      <c r="AR25" s="261">
        <v>6</v>
      </c>
      <c r="AS25" s="258">
        <v>49</v>
      </c>
      <c r="AT25" s="263">
        <v>64</v>
      </c>
      <c r="AU25" s="257">
        <v>22</v>
      </c>
      <c r="AV25" s="261">
        <v>17</v>
      </c>
      <c r="AW25" s="258">
        <v>39</v>
      </c>
      <c r="AX25" s="260">
        <v>0</v>
      </c>
      <c r="AY25" s="261">
        <v>171</v>
      </c>
      <c r="AZ25" s="261">
        <v>153</v>
      </c>
      <c r="BA25" s="261">
        <v>122</v>
      </c>
      <c r="BB25" s="261">
        <v>172</v>
      </c>
      <c r="BC25" s="261">
        <v>106</v>
      </c>
      <c r="BD25" s="262">
        <v>724</v>
      </c>
      <c r="BE25" s="263">
        <v>763</v>
      </c>
      <c r="BF25" s="257">
        <v>0</v>
      </c>
      <c r="BG25" s="261">
        <v>0</v>
      </c>
      <c r="BH25" s="258">
        <v>0</v>
      </c>
      <c r="BI25" s="260">
        <v>0</v>
      </c>
      <c r="BJ25" s="261">
        <v>277</v>
      </c>
      <c r="BK25" s="261">
        <v>233</v>
      </c>
      <c r="BL25" s="261">
        <v>120</v>
      </c>
      <c r="BM25" s="261">
        <v>79</v>
      </c>
      <c r="BN25" s="261">
        <v>28</v>
      </c>
      <c r="BO25" s="258">
        <v>737</v>
      </c>
      <c r="BP25" s="263">
        <v>737</v>
      </c>
      <c r="BQ25" s="257">
        <v>1</v>
      </c>
      <c r="BR25" s="261">
        <v>11</v>
      </c>
      <c r="BS25" s="258">
        <v>12</v>
      </c>
      <c r="BT25" s="260">
        <v>0</v>
      </c>
      <c r="BU25" s="261">
        <v>38</v>
      </c>
      <c r="BV25" s="261">
        <v>47</v>
      </c>
      <c r="BW25" s="261">
        <v>34</v>
      </c>
      <c r="BX25" s="261">
        <v>22</v>
      </c>
      <c r="BY25" s="261">
        <v>9</v>
      </c>
      <c r="BZ25" s="258">
        <v>150</v>
      </c>
      <c r="CA25" s="263">
        <v>162</v>
      </c>
      <c r="CB25" s="257">
        <v>1</v>
      </c>
      <c r="CC25" s="261">
        <v>4</v>
      </c>
      <c r="CD25" s="258">
        <v>5</v>
      </c>
      <c r="CE25" s="260">
        <v>0</v>
      </c>
      <c r="CF25" s="261">
        <v>28</v>
      </c>
      <c r="CG25" s="261">
        <v>36</v>
      </c>
      <c r="CH25" s="261">
        <v>47</v>
      </c>
      <c r="CI25" s="261">
        <v>37</v>
      </c>
      <c r="CJ25" s="261">
        <v>20</v>
      </c>
      <c r="CK25" s="258">
        <v>168</v>
      </c>
      <c r="CL25" s="263">
        <v>173</v>
      </c>
      <c r="CM25" s="257">
        <v>0</v>
      </c>
      <c r="CN25" s="261">
        <v>0</v>
      </c>
      <c r="CO25" s="258">
        <v>0</v>
      </c>
      <c r="CP25" s="260">
        <v>0</v>
      </c>
      <c r="CQ25" s="261">
        <v>1</v>
      </c>
      <c r="CR25" s="261">
        <v>2</v>
      </c>
      <c r="CS25" s="261">
        <v>2</v>
      </c>
      <c r="CT25" s="261">
        <v>3</v>
      </c>
      <c r="CU25" s="261">
        <v>3</v>
      </c>
      <c r="CV25" s="258">
        <v>11</v>
      </c>
      <c r="CW25" s="263">
        <v>11</v>
      </c>
      <c r="CX25" s="257">
        <v>0</v>
      </c>
      <c r="CY25" s="261">
        <v>0</v>
      </c>
      <c r="CZ25" s="258">
        <v>0</v>
      </c>
      <c r="DA25" s="260">
        <v>0</v>
      </c>
      <c r="DB25" s="261">
        <v>0</v>
      </c>
      <c r="DC25" s="261">
        <v>0</v>
      </c>
      <c r="DD25" s="261">
        <v>0</v>
      </c>
      <c r="DE25" s="261">
        <v>0</v>
      </c>
      <c r="DF25" s="261">
        <v>0</v>
      </c>
      <c r="DG25" s="258">
        <v>0</v>
      </c>
      <c r="DH25" s="263">
        <v>0</v>
      </c>
      <c r="DI25" s="257">
        <v>0</v>
      </c>
      <c r="DJ25" s="261">
        <v>0</v>
      </c>
      <c r="DK25" s="258">
        <v>0</v>
      </c>
      <c r="DL25" s="260">
        <v>0</v>
      </c>
      <c r="DM25" s="261">
        <v>0</v>
      </c>
      <c r="DN25" s="261">
        <v>0</v>
      </c>
      <c r="DO25" s="261">
        <v>0</v>
      </c>
      <c r="DP25" s="261">
        <v>0</v>
      </c>
      <c r="DQ25" s="261">
        <v>0</v>
      </c>
      <c r="DR25" s="258">
        <v>0</v>
      </c>
      <c r="DS25" s="263">
        <v>0</v>
      </c>
      <c r="DT25" s="257">
        <v>90</v>
      </c>
      <c r="DU25" s="261">
        <v>250</v>
      </c>
      <c r="DV25" s="258">
        <v>340</v>
      </c>
      <c r="DW25" s="260">
        <v>0</v>
      </c>
      <c r="DX25" s="261">
        <v>255</v>
      </c>
      <c r="DY25" s="261">
        <v>396</v>
      </c>
      <c r="DZ25" s="261">
        <v>214</v>
      </c>
      <c r="EA25" s="261">
        <v>191</v>
      </c>
      <c r="EB25" s="261">
        <v>90</v>
      </c>
      <c r="EC25" s="258">
        <v>1146</v>
      </c>
      <c r="ED25" s="263">
        <v>1486</v>
      </c>
      <c r="EE25" s="257">
        <v>9</v>
      </c>
      <c r="EF25" s="261">
        <v>2</v>
      </c>
      <c r="EG25" s="258">
        <v>11</v>
      </c>
      <c r="EH25" s="260">
        <v>0</v>
      </c>
      <c r="EI25" s="261">
        <v>56</v>
      </c>
      <c r="EJ25" s="261">
        <v>42</v>
      </c>
      <c r="EK25" s="261">
        <v>33</v>
      </c>
      <c r="EL25" s="261">
        <v>58</v>
      </c>
      <c r="EM25" s="261">
        <v>36</v>
      </c>
      <c r="EN25" s="258">
        <v>225</v>
      </c>
      <c r="EO25" s="263">
        <v>236</v>
      </c>
      <c r="EP25" s="257">
        <v>121</v>
      </c>
      <c r="EQ25" s="261">
        <v>283</v>
      </c>
      <c r="ER25" s="258">
        <v>404</v>
      </c>
      <c r="ES25" s="260">
        <v>0</v>
      </c>
      <c r="ET25" s="261">
        <v>519</v>
      </c>
      <c r="EU25" s="261">
        <v>531</v>
      </c>
      <c r="EV25" s="261">
        <v>265</v>
      </c>
      <c r="EW25" s="261">
        <v>211</v>
      </c>
      <c r="EX25" s="261">
        <v>98</v>
      </c>
      <c r="EY25" s="258">
        <v>1624</v>
      </c>
      <c r="EZ25" s="263">
        <v>2028</v>
      </c>
    </row>
    <row r="26" spans="2:156" ht="21" customHeight="1" x14ac:dyDescent="0.2">
      <c r="B26" s="472" t="s">
        <v>24</v>
      </c>
      <c r="C26" s="257">
        <v>0</v>
      </c>
      <c r="D26" s="261">
        <v>0</v>
      </c>
      <c r="E26" s="358">
        <v>0</v>
      </c>
      <c r="F26" s="260">
        <v>0</v>
      </c>
      <c r="G26" s="261">
        <v>81</v>
      </c>
      <c r="H26" s="261">
        <v>63</v>
      </c>
      <c r="I26" s="261">
        <v>41</v>
      </c>
      <c r="J26" s="261">
        <v>25</v>
      </c>
      <c r="K26" s="261">
        <v>31</v>
      </c>
      <c r="L26" s="262">
        <v>241</v>
      </c>
      <c r="M26" s="263">
        <v>241</v>
      </c>
      <c r="N26" s="257">
        <v>0</v>
      </c>
      <c r="O26" s="261">
        <v>0</v>
      </c>
      <c r="P26" s="258">
        <v>0</v>
      </c>
      <c r="Q26" s="260">
        <v>0</v>
      </c>
      <c r="R26" s="261">
        <v>1</v>
      </c>
      <c r="S26" s="261">
        <v>2</v>
      </c>
      <c r="T26" s="261">
        <v>3</v>
      </c>
      <c r="U26" s="261">
        <v>11</v>
      </c>
      <c r="V26" s="261">
        <v>18</v>
      </c>
      <c r="W26" s="258">
        <v>35</v>
      </c>
      <c r="X26" s="263">
        <v>35</v>
      </c>
      <c r="Y26" s="257">
        <v>18</v>
      </c>
      <c r="Z26" s="261">
        <v>25</v>
      </c>
      <c r="AA26" s="258">
        <v>43</v>
      </c>
      <c r="AB26" s="260">
        <v>0</v>
      </c>
      <c r="AC26" s="261">
        <v>71</v>
      </c>
      <c r="AD26" s="261">
        <v>65</v>
      </c>
      <c r="AE26" s="261">
        <v>29</v>
      </c>
      <c r="AF26" s="261">
        <v>39</v>
      </c>
      <c r="AG26" s="261">
        <v>22</v>
      </c>
      <c r="AH26" s="258">
        <v>226</v>
      </c>
      <c r="AI26" s="263">
        <v>269</v>
      </c>
      <c r="AJ26" s="257">
        <v>0</v>
      </c>
      <c r="AK26" s="261">
        <v>1</v>
      </c>
      <c r="AL26" s="258">
        <v>1</v>
      </c>
      <c r="AM26" s="260">
        <v>0</v>
      </c>
      <c r="AN26" s="261">
        <v>4</v>
      </c>
      <c r="AO26" s="261">
        <v>7</v>
      </c>
      <c r="AP26" s="261">
        <v>2</v>
      </c>
      <c r="AQ26" s="261">
        <v>4</v>
      </c>
      <c r="AR26" s="261">
        <v>3</v>
      </c>
      <c r="AS26" s="258">
        <v>20</v>
      </c>
      <c r="AT26" s="263">
        <v>21</v>
      </c>
      <c r="AU26" s="257">
        <v>21</v>
      </c>
      <c r="AV26" s="261">
        <v>19</v>
      </c>
      <c r="AW26" s="258">
        <v>40</v>
      </c>
      <c r="AX26" s="260">
        <v>0</v>
      </c>
      <c r="AY26" s="261">
        <v>90</v>
      </c>
      <c r="AZ26" s="261">
        <v>84</v>
      </c>
      <c r="BA26" s="261">
        <v>81</v>
      </c>
      <c r="BB26" s="261">
        <v>90</v>
      </c>
      <c r="BC26" s="261">
        <v>64</v>
      </c>
      <c r="BD26" s="262">
        <v>409</v>
      </c>
      <c r="BE26" s="263">
        <v>449</v>
      </c>
      <c r="BF26" s="257">
        <v>0</v>
      </c>
      <c r="BG26" s="261">
        <v>0</v>
      </c>
      <c r="BH26" s="258">
        <v>0</v>
      </c>
      <c r="BI26" s="260">
        <v>0</v>
      </c>
      <c r="BJ26" s="261">
        <v>114</v>
      </c>
      <c r="BK26" s="261">
        <v>87</v>
      </c>
      <c r="BL26" s="261">
        <v>34</v>
      </c>
      <c r="BM26" s="261">
        <v>19</v>
      </c>
      <c r="BN26" s="261">
        <v>7</v>
      </c>
      <c r="BO26" s="258">
        <v>261</v>
      </c>
      <c r="BP26" s="263">
        <v>261</v>
      </c>
      <c r="BQ26" s="257">
        <v>14</v>
      </c>
      <c r="BR26" s="261">
        <v>12</v>
      </c>
      <c r="BS26" s="258">
        <v>26</v>
      </c>
      <c r="BT26" s="260">
        <v>0</v>
      </c>
      <c r="BU26" s="261">
        <v>44</v>
      </c>
      <c r="BV26" s="261">
        <v>31</v>
      </c>
      <c r="BW26" s="261">
        <v>23</v>
      </c>
      <c r="BX26" s="261">
        <v>10</v>
      </c>
      <c r="BY26" s="261">
        <v>12</v>
      </c>
      <c r="BZ26" s="258">
        <v>120</v>
      </c>
      <c r="CA26" s="263">
        <v>146</v>
      </c>
      <c r="CB26" s="257">
        <v>1</v>
      </c>
      <c r="CC26" s="261">
        <v>2</v>
      </c>
      <c r="CD26" s="258">
        <v>3</v>
      </c>
      <c r="CE26" s="260">
        <v>0</v>
      </c>
      <c r="CF26" s="261">
        <v>16</v>
      </c>
      <c r="CG26" s="261">
        <v>20</v>
      </c>
      <c r="CH26" s="261">
        <v>19</v>
      </c>
      <c r="CI26" s="261">
        <v>20</v>
      </c>
      <c r="CJ26" s="261">
        <v>7</v>
      </c>
      <c r="CK26" s="258">
        <v>82</v>
      </c>
      <c r="CL26" s="263">
        <v>85</v>
      </c>
      <c r="CM26" s="257">
        <v>0</v>
      </c>
      <c r="CN26" s="261">
        <v>0</v>
      </c>
      <c r="CO26" s="258">
        <v>0</v>
      </c>
      <c r="CP26" s="260">
        <v>0</v>
      </c>
      <c r="CQ26" s="261">
        <v>2</v>
      </c>
      <c r="CR26" s="261">
        <v>1</v>
      </c>
      <c r="CS26" s="261">
        <v>3</v>
      </c>
      <c r="CT26" s="261">
        <v>1</v>
      </c>
      <c r="CU26" s="261">
        <v>2</v>
      </c>
      <c r="CV26" s="258">
        <v>9</v>
      </c>
      <c r="CW26" s="263">
        <v>9</v>
      </c>
      <c r="CX26" s="257">
        <v>0</v>
      </c>
      <c r="CY26" s="261">
        <v>0</v>
      </c>
      <c r="CZ26" s="258">
        <v>0</v>
      </c>
      <c r="DA26" s="260">
        <v>0</v>
      </c>
      <c r="DB26" s="261">
        <v>0</v>
      </c>
      <c r="DC26" s="261">
        <v>0</v>
      </c>
      <c r="DD26" s="261">
        <v>0</v>
      </c>
      <c r="DE26" s="261">
        <v>0</v>
      </c>
      <c r="DF26" s="261">
        <v>0</v>
      </c>
      <c r="DG26" s="258">
        <v>0</v>
      </c>
      <c r="DH26" s="263">
        <v>0</v>
      </c>
      <c r="DI26" s="257">
        <v>0</v>
      </c>
      <c r="DJ26" s="261">
        <v>0</v>
      </c>
      <c r="DK26" s="258">
        <v>0</v>
      </c>
      <c r="DL26" s="260">
        <v>0</v>
      </c>
      <c r="DM26" s="261">
        <v>0</v>
      </c>
      <c r="DN26" s="261">
        <v>0</v>
      </c>
      <c r="DO26" s="261">
        <v>0</v>
      </c>
      <c r="DP26" s="261">
        <v>0</v>
      </c>
      <c r="DQ26" s="261">
        <v>0</v>
      </c>
      <c r="DR26" s="258">
        <v>0</v>
      </c>
      <c r="DS26" s="263">
        <v>0</v>
      </c>
      <c r="DT26" s="257">
        <v>88</v>
      </c>
      <c r="DU26" s="261">
        <v>96</v>
      </c>
      <c r="DV26" s="258">
        <v>184</v>
      </c>
      <c r="DW26" s="260">
        <v>0</v>
      </c>
      <c r="DX26" s="261">
        <v>141</v>
      </c>
      <c r="DY26" s="261">
        <v>173</v>
      </c>
      <c r="DZ26" s="261">
        <v>98</v>
      </c>
      <c r="EA26" s="261">
        <v>75</v>
      </c>
      <c r="EB26" s="261">
        <v>40</v>
      </c>
      <c r="EC26" s="258">
        <v>527</v>
      </c>
      <c r="ED26" s="263">
        <v>711</v>
      </c>
      <c r="EE26" s="257">
        <v>12</v>
      </c>
      <c r="EF26" s="261">
        <v>11</v>
      </c>
      <c r="EG26" s="258">
        <v>23</v>
      </c>
      <c r="EH26" s="260">
        <v>0</v>
      </c>
      <c r="EI26" s="261">
        <v>40</v>
      </c>
      <c r="EJ26" s="261">
        <v>29</v>
      </c>
      <c r="EK26" s="261">
        <v>27</v>
      </c>
      <c r="EL26" s="261">
        <v>38</v>
      </c>
      <c r="EM26" s="261">
        <v>20</v>
      </c>
      <c r="EN26" s="258">
        <v>154</v>
      </c>
      <c r="EO26" s="263">
        <v>177</v>
      </c>
      <c r="EP26" s="257">
        <v>115</v>
      </c>
      <c r="EQ26" s="261">
        <v>112</v>
      </c>
      <c r="ER26" s="258">
        <v>227</v>
      </c>
      <c r="ES26" s="260">
        <v>0</v>
      </c>
      <c r="ET26" s="261">
        <v>273</v>
      </c>
      <c r="EU26" s="261">
        <v>222</v>
      </c>
      <c r="EV26" s="261">
        <v>125</v>
      </c>
      <c r="EW26" s="261">
        <v>77</v>
      </c>
      <c r="EX26" s="261">
        <v>48</v>
      </c>
      <c r="EY26" s="258">
        <v>745</v>
      </c>
      <c r="EZ26" s="263">
        <v>972</v>
      </c>
    </row>
    <row r="27" spans="2:156" ht="21" customHeight="1" x14ac:dyDescent="0.2">
      <c r="B27" s="472" t="s">
        <v>25</v>
      </c>
      <c r="C27" s="257">
        <v>0</v>
      </c>
      <c r="D27" s="261">
        <v>0</v>
      </c>
      <c r="E27" s="358">
        <v>0</v>
      </c>
      <c r="F27" s="260">
        <v>0</v>
      </c>
      <c r="G27" s="261">
        <v>104</v>
      </c>
      <c r="H27" s="261">
        <v>87</v>
      </c>
      <c r="I27" s="261">
        <v>63</v>
      </c>
      <c r="J27" s="261">
        <v>39</v>
      </c>
      <c r="K27" s="261">
        <v>29</v>
      </c>
      <c r="L27" s="262">
        <v>322</v>
      </c>
      <c r="M27" s="263">
        <v>322</v>
      </c>
      <c r="N27" s="257">
        <v>0</v>
      </c>
      <c r="O27" s="261">
        <v>0</v>
      </c>
      <c r="P27" s="258">
        <v>0</v>
      </c>
      <c r="Q27" s="260">
        <v>0</v>
      </c>
      <c r="R27" s="261">
        <v>2</v>
      </c>
      <c r="S27" s="261">
        <v>9</v>
      </c>
      <c r="T27" s="261">
        <v>11</v>
      </c>
      <c r="U27" s="261">
        <v>15</v>
      </c>
      <c r="V27" s="261">
        <v>15</v>
      </c>
      <c r="W27" s="258">
        <v>52</v>
      </c>
      <c r="X27" s="263">
        <v>52</v>
      </c>
      <c r="Y27" s="257">
        <v>20</v>
      </c>
      <c r="Z27" s="261">
        <v>49</v>
      </c>
      <c r="AA27" s="258">
        <v>69</v>
      </c>
      <c r="AB27" s="260">
        <v>0</v>
      </c>
      <c r="AC27" s="261">
        <v>87</v>
      </c>
      <c r="AD27" s="261">
        <v>88</v>
      </c>
      <c r="AE27" s="261">
        <v>46</v>
      </c>
      <c r="AF27" s="261">
        <v>37</v>
      </c>
      <c r="AG27" s="261">
        <v>26</v>
      </c>
      <c r="AH27" s="258">
        <v>284</v>
      </c>
      <c r="AI27" s="263">
        <v>353</v>
      </c>
      <c r="AJ27" s="257">
        <v>0</v>
      </c>
      <c r="AK27" s="261">
        <v>5</v>
      </c>
      <c r="AL27" s="258">
        <v>5</v>
      </c>
      <c r="AM27" s="260">
        <v>0</v>
      </c>
      <c r="AN27" s="261">
        <v>3</v>
      </c>
      <c r="AO27" s="261">
        <v>11</v>
      </c>
      <c r="AP27" s="261">
        <v>4</v>
      </c>
      <c r="AQ27" s="261">
        <v>4</v>
      </c>
      <c r="AR27" s="261">
        <v>4</v>
      </c>
      <c r="AS27" s="258">
        <v>26</v>
      </c>
      <c r="AT27" s="263">
        <v>31</v>
      </c>
      <c r="AU27" s="257">
        <v>10</v>
      </c>
      <c r="AV27" s="261">
        <v>12</v>
      </c>
      <c r="AW27" s="258">
        <v>22</v>
      </c>
      <c r="AX27" s="260">
        <v>0</v>
      </c>
      <c r="AY27" s="261">
        <v>68</v>
      </c>
      <c r="AZ27" s="261">
        <v>77</v>
      </c>
      <c r="BA27" s="261">
        <v>65</v>
      </c>
      <c r="BB27" s="261">
        <v>81</v>
      </c>
      <c r="BC27" s="261">
        <v>49</v>
      </c>
      <c r="BD27" s="262">
        <v>340</v>
      </c>
      <c r="BE27" s="263">
        <v>362</v>
      </c>
      <c r="BF27" s="257">
        <v>0</v>
      </c>
      <c r="BG27" s="261">
        <v>0</v>
      </c>
      <c r="BH27" s="258">
        <v>0</v>
      </c>
      <c r="BI27" s="260">
        <v>0</v>
      </c>
      <c r="BJ27" s="261">
        <v>150</v>
      </c>
      <c r="BK27" s="261">
        <v>90</v>
      </c>
      <c r="BL27" s="261">
        <v>61</v>
      </c>
      <c r="BM27" s="261">
        <v>37</v>
      </c>
      <c r="BN27" s="261">
        <v>8</v>
      </c>
      <c r="BO27" s="258">
        <v>346</v>
      </c>
      <c r="BP27" s="263">
        <v>346</v>
      </c>
      <c r="BQ27" s="257">
        <v>14</v>
      </c>
      <c r="BR27" s="261">
        <v>13</v>
      </c>
      <c r="BS27" s="258">
        <v>27</v>
      </c>
      <c r="BT27" s="260">
        <v>0</v>
      </c>
      <c r="BU27" s="261">
        <v>34</v>
      </c>
      <c r="BV27" s="261">
        <v>50</v>
      </c>
      <c r="BW27" s="261">
        <v>30</v>
      </c>
      <c r="BX27" s="261">
        <v>21</v>
      </c>
      <c r="BY27" s="261">
        <v>3</v>
      </c>
      <c r="BZ27" s="258">
        <v>138</v>
      </c>
      <c r="CA27" s="263">
        <v>165</v>
      </c>
      <c r="CB27" s="257">
        <v>0</v>
      </c>
      <c r="CC27" s="261">
        <v>1</v>
      </c>
      <c r="CD27" s="258">
        <v>1</v>
      </c>
      <c r="CE27" s="260">
        <v>0</v>
      </c>
      <c r="CF27" s="261">
        <v>21</v>
      </c>
      <c r="CG27" s="261">
        <v>30</v>
      </c>
      <c r="CH27" s="261">
        <v>20</v>
      </c>
      <c r="CI27" s="261">
        <v>17</v>
      </c>
      <c r="CJ27" s="261">
        <v>5</v>
      </c>
      <c r="CK27" s="258">
        <v>93</v>
      </c>
      <c r="CL27" s="263">
        <v>94</v>
      </c>
      <c r="CM27" s="257">
        <v>0</v>
      </c>
      <c r="CN27" s="261">
        <v>0</v>
      </c>
      <c r="CO27" s="258">
        <v>0</v>
      </c>
      <c r="CP27" s="260">
        <v>0</v>
      </c>
      <c r="CQ27" s="261">
        <v>2</v>
      </c>
      <c r="CR27" s="261">
        <v>7</v>
      </c>
      <c r="CS27" s="261">
        <v>4</v>
      </c>
      <c r="CT27" s="261">
        <v>6</v>
      </c>
      <c r="CU27" s="261">
        <v>3</v>
      </c>
      <c r="CV27" s="258">
        <v>22</v>
      </c>
      <c r="CW27" s="263">
        <v>22</v>
      </c>
      <c r="CX27" s="257">
        <v>0</v>
      </c>
      <c r="CY27" s="261">
        <v>0</v>
      </c>
      <c r="CZ27" s="258">
        <v>0</v>
      </c>
      <c r="DA27" s="260">
        <v>0</v>
      </c>
      <c r="DB27" s="261">
        <v>0</v>
      </c>
      <c r="DC27" s="261">
        <v>0</v>
      </c>
      <c r="DD27" s="261">
        <v>0</v>
      </c>
      <c r="DE27" s="261">
        <v>0</v>
      </c>
      <c r="DF27" s="261">
        <v>0</v>
      </c>
      <c r="DG27" s="258">
        <v>0</v>
      </c>
      <c r="DH27" s="263">
        <v>0</v>
      </c>
      <c r="DI27" s="257">
        <v>0</v>
      </c>
      <c r="DJ27" s="261">
        <v>0</v>
      </c>
      <c r="DK27" s="258">
        <v>0</v>
      </c>
      <c r="DL27" s="260">
        <v>0</v>
      </c>
      <c r="DM27" s="261">
        <v>0</v>
      </c>
      <c r="DN27" s="261">
        <v>0</v>
      </c>
      <c r="DO27" s="261">
        <v>0</v>
      </c>
      <c r="DP27" s="261">
        <v>0</v>
      </c>
      <c r="DQ27" s="261">
        <v>0</v>
      </c>
      <c r="DR27" s="258">
        <v>0</v>
      </c>
      <c r="DS27" s="263">
        <v>0</v>
      </c>
      <c r="DT27" s="257">
        <v>82</v>
      </c>
      <c r="DU27" s="261">
        <v>148</v>
      </c>
      <c r="DV27" s="258">
        <v>230</v>
      </c>
      <c r="DW27" s="260">
        <v>0</v>
      </c>
      <c r="DX27" s="261">
        <v>138</v>
      </c>
      <c r="DY27" s="261">
        <v>233</v>
      </c>
      <c r="DZ27" s="261">
        <v>129</v>
      </c>
      <c r="EA27" s="261">
        <v>100</v>
      </c>
      <c r="EB27" s="261">
        <v>45</v>
      </c>
      <c r="EC27" s="258">
        <v>645</v>
      </c>
      <c r="ED27" s="263">
        <v>875</v>
      </c>
      <c r="EE27" s="257">
        <v>7</v>
      </c>
      <c r="EF27" s="261">
        <v>2</v>
      </c>
      <c r="EG27" s="258">
        <v>9</v>
      </c>
      <c r="EH27" s="260">
        <v>0</v>
      </c>
      <c r="EI27" s="261">
        <v>17</v>
      </c>
      <c r="EJ27" s="261">
        <v>8</v>
      </c>
      <c r="EK27" s="261">
        <v>17</v>
      </c>
      <c r="EL27" s="261">
        <v>23</v>
      </c>
      <c r="EM27" s="261">
        <v>19</v>
      </c>
      <c r="EN27" s="258">
        <v>84</v>
      </c>
      <c r="EO27" s="263">
        <v>93</v>
      </c>
      <c r="EP27" s="257">
        <v>99</v>
      </c>
      <c r="EQ27" s="261">
        <v>176</v>
      </c>
      <c r="ER27" s="258">
        <v>275</v>
      </c>
      <c r="ES27" s="260">
        <v>0</v>
      </c>
      <c r="ET27" s="261">
        <v>356</v>
      </c>
      <c r="EU27" s="261">
        <v>286</v>
      </c>
      <c r="EV27" s="261">
        <v>152</v>
      </c>
      <c r="EW27" s="261">
        <v>113</v>
      </c>
      <c r="EX27" s="261">
        <v>49</v>
      </c>
      <c r="EY27" s="258">
        <v>956</v>
      </c>
      <c r="EZ27" s="263">
        <v>1231</v>
      </c>
    </row>
    <row r="28" spans="2:156" ht="21" customHeight="1" x14ac:dyDescent="0.2">
      <c r="B28" s="472" t="s">
        <v>26</v>
      </c>
      <c r="C28" s="257">
        <v>0</v>
      </c>
      <c r="D28" s="261">
        <v>0</v>
      </c>
      <c r="E28" s="358">
        <v>0</v>
      </c>
      <c r="F28" s="260">
        <v>0</v>
      </c>
      <c r="G28" s="261">
        <v>77</v>
      </c>
      <c r="H28" s="261">
        <v>75</v>
      </c>
      <c r="I28" s="261">
        <v>71</v>
      </c>
      <c r="J28" s="261">
        <v>37</v>
      </c>
      <c r="K28" s="261">
        <v>43</v>
      </c>
      <c r="L28" s="262">
        <v>303</v>
      </c>
      <c r="M28" s="263">
        <v>303</v>
      </c>
      <c r="N28" s="257">
        <v>0</v>
      </c>
      <c r="O28" s="261">
        <v>0</v>
      </c>
      <c r="P28" s="258">
        <v>0</v>
      </c>
      <c r="Q28" s="260">
        <v>0</v>
      </c>
      <c r="R28" s="261">
        <v>0</v>
      </c>
      <c r="S28" s="261">
        <v>1</v>
      </c>
      <c r="T28" s="261">
        <v>3</v>
      </c>
      <c r="U28" s="261">
        <v>6</v>
      </c>
      <c r="V28" s="261">
        <v>16</v>
      </c>
      <c r="W28" s="258">
        <v>26</v>
      </c>
      <c r="X28" s="263">
        <v>26</v>
      </c>
      <c r="Y28" s="257">
        <v>11</v>
      </c>
      <c r="Z28" s="261">
        <v>14</v>
      </c>
      <c r="AA28" s="258">
        <v>25</v>
      </c>
      <c r="AB28" s="260">
        <v>0</v>
      </c>
      <c r="AC28" s="261">
        <v>70</v>
      </c>
      <c r="AD28" s="261">
        <v>72</v>
      </c>
      <c r="AE28" s="261">
        <v>42</v>
      </c>
      <c r="AF28" s="261">
        <v>36</v>
      </c>
      <c r="AG28" s="261">
        <v>37</v>
      </c>
      <c r="AH28" s="258">
        <v>257</v>
      </c>
      <c r="AI28" s="263">
        <v>282</v>
      </c>
      <c r="AJ28" s="257">
        <v>0</v>
      </c>
      <c r="AK28" s="261">
        <v>1</v>
      </c>
      <c r="AL28" s="258">
        <v>1</v>
      </c>
      <c r="AM28" s="260">
        <v>0</v>
      </c>
      <c r="AN28" s="261">
        <v>0</v>
      </c>
      <c r="AO28" s="261">
        <v>2</v>
      </c>
      <c r="AP28" s="261">
        <v>6</v>
      </c>
      <c r="AQ28" s="261">
        <v>3</v>
      </c>
      <c r="AR28" s="261">
        <v>3</v>
      </c>
      <c r="AS28" s="258">
        <v>14</v>
      </c>
      <c r="AT28" s="263">
        <v>15</v>
      </c>
      <c r="AU28" s="257">
        <v>9</v>
      </c>
      <c r="AV28" s="261">
        <v>7</v>
      </c>
      <c r="AW28" s="258">
        <v>16</v>
      </c>
      <c r="AX28" s="260">
        <v>0</v>
      </c>
      <c r="AY28" s="261">
        <v>61</v>
      </c>
      <c r="AZ28" s="261">
        <v>69</v>
      </c>
      <c r="BA28" s="261">
        <v>84</v>
      </c>
      <c r="BB28" s="261">
        <v>51</v>
      </c>
      <c r="BC28" s="261">
        <v>49</v>
      </c>
      <c r="BD28" s="262">
        <v>314</v>
      </c>
      <c r="BE28" s="263">
        <v>330</v>
      </c>
      <c r="BF28" s="257">
        <v>0</v>
      </c>
      <c r="BG28" s="261">
        <v>0</v>
      </c>
      <c r="BH28" s="258">
        <v>0</v>
      </c>
      <c r="BI28" s="260">
        <v>0</v>
      </c>
      <c r="BJ28" s="261">
        <v>122</v>
      </c>
      <c r="BK28" s="261">
        <v>96</v>
      </c>
      <c r="BL28" s="261">
        <v>55</v>
      </c>
      <c r="BM28" s="261">
        <v>22</v>
      </c>
      <c r="BN28" s="261">
        <v>18</v>
      </c>
      <c r="BO28" s="258">
        <v>313</v>
      </c>
      <c r="BP28" s="263">
        <v>313</v>
      </c>
      <c r="BQ28" s="257">
        <v>7</v>
      </c>
      <c r="BR28" s="261">
        <v>6</v>
      </c>
      <c r="BS28" s="258">
        <v>13</v>
      </c>
      <c r="BT28" s="260">
        <v>0</v>
      </c>
      <c r="BU28" s="261">
        <v>21</v>
      </c>
      <c r="BV28" s="261">
        <v>29</v>
      </c>
      <c r="BW28" s="261">
        <v>16</v>
      </c>
      <c r="BX28" s="261">
        <v>10</v>
      </c>
      <c r="BY28" s="261">
        <v>6</v>
      </c>
      <c r="BZ28" s="258">
        <v>82</v>
      </c>
      <c r="CA28" s="263">
        <v>95</v>
      </c>
      <c r="CB28" s="257">
        <v>1</v>
      </c>
      <c r="CC28" s="261">
        <v>0</v>
      </c>
      <c r="CD28" s="258">
        <v>1</v>
      </c>
      <c r="CE28" s="260">
        <v>0</v>
      </c>
      <c r="CF28" s="261">
        <v>20</v>
      </c>
      <c r="CG28" s="261">
        <v>26</v>
      </c>
      <c r="CH28" s="261">
        <v>24</v>
      </c>
      <c r="CI28" s="261">
        <v>14</v>
      </c>
      <c r="CJ28" s="261">
        <v>14</v>
      </c>
      <c r="CK28" s="258">
        <v>98</v>
      </c>
      <c r="CL28" s="263">
        <v>99</v>
      </c>
      <c r="CM28" s="257">
        <v>0</v>
      </c>
      <c r="CN28" s="261">
        <v>0</v>
      </c>
      <c r="CO28" s="258">
        <v>0</v>
      </c>
      <c r="CP28" s="260">
        <v>0</v>
      </c>
      <c r="CQ28" s="261">
        <v>1</v>
      </c>
      <c r="CR28" s="261">
        <v>3</v>
      </c>
      <c r="CS28" s="261">
        <v>2</v>
      </c>
      <c r="CT28" s="261">
        <v>2</v>
      </c>
      <c r="CU28" s="261">
        <v>1</v>
      </c>
      <c r="CV28" s="258">
        <v>9</v>
      </c>
      <c r="CW28" s="263">
        <v>9</v>
      </c>
      <c r="CX28" s="257">
        <v>0</v>
      </c>
      <c r="CY28" s="261">
        <v>0</v>
      </c>
      <c r="CZ28" s="258">
        <v>0</v>
      </c>
      <c r="DA28" s="260">
        <v>0</v>
      </c>
      <c r="DB28" s="261">
        <v>0</v>
      </c>
      <c r="DC28" s="261">
        <v>0</v>
      </c>
      <c r="DD28" s="261">
        <v>0</v>
      </c>
      <c r="DE28" s="261">
        <v>0</v>
      </c>
      <c r="DF28" s="261">
        <v>0</v>
      </c>
      <c r="DG28" s="258">
        <v>0</v>
      </c>
      <c r="DH28" s="263">
        <v>0</v>
      </c>
      <c r="DI28" s="257">
        <v>0</v>
      </c>
      <c r="DJ28" s="261">
        <v>0</v>
      </c>
      <c r="DK28" s="258">
        <v>0</v>
      </c>
      <c r="DL28" s="260">
        <v>0</v>
      </c>
      <c r="DM28" s="261">
        <v>0</v>
      </c>
      <c r="DN28" s="261">
        <v>0</v>
      </c>
      <c r="DO28" s="261">
        <v>0</v>
      </c>
      <c r="DP28" s="261">
        <v>0</v>
      </c>
      <c r="DQ28" s="261">
        <v>0</v>
      </c>
      <c r="DR28" s="258">
        <v>0</v>
      </c>
      <c r="DS28" s="263">
        <v>0</v>
      </c>
      <c r="DT28" s="257">
        <v>57</v>
      </c>
      <c r="DU28" s="261">
        <v>96</v>
      </c>
      <c r="DV28" s="258">
        <v>153</v>
      </c>
      <c r="DW28" s="260">
        <v>0</v>
      </c>
      <c r="DX28" s="261">
        <v>153</v>
      </c>
      <c r="DY28" s="261">
        <v>179</v>
      </c>
      <c r="DZ28" s="261">
        <v>119</v>
      </c>
      <c r="EA28" s="261">
        <v>78</v>
      </c>
      <c r="EB28" s="261">
        <v>67</v>
      </c>
      <c r="EC28" s="258">
        <v>596</v>
      </c>
      <c r="ED28" s="263">
        <v>749</v>
      </c>
      <c r="EE28" s="257">
        <v>8</v>
      </c>
      <c r="EF28" s="261">
        <v>4</v>
      </c>
      <c r="EG28" s="258">
        <v>12</v>
      </c>
      <c r="EH28" s="260">
        <v>0</v>
      </c>
      <c r="EI28" s="261">
        <v>26</v>
      </c>
      <c r="EJ28" s="261">
        <v>21</v>
      </c>
      <c r="EK28" s="261">
        <v>29</v>
      </c>
      <c r="EL28" s="261">
        <v>15</v>
      </c>
      <c r="EM28" s="261">
        <v>11</v>
      </c>
      <c r="EN28" s="258">
        <v>102</v>
      </c>
      <c r="EO28" s="263">
        <v>114</v>
      </c>
      <c r="EP28" s="257">
        <v>72</v>
      </c>
      <c r="EQ28" s="261">
        <v>108</v>
      </c>
      <c r="ER28" s="258">
        <v>180</v>
      </c>
      <c r="ES28" s="260">
        <v>0</v>
      </c>
      <c r="ET28" s="261">
        <v>285</v>
      </c>
      <c r="EU28" s="261">
        <v>236</v>
      </c>
      <c r="EV28" s="261">
        <v>153</v>
      </c>
      <c r="EW28" s="261">
        <v>85</v>
      </c>
      <c r="EX28" s="261">
        <v>71</v>
      </c>
      <c r="EY28" s="258">
        <v>830</v>
      </c>
      <c r="EZ28" s="263">
        <v>1010</v>
      </c>
    </row>
    <row r="29" spans="2:156" ht="21" customHeight="1" x14ac:dyDescent="0.2">
      <c r="B29" s="472" t="s">
        <v>27</v>
      </c>
      <c r="C29" s="257">
        <v>0</v>
      </c>
      <c r="D29" s="261">
        <v>0</v>
      </c>
      <c r="E29" s="358">
        <v>0</v>
      </c>
      <c r="F29" s="260">
        <v>0</v>
      </c>
      <c r="G29" s="261">
        <v>65</v>
      </c>
      <c r="H29" s="261">
        <v>46</v>
      </c>
      <c r="I29" s="261">
        <v>36</v>
      </c>
      <c r="J29" s="261">
        <v>26</v>
      </c>
      <c r="K29" s="261">
        <v>39</v>
      </c>
      <c r="L29" s="262">
        <v>212</v>
      </c>
      <c r="M29" s="263">
        <v>212</v>
      </c>
      <c r="N29" s="257">
        <v>0</v>
      </c>
      <c r="O29" s="261">
        <v>0</v>
      </c>
      <c r="P29" s="258">
        <v>0</v>
      </c>
      <c r="Q29" s="260">
        <v>0</v>
      </c>
      <c r="R29" s="261">
        <v>1</v>
      </c>
      <c r="S29" s="261">
        <v>4</v>
      </c>
      <c r="T29" s="261">
        <v>5</v>
      </c>
      <c r="U29" s="261">
        <v>8</v>
      </c>
      <c r="V29" s="261">
        <v>18</v>
      </c>
      <c r="W29" s="258">
        <v>36</v>
      </c>
      <c r="X29" s="263">
        <v>36</v>
      </c>
      <c r="Y29" s="257">
        <v>22</v>
      </c>
      <c r="Z29" s="261">
        <v>36</v>
      </c>
      <c r="AA29" s="258">
        <v>58</v>
      </c>
      <c r="AB29" s="260">
        <v>0</v>
      </c>
      <c r="AC29" s="261">
        <v>40</v>
      </c>
      <c r="AD29" s="261">
        <v>46</v>
      </c>
      <c r="AE29" s="261">
        <v>42</v>
      </c>
      <c r="AF29" s="261">
        <v>23</v>
      </c>
      <c r="AG29" s="261">
        <v>36</v>
      </c>
      <c r="AH29" s="258">
        <v>187</v>
      </c>
      <c r="AI29" s="263">
        <v>245</v>
      </c>
      <c r="AJ29" s="257">
        <v>1</v>
      </c>
      <c r="AK29" s="261">
        <v>2</v>
      </c>
      <c r="AL29" s="258">
        <v>3</v>
      </c>
      <c r="AM29" s="260">
        <v>0</v>
      </c>
      <c r="AN29" s="261">
        <v>1</v>
      </c>
      <c r="AO29" s="261">
        <v>2</v>
      </c>
      <c r="AP29" s="261">
        <v>1</v>
      </c>
      <c r="AQ29" s="261">
        <v>0</v>
      </c>
      <c r="AR29" s="261">
        <v>1</v>
      </c>
      <c r="AS29" s="258">
        <v>5</v>
      </c>
      <c r="AT29" s="263">
        <v>8</v>
      </c>
      <c r="AU29" s="257">
        <v>11</v>
      </c>
      <c r="AV29" s="261">
        <v>15</v>
      </c>
      <c r="AW29" s="258">
        <v>26</v>
      </c>
      <c r="AX29" s="260">
        <v>0</v>
      </c>
      <c r="AY29" s="261">
        <v>70</v>
      </c>
      <c r="AZ29" s="261">
        <v>64</v>
      </c>
      <c r="BA29" s="261">
        <v>67</v>
      </c>
      <c r="BB29" s="261">
        <v>64</v>
      </c>
      <c r="BC29" s="261">
        <v>57</v>
      </c>
      <c r="BD29" s="262">
        <v>322</v>
      </c>
      <c r="BE29" s="263">
        <v>348</v>
      </c>
      <c r="BF29" s="257">
        <v>0</v>
      </c>
      <c r="BG29" s="261">
        <v>0</v>
      </c>
      <c r="BH29" s="258">
        <v>0</v>
      </c>
      <c r="BI29" s="260">
        <v>0</v>
      </c>
      <c r="BJ29" s="261">
        <v>114</v>
      </c>
      <c r="BK29" s="261">
        <v>70</v>
      </c>
      <c r="BL29" s="261">
        <v>37</v>
      </c>
      <c r="BM29" s="261">
        <v>28</v>
      </c>
      <c r="BN29" s="261">
        <v>13</v>
      </c>
      <c r="BO29" s="258">
        <v>262</v>
      </c>
      <c r="BP29" s="263">
        <v>262</v>
      </c>
      <c r="BQ29" s="257">
        <v>10</v>
      </c>
      <c r="BR29" s="261">
        <v>28</v>
      </c>
      <c r="BS29" s="258">
        <v>38</v>
      </c>
      <c r="BT29" s="260">
        <v>0</v>
      </c>
      <c r="BU29" s="261">
        <v>19</v>
      </c>
      <c r="BV29" s="261">
        <v>31</v>
      </c>
      <c r="BW29" s="261">
        <v>13</v>
      </c>
      <c r="BX29" s="261">
        <v>6</v>
      </c>
      <c r="BY29" s="261">
        <v>5</v>
      </c>
      <c r="BZ29" s="258">
        <v>74</v>
      </c>
      <c r="CA29" s="263">
        <v>112</v>
      </c>
      <c r="CB29" s="257">
        <v>1</v>
      </c>
      <c r="CC29" s="261">
        <v>3</v>
      </c>
      <c r="CD29" s="258">
        <v>4</v>
      </c>
      <c r="CE29" s="260">
        <v>0</v>
      </c>
      <c r="CF29" s="261">
        <v>13</v>
      </c>
      <c r="CG29" s="261">
        <v>14</v>
      </c>
      <c r="CH29" s="261">
        <v>11</v>
      </c>
      <c r="CI29" s="261">
        <v>8</v>
      </c>
      <c r="CJ29" s="261">
        <v>5</v>
      </c>
      <c r="CK29" s="258">
        <v>51</v>
      </c>
      <c r="CL29" s="263">
        <v>55</v>
      </c>
      <c r="CM29" s="257">
        <v>1</v>
      </c>
      <c r="CN29" s="261">
        <v>0</v>
      </c>
      <c r="CO29" s="258">
        <v>1</v>
      </c>
      <c r="CP29" s="260">
        <v>0</v>
      </c>
      <c r="CQ29" s="261">
        <v>3</v>
      </c>
      <c r="CR29" s="261">
        <v>3</v>
      </c>
      <c r="CS29" s="261">
        <v>1</v>
      </c>
      <c r="CT29" s="261">
        <v>2</v>
      </c>
      <c r="CU29" s="261">
        <v>2</v>
      </c>
      <c r="CV29" s="258">
        <v>11</v>
      </c>
      <c r="CW29" s="263">
        <v>12</v>
      </c>
      <c r="CX29" s="257">
        <v>0</v>
      </c>
      <c r="CY29" s="261">
        <v>0</v>
      </c>
      <c r="CZ29" s="258">
        <v>0</v>
      </c>
      <c r="DA29" s="260">
        <v>0</v>
      </c>
      <c r="DB29" s="261">
        <v>0</v>
      </c>
      <c r="DC29" s="261">
        <v>0</v>
      </c>
      <c r="DD29" s="261">
        <v>0</v>
      </c>
      <c r="DE29" s="261">
        <v>0</v>
      </c>
      <c r="DF29" s="261">
        <v>0</v>
      </c>
      <c r="DG29" s="258">
        <v>0</v>
      </c>
      <c r="DH29" s="263">
        <v>0</v>
      </c>
      <c r="DI29" s="257">
        <v>0</v>
      </c>
      <c r="DJ29" s="261">
        <v>0</v>
      </c>
      <c r="DK29" s="258">
        <v>0</v>
      </c>
      <c r="DL29" s="260">
        <v>0</v>
      </c>
      <c r="DM29" s="261">
        <v>0</v>
      </c>
      <c r="DN29" s="261">
        <v>0</v>
      </c>
      <c r="DO29" s="261">
        <v>0</v>
      </c>
      <c r="DP29" s="261">
        <v>0</v>
      </c>
      <c r="DQ29" s="261">
        <v>0</v>
      </c>
      <c r="DR29" s="258">
        <v>0</v>
      </c>
      <c r="DS29" s="263">
        <v>0</v>
      </c>
      <c r="DT29" s="257">
        <v>88</v>
      </c>
      <c r="DU29" s="261">
        <v>138</v>
      </c>
      <c r="DV29" s="258">
        <v>226</v>
      </c>
      <c r="DW29" s="260">
        <v>0</v>
      </c>
      <c r="DX29" s="261">
        <v>94</v>
      </c>
      <c r="DY29" s="261">
        <v>122</v>
      </c>
      <c r="DZ29" s="261">
        <v>83</v>
      </c>
      <c r="EA29" s="261">
        <v>51</v>
      </c>
      <c r="EB29" s="261">
        <v>52</v>
      </c>
      <c r="EC29" s="258">
        <v>402</v>
      </c>
      <c r="ED29" s="263">
        <v>628</v>
      </c>
      <c r="EE29" s="257">
        <v>11</v>
      </c>
      <c r="EF29" s="261">
        <v>12</v>
      </c>
      <c r="EG29" s="258">
        <v>23</v>
      </c>
      <c r="EH29" s="260">
        <v>0</v>
      </c>
      <c r="EI29" s="261">
        <v>44</v>
      </c>
      <c r="EJ29" s="261">
        <v>32</v>
      </c>
      <c r="EK29" s="261">
        <v>30</v>
      </c>
      <c r="EL29" s="261">
        <v>37</v>
      </c>
      <c r="EM29" s="261">
        <v>18</v>
      </c>
      <c r="EN29" s="258">
        <v>161</v>
      </c>
      <c r="EO29" s="263">
        <v>184</v>
      </c>
      <c r="EP29" s="257">
        <v>118</v>
      </c>
      <c r="EQ29" s="261">
        <v>161</v>
      </c>
      <c r="ER29" s="258">
        <v>279</v>
      </c>
      <c r="ES29" s="260">
        <v>0</v>
      </c>
      <c r="ET29" s="261">
        <v>219</v>
      </c>
      <c r="EU29" s="261">
        <v>149</v>
      </c>
      <c r="EV29" s="261">
        <v>93</v>
      </c>
      <c r="EW29" s="261">
        <v>56</v>
      </c>
      <c r="EX29" s="261">
        <v>53</v>
      </c>
      <c r="EY29" s="258">
        <v>570</v>
      </c>
      <c r="EZ29" s="263">
        <v>849</v>
      </c>
    </row>
    <row r="30" spans="2:156" ht="21" customHeight="1" x14ac:dyDescent="0.2">
      <c r="B30" s="472" t="s">
        <v>28</v>
      </c>
      <c r="C30" s="257">
        <v>0</v>
      </c>
      <c r="D30" s="261">
        <v>0</v>
      </c>
      <c r="E30" s="358">
        <v>0</v>
      </c>
      <c r="F30" s="260">
        <v>0</v>
      </c>
      <c r="G30" s="261">
        <v>12</v>
      </c>
      <c r="H30" s="261">
        <v>16</v>
      </c>
      <c r="I30" s="261">
        <v>9</v>
      </c>
      <c r="J30" s="261">
        <v>8</v>
      </c>
      <c r="K30" s="261">
        <v>6</v>
      </c>
      <c r="L30" s="262">
        <v>51</v>
      </c>
      <c r="M30" s="263">
        <v>51</v>
      </c>
      <c r="N30" s="257">
        <v>0</v>
      </c>
      <c r="O30" s="261">
        <v>0</v>
      </c>
      <c r="P30" s="258">
        <v>0</v>
      </c>
      <c r="Q30" s="260">
        <v>0</v>
      </c>
      <c r="R30" s="261">
        <v>0</v>
      </c>
      <c r="S30" s="261">
        <v>0</v>
      </c>
      <c r="T30" s="261">
        <v>2</v>
      </c>
      <c r="U30" s="261">
        <v>5</v>
      </c>
      <c r="V30" s="261">
        <v>4</v>
      </c>
      <c r="W30" s="258">
        <v>11</v>
      </c>
      <c r="X30" s="263">
        <v>11</v>
      </c>
      <c r="Y30" s="257">
        <v>1</v>
      </c>
      <c r="Z30" s="261">
        <v>6</v>
      </c>
      <c r="AA30" s="258">
        <v>7</v>
      </c>
      <c r="AB30" s="260">
        <v>0</v>
      </c>
      <c r="AC30" s="261">
        <v>11</v>
      </c>
      <c r="AD30" s="261">
        <v>13</v>
      </c>
      <c r="AE30" s="261">
        <v>9</v>
      </c>
      <c r="AF30" s="261">
        <v>11</v>
      </c>
      <c r="AG30" s="261">
        <v>7</v>
      </c>
      <c r="AH30" s="258">
        <v>51</v>
      </c>
      <c r="AI30" s="263">
        <v>58</v>
      </c>
      <c r="AJ30" s="257">
        <v>0</v>
      </c>
      <c r="AK30" s="261">
        <v>0</v>
      </c>
      <c r="AL30" s="258">
        <v>0</v>
      </c>
      <c r="AM30" s="260">
        <v>0</v>
      </c>
      <c r="AN30" s="261">
        <v>2</v>
      </c>
      <c r="AO30" s="261">
        <v>1</v>
      </c>
      <c r="AP30" s="261">
        <v>0</v>
      </c>
      <c r="AQ30" s="261">
        <v>2</v>
      </c>
      <c r="AR30" s="261">
        <v>2</v>
      </c>
      <c r="AS30" s="258">
        <v>7</v>
      </c>
      <c r="AT30" s="263">
        <v>7</v>
      </c>
      <c r="AU30" s="257">
        <v>1</v>
      </c>
      <c r="AV30" s="261">
        <v>1</v>
      </c>
      <c r="AW30" s="258">
        <v>2</v>
      </c>
      <c r="AX30" s="260">
        <v>0</v>
      </c>
      <c r="AY30" s="261">
        <v>14</v>
      </c>
      <c r="AZ30" s="261">
        <v>23</v>
      </c>
      <c r="BA30" s="261">
        <v>20</v>
      </c>
      <c r="BB30" s="261">
        <v>19</v>
      </c>
      <c r="BC30" s="261">
        <v>14</v>
      </c>
      <c r="BD30" s="262">
        <v>90</v>
      </c>
      <c r="BE30" s="263">
        <v>92</v>
      </c>
      <c r="BF30" s="257">
        <v>0</v>
      </c>
      <c r="BG30" s="261">
        <v>0</v>
      </c>
      <c r="BH30" s="258">
        <v>0</v>
      </c>
      <c r="BI30" s="260">
        <v>0</v>
      </c>
      <c r="BJ30" s="261">
        <v>34</v>
      </c>
      <c r="BK30" s="261">
        <v>32</v>
      </c>
      <c r="BL30" s="261">
        <v>18</v>
      </c>
      <c r="BM30" s="261">
        <v>11</v>
      </c>
      <c r="BN30" s="261">
        <v>6</v>
      </c>
      <c r="BO30" s="258">
        <v>101</v>
      </c>
      <c r="BP30" s="263">
        <v>101</v>
      </c>
      <c r="BQ30" s="257">
        <v>1</v>
      </c>
      <c r="BR30" s="261">
        <v>3</v>
      </c>
      <c r="BS30" s="258">
        <v>4</v>
      </c>
      <c r="BT30" s="260">
        <v>0</v>
      </c>
      <c r="BU30" s="261">
        <v>10</v>
      </c>
      <c r="BV30" s="261">
        <v>15</v>
      </c>
      <c r="BW30" s="261">
        <v>7</v>
      </c>
      <c r="BX30" s="261">
        <v>6</v>
      </c>
      <c r="BY30" s="261">
        <v>4</v>
      </c>
      <c r="BZ30" s="258">
        <v>42</v>
      </c>
      <c r="CA30" s="263">
        <v>46</v>
      </c>
      <c r="CB30" s="257">
        <v>0</v>
      </c>
      <c r="CC30" s="261">
        <v>1</v>
      </c>
      <c r="CD30" s="258">
        <v>1</v>
      </c>
      <c r="CE30" s="260">
        <v>0</v>
      </c>
      <c r="CF30" s="261">
        <v>3</v>
      </c>
      <c r="CG30" s="261">
        <v>7</v>
      </c>
      <c r="CH30" s="261">
        <v>8</v>
      </c>
      <c r="CI30" s="261">
        <v>8</v>
      </c>
      <c r="CJ30" s="261">
        <v>3</v>
      </c>
      <c r="CK30" s="258">
        <v>29</v>
      </c>
      <c r="CL30" s="263">
        <v>30</v>
      </c>
      <c r="CM30" s="257">
        <v>0</v>
      </c>
      <c r="CN30" s="261">
        <v>0</v>
      </c>
      <c r="CO30" s="258">
        <v>0</v>
      </c>
      <c r="CP30" s="260">
        <v>0</v>
      </c>
      <c r="CQ30" s="261">
        <v>1</v>
      </c>
      <c r="CR30" s="261">
        <v>1</v>
      </c>
      <c r="CS30" s="261">
        <v>3</v>
      </c>
      <c r="CT30" s="261">
        <v>1</v>
      </c>
      <c r="CU30" s="261">
        <v>0</v>
      </c>
      <c r="CV30" s="258">
        <v>6</v>
      </c>
      <c r="CW30" s="263">
        <v>6</v>
      </c>
      <c r="CX30" s="257">
        <v>0</v>
      </c>
      <c r="CY30" s="261">
        <v>0</v>
      </c>
      <c r="CZ30" s="258">
        <v>0</v>
      </c>
      <c r="DA30" s="260">
        <v>0</v>
      </c>
      <c r="DB30" s="261">
        <v>0</v>
      </c>
      <c r="DC30" s="261">
        <v>0</v>
      </c>
      <c r="DD30" s="261">
        <v>0</v>
      </c>
      <c r="DE30" s="261">
        <v>0</v>
      </c>
      <c r="DF30" s="261">
        <v>0</v>
      </c>
      <c r="DG30" s="258">
        <v>0</v>
      </c>
      <c r="DH30" s="263">
        <v>0</v>
      </c>
      <c r="DI30" s="257">
        <v>0</v>
      </c>
      <c r="DJ30" s="261">
        <v>0</v>
      </c>
      <c r="DK30" s="258">
        <v>0</v>
      </c>
      <c r="DL30" s="260">
        <v>0</v>
      </c>
      <c r="DM30" s="261">
        <v>0</v>
      </c>
      <c r="DN30" s="261">
        <v>0</v>
      </c>
      <c r="DO30" s="261">
        <v>0</v>
      </c>
      <c r="DP30" s="261">
        <v>0</v>
      </c>
      <c r="DQ30" s="261">
        <v>0</v>
      </c>
      <c r="DR30" s="258">
        <v>0</v>
      </c>
      <c r="DS30" s="263">
        <v>0</v>
      </c>
      <c r="DT30" s="257">
        <v>8</v>
      </c>
      <c r="DU30" s="261">
        <v>16</v>
      </c>
      <c r="DV30" s="258">
        <v>24</v>
      </c>
      <c r="DW30" s="260">
        <v>0</v>
      </c>
      <c r="DX30" s="261">
        <v>44</v>
      </c>
      <c r="DY30" s="261">
        <v>58</v>
      </c>
      <c r="DZ30" s="261">
        <v>34</v>
      </c>
      <c r="EA30" s="261">
        <v>24</v>
      </c>
      <c r="EB30" s="261">
        <v>14</v>
      </c>
      <c r="EC30" s="258">
        <v>174</v>
      </c>
      <c r="ED30" s="263">
        <v>198</v>
      </c>
      <c r="EE30" s="257">
        <v>0</v>
      </c>
      <c r="EF30" s="261">
        <v>0</v>
      </c>
      <c r="EG30" s="258">
        <v>0</v>
      </c>
      <c r="EH30" s="260">
        <v>0</v>
      </c>
      <c r="EI30" s="261">
        <v>5</v>
      </c>
      <c r="EJ30" s="261">
        <v>8</v>
      </c>
      <c r="EK30" s="261">
        <v>5</v>
      </c>
      <c r="EL30" s="261">
        <v>4</v>
      </c>
      <c r="EM30" s="261">
        <v>1</v>
      </c>
      <c r="EN30" s="258">
        <v>23</v>
      </c>
      <c r="EO30" s="263">
        <v>23</v>
      </c>
      <c r="EP30" s="257">
        <v>9</v>
      </c>
      <c r="EQ30" s="261">
        <v>18</v>
      </c>
      <c r="ER30" s="258">
        <v>27</v>
      </c>
      <c r="ES30" s="260">
        <v>0</v>
      </c>
      <c r="ET30" s="261">
        <v>82</v>
      </c>
      <c r="EU30" s="261">
        <v>81</v>
      </c>
      <c r="EV30" s="261">
        <v>41</v>
      </c>
      <c r="EW30" s="261">
        <v>28</v>
      </c>
      <c r="EX30" s="261">
        <v>15</v>
      </c>
      <c r="EY30" s="258">
        <v>247</v>
      </c>
      <c r="EZ30" s="263">
        <v>274</v>
      </c>
    </row>
    <row r="31" spans="2:156" ht="21" customHeight="1" x14ac:dyDescent="0.2">
      <c r="B31" s="472" t="s">
        <v>29</v>
      </c>
      <c r="C31" s="257">
        <v>0</v>
      </c>
      <c r="D31" s="261">
        <v>0</v>
      </c>
      <c r="E31" s="358">
        <v>0</v>
      </c>
      <c r="F31" s="260">
        <v>0</v>
      </c>
      <c r="G31" s="261">
        <v>24</v>
      </c>
      <c r="H31" s="261">
        <v>22</v>
      </c>
      <c r="I31" s="261">
        <v>16</v>
      </c>
      <c r="J31" s="261">
        <v>11</v>
      </c>
      <c r="K31" s="261">
        <v>11</v>
      </c>
      <c r="L31" s="262">
        <v>84</v>
      </c>
      <c r="M31" s="263">
        <v>84</v>
      </c>
      <c r="N31" s="257">
        <v>0</v>
      </c>
      <c r="O31" s="261">
        <v>0</v>
      </c>
      <c r="P31" s="258">
        <v>0</v>
      </c>
      <c r="Q31" s="260">
        <v>0</v>
      </c>
      <c r="R31" s="261">
        <v>0</v>
      </c>
      <c r="S31" s="261">
        <v>0</v>
      </c>
      <c r="T31" s="261">
        <v>3</v>
      </c>
      <c r="U31" s="261">
        <v>2</v>
      </c>
      <c r="V31" s="261">
        <v>9</v>
      </c>
      <c r="W31" s="258">
        <v>14</v>
      </c>
      <c r="X31" s="263">
        <v>14</v>
      </c>
      <c r="Y31" s="257">
        <v>2</v>
      </c>
      <c r="Z31" s="261">
        <v>6</v>
      </c>
      <c r="AA31" s="258">
        <v>8</v>
      </c>
      <c r="AB31" s="260">
        <v>0</v>
      </c>
      <c r="AC31" s="261">
        <v>26</v>
      </c>
      <c r="AD31" s="261">
        <v>19</v>
      </c>
      <c r="AE31" s="261">
        <v>15</v>
      </c>
      <c r="AF31" s="261">
        <v>11</v>
      </c>
      <c r="AG31" s="261">
        <v>13</v>
      </c>
      <c r="AH31" s="258">
        <v>84</v>
      </c>
      <c r="AI31" s="263">
        <v>92</v>
      </c>
      <c r="AJ31" s="257">
        <v>0</v>
      </c>
      <c r="AK31" s="261">
        <v>1</v>
      </c>
      <c r="AL31" s="258">
        <v>1</v>
      </c>
      <c r="AM31" s="260">
        <v>0</v>
      </c>
      <c r="AN31" s="261">
        <v>2</v>
      </c>
      <c r="AO31" s="261">
        <v>1</v>
      </c>
      <c r="AP31" s="261">
        <v>3</v>
      </c>
      <c r="AQ31" s="261">
        <v>2</v>
      </c>
      <c r="AR31" s="261">
        <v>0</v>
      </c>
      <c r="AS31" s="258">
        <v>8</v>
      </c>
      <c r="AT31" s="263">
        <v>9</v>
      </c>
      <c r="AU31" s="257">
        <v>2</v>
      </c>
      <c r="AV31" s="261">
        <v>2</v>
      </c>
      <c r="AW31" s="258">
        <v>4</v>
      </c>
      <c r="AX31" s="260">
        <v>0</v>
      </c>
      <c r="AY31" s="261">
        <v>19</v>
      </c>
      <c r="AZ31" s="261">
        <v>23</v>
      </c>
      <c r="BA31" s="261">
        <v>23</v>
      </c>
      <c r="BB31" s="261">
        <v>19</v>
      </c>
      <c r="BC31" s="261">
        <v>13</v>
      </c>
      <c r="BD31" s="262">
        <v>97</v>
      </c>
      <c r="BE31" s="263">
        <v>101</v>
      </c>
      <c r="BF31" s="257">
        <v>0</v>
      </c>
      <c r="BG31" s="261">
        <v>0</v>
      </c>
      <c r="BH31" s="258">
        <v>0</v>
      </c>
      <c r="BI31" s="260">
        <v>0</v>
      </c>
      <c r="BJ31" s="261">
        <v>28</v>
      </c>
      <c r="BK31" s="261">
        <v>39</v>
      </c>
      <c r="BL31" s="261">
        <v>30</v>
      </c>
      <c r="BM31" s="261">
        <v>11</v>
      </c>
      <c r="BN31" s="261">
        <v>7</v>
      </c>
      <c r="BO31" s="258">
        <v>115</v>
      </c>
      <c r="BP31" s="263">
        <v>115</v>
      </c>
      <c r="BQ31" s="257">
        <v>4</v>
      </c>
      <c r="BR31" s="261">
        <v>4</v>
      </c>
      <c r="BS31" s="258">
        <v>8</v>
      </c>
      <c r="BT31" s="260">
        <v>0</v>
      </c>
      <c r="BU31" s="261">
        <v>16</v>
      </c>
      <c r="BV31" s="261">
        <v>8</v>
      </c>
      <c r="BW31" s="261">
        <v>10</v>
      </c>
      <c r="BX31" s="261">
        <v>1</v>
      </c>
      <c r="BY31" s="261">
        <v>0</v>
      </c>
      <c r="BZ31" s="258">
        <v>35</v>
      </c>
      <c r="CA31" s="263">
        <v>43</v>
      </c>
      <c r="CB31" s="257">
        <v>0</v>
      </c>
      <c r="CC31" s="261">
        <v>0</v>
      </c>
      <c r="CD31" s="258">
        <v>0</v>
      </c>
      <c r="CE31" s="260">
        <v>0</v>
      </c>
      <c r="CF31" s="261">
        <v>5</v>
      </c>
      <c r="CG31" s="261">
        <v>10</v>
      </c>
      <c r="CH31" s="261">
        <v>17</v>
      </c>
      <c r="CI31" s="261">
        <v>5</v>
      </c>
      <c r="CJ31" s="261">
        <v>6</v>
      </c>
      <c r="CK31" s="258">
        <v>43</v>
      </c>
      <c r="CL31" s="263">
        <v>43</v>
      </c>
      <c r="CM31" s="257">
        <v>0</v>
      </c>
      <c r="CN31" s="261">
        <v>0</v>
      </c>
      <c r="CO31" s="258">
        <v>0</v>
      </c>
      <c r="CP31" s="260">
        <v>0</v>
      </c>
      <c r="CQ31" s="261">
        <v>2</v>
      </c>
      <c r="CR31" s="261">
        <v>1</v>
      </c>
      <c r="CS31" s="261">
        <v>1</v>
      </c>
      <c r="CT31" s="261">
        <v>0</v>
      </c>
      <c r="CU31" s="261">
        <v>0</v>
      </c>
      <c r="CV31" s="258">
        <v>4</v>
      </c>
      <c r="CW31" s="263">
        <v>4</v>
      </c>
      <c r="CX31" s="257">
        <v>0</v>
      </c>
      <c r="CY31" s="261">
        <v>0</v>
      </c>
      <c r="CZ31" s="258">
        <v>0</v>
      </c>
      <c r="DA31" s="260">
        <v>0</v>
      </c>
      <c r="DB31" s="261">
        <v>0</v>
      </c>
      <c r="DC31" s="261">
        <v>0</v>
      </c>
      <c r="DD31" s="261">
        <v>0</v>
      </c>
      <c r="DE31" s="261">
        <v>0</v>
      </c>
      <c r="DF31" s="261">
        <v>0</v>
      </c>
      <c r="DG31" s="258">
        <v>0</v>
      </c>
      <c r="DH31" s="263">
        <v>0</v>
      </c>
      <c r="DI31" s="257">
        <v>0</v>
      </c>
      <c r="DJ31" s="261">
        <v>0</v>
      </c>
      <c r="DK31" s="258">
        <v>0</v>
      </c>
      <c r="DL31" s="260">
        <v>0</v>
      </c>
      <c r="DM31" s="261">
        <v>0</v>
      </c>
      <c r="DN31" s="261">
        <v>0</v>
      </c>
      <c r="DO31" s="261">
        <v>0</v>
      </c>
      <c r="DP31" s="261">
        <v>0</v>
      </c>
      <c r="DQ31" s="261">
        <v>0</v>
      </c>
      <c r="DR31" s="258">
        <v>0</v>
      </c>
      <c r="DS31" s="263">
        <v>0</v>
      </c>
      <c r="DT31" s="257">
        <v>25</v>
      </c>
      <c r="DU31" s="261">
        <v>35</v>
      </c>
      <c r="DV31" s="258">
        <v>60</v>
      </c>
      <c r="DW31" s="260">
        <v>0</v>
      </c>
      <c r="DX31" s="261">
        <v>43</v>
      </c>
      <c r="DY31" s="261">
        <v>55</v>
      </c>
      <c r="DZ31" s="261">
        <v>55</v>
      </c>
      <c r="EA31" s="261">
        <v>30</v>
      </c>
      <c r="EB31" s="261">
        <v>25</v>
      </c>
      <c r="EC31" s="258">
        <v>208</v>
      </c>
      <c r="ED31" s="263">
        <v>268</v>
      </c>
      <c r="EE31" s="257">
        <v>1</v>
      </c>
      <c r="EF31" s="261">
        <v>0</v>
      </c>
      <c r="EG31" s="258">
        <v>1</v>
      </c>
      <c r="EH31" s="260">
        <v>0</v>
      </c>
      <c r="EI31" s="261">
        <v>7</v>
      </c>
      <c r="EJ31" s="261">
        <v>7</v>
      </c>
      <c r="EK31" s="261">
        <v>3</v>
      </c>
      <c r="EL31" s="261">
        <v>7</v>
      </c>
      <c r="EM31" s="261">
        <v>4</v>
      </c>
      <c r="EN31" s="258">
        <v>28</v>
      </c>
      <c r="EO31" s="263">
        <v>29</v>
      </c>
      <c r="EP31" s="257">
        <v>29</v>
      </c>
      <c r="EQ31" s="261">
        <v>40</v>
      </c>
      <c r="ER31" s="258">
        <v>69</v>
      </c>
      <c r="ES31" s="260">
        <v>0</v>
      </c>
      <c r="ET31" s="261">
        <v>89</v>
      </c>
      <c r="EU31" s="261">
        <v>82</v>
      </c>
      <c r="EV31" s="261">
        <v>64</v>
      </c>
      <c r="EW31" s="261">
        <v>29</v>
      </c>
      <c r="EX31" s="261">
        <v>24</v>
      </c>
      <c r="EY31" s="258">
        <v>288</v>
      </c>
      <c r="EZ31" s="263">
        <v>357</v>
      </c>
    </row>
    <row r="32" spans="2:156" ht="21" customHeight="1" x14ac:dyDescent="0.2">
      <c r="B32" s="472" t="s">
        <v>30</v>
      </c>
      <c r="C32" s="257">
        <v>0</v>
      </c>
      <c r="D32" s="261">
        <v>0</v>
      </c>
      <c r="E32" s="358">
        <v>0</v>
      </c>
      <c r="F32" s="260">
        <v>0</v>
      </c>
      <c r="G32" s="261">
        <v>18</v>
      </c>
      <c r="H32" s="261">
        <v>16</v>
      </c>
      <c r="I32" s="261">
        <v>15</v>
      </c>
      <c r="J32" s="261">
        <v>16</v>
      </c>
      <c r="K32" s="261">
        <v>5</v>
      </c>
      <c r="L32" s="262">
        <v>70</v>
      </c>
      <c r="M32" s="263">
        <v>70</v>
      </c>
      <c r="N32" s="257">
        <v>0</v>
      </c>
      <c r="O32" s="261">
        <v>0</v>
      </c>
      <c r="P32" s="258">
        <v>0</v>
      </c>
      <c r="Q32" s="260">
        <v>0</v>
      </c>
      <c r="R32" s="261">
        <v>2</v>
      </c>
      <c r="S32" s="261">
        <v>0</v>
      </c>
      <c r="T32" s="261">
        <v>3</v>
      </c>
      <c r="U32" s="261">
        <v>5</v>
      </c>
      <c r="V32" s="261">
        <v>4</v>
      </c>
      <c r="W32" s="258">
        <v>14</v>
      </c>
      <c r="X32" s="263">
        <v>14</v>
      </c>
      <c r="Y32" s="257">
        <v>4</v>
      </c>
      <c r="Z32" s="261">
        <v>7</v>
      </c>
      <c r="AA32" s="258">
        <v>11</v>
      </c>
      <c r="AB32" s="260">
        <v>0</v>
      </c>
      <c r="AC32" s="261">
        <v>20</v>
      </c>
      <c r="AD32" s="261">
        <v>15</v>
      </c>
      <c r="AE32" s="261">
        <v>15</v>
      </c>
      <c r="AF32" s="261">
        <v>15</v>
      </c>
      <c r="AG32" s="261">
        <v>3</v>
      </c>
      <c r="AH32" s="258">
        <v>68</v>
      </c>
      <c r="AI32" s="263">
        <v>79</v>
      </c>
      <c r="AJ32" s="257">
        <v>0</v>
      </c>
      <c r="AK32" s="261">
        <v>0</v>
      </c>
      <c r="AL32" s="258">
        <v>0</v>
      </c>
      <c r="AM32" s="260">
        <v>0</v>
      </c>
      <c r="AN32" s="261">
        <v>2</v>
      </c>
      <c r="AO32" s="261">
        <v>2</v>
      </c>
      <c r="AP32" s="261">
        <v>3</v>
      </c>
      <c r="AQ32" s="261">
        <v>1</v>
      </c>
      <c r="AR32" s="261">
        <v>0</v>
      </c>
      <c r="AS32" s="258">
        <v>8</v>
      </c>
      <c r="AT32" s="263">
        <v>8</v>
      </c>
      <c r="AU32" s="257">
        <v>1</v>
      </c>
      <c r="AV32" s="261">
        <v>1</v>
      </c>
      <c r="AW32" s="258">
        <v>2</v>
      </c>
      <c r="AX32" s="260">
        <v>0</v>
      </c>
      <c r="AY32" s="261">
        <v>21</v>
      </c>
      <c r="AZ32" s="261">
        <v>20</v>
      </c>
      <c r="BA32" s="261">
        <v>22</v>
      </c>
      <c r="BB32" s="261">
        <v>24</v>
      </c>
      <c r="BC32" s="261">
        <v>5</v>
      </c>
      <c r="BD32" s="262">
        <v>92</v>
      </c>
      <c r="BE32" s="263">
        <v>94</v>
      </c>
      <c r="BF32" s="257">
        <v>0</v>
      </c>
      <c r="BG32" s="261">
        <v>0</v>
      </c>
      <c r="BH32" s="258">
        <v>0</v>
      </c>
      <c r="BI32" s="260">
        <v>0</v>
      </c>
      <c r="BJ32" s="261">
        <v>31</v>
      </c>
      <c r="BK32" s="261">
        <v>23</v>
      </c>
      <c r="BL32" s="261">
        <v>16</v>
      </c>
      <c r="BM32" s="261">
        <v>13</v>
      </c>
      <c r="BN32" s="261">
        <v>2</v>
      </c>
      <c r="BO32" s="258">
        <v>85</v>
      </c>
      <c r="BP32" s="263">
        <v>85</v>
      </c>
      <c r="BQ32" s="257">
        <v>5</v>
      </c>
      <c r="BR32" s="261">
        <v>7</v>
      </c>
      <c r="BS32" s="258">
        <v>12</v>
      </c>
      <c r="BT32" s="260">
        <v>0</v>
      </c>
      <c r="BU32" s="261">
        <v>7</v>
      </c>
      <c r="BV32" s="261">
        <v>8</v>
      </c>
      <c r="BW32" s="261">
        <v>4</v>
      </c>
      <c r="BX32" s="261">
        <v>3</v>
      </c>
      <c r="BY32" s="261">
        <v>1</v>
      </c>
      <c r="BZ32" s="258">
        <v>23</v>
      </c>
      <c r="CA32" s="263">
        <v>35</v>
      </c>
      <c r="CB32" s="257">
        <v>0</v>
      </c>
      <c r="CC32" s="261">
        <v>1</v>
      </c>
      <c r="CD32" s="258">
        <v>1</v>
      </c>
      <c r="CE32" s="260">
        <v>0</v>
      </c>
      <c r="CF32" s="261">
        <v>6</v>
      </c>
      <c r="CG32" s="261">
        <v>6</v>
      </c>
      <c r="CH32" s="261">
        <v>8</v>
      </c>
      <c r="CI32" s="261">
        <v>3</v>
      </c>
      <c r="CJ32" s="261">
        <v>2</v>
      </c>
      <c r="CK32" s="258">
        <v>25</v>
      </c>
      <c r="CL32" s="263">
        <v>26</v>
      </c>
      <c r="CM32" s="257">
        <v>0</v>
      </c>
      <c r="CN32" s="261">
        <v>0</v>
      </c>
      <c r="CO32" s="258">
        <v>0</v>
      </c>
      <c r="CP32" s="260">
        <v>0</v>
      </c>
      <c r="CQ32" s="261">
        <v>0</v>
      </c>
      <c r="CR32" s="261">
        <v>1</v>
      </c>
      <c r="CS32" s="261">
        <v>1</v>
      </c>
      <c r="CT32" s="261">
        <v>0</v>
      </c>
      <c r="CU32" s="261">
        <v>1</v>
      </c>
      <c r="CV32" s="258">
        <v>3</v>
      </c>
      <c r="CW32" s="263">
        <v>3</v>
      </c>
      <c r="CX32" s="257">
        <v>0</v>
      </c>
      <c r="CY32" s="261">
        <v>0</v>
      </c>
      <c r="CZ32" s="258">
        <v>0</v>
      </c>
      <c r="DA32" s="260">
        <v>0</v>
      </c>
      <c r="DB32" s="261">
        <v>0</v>
      </c>
      <c r="DC32" s="261">
        <v>0</v>
      </c>
      <c r="DD32" s="261">
        <v>0</v>
      </c>
      <c r="DE32" s="261">
        <v>0</v>
      </c>
      <c r="DF32" s="261">
        <v>0</v>
      </c>
      <c r="DG32" s="258">
        <v>0</v>
      </c>
      <c r="DH32" s="263">
        <v>0</v>
      </c>
      <c r="DI32" s="257">
        <v>0</v>
      </c>
      <c r="DJ32" s="261">
        <v>0</v>
      </c>
      <c r="DK32" s="258">
        <v>0</v>
      </c>
      <c r="DL32" s="260">
        <v>0</v>
      </c>
      <c r="DM32" s="261">
        <v>0</v>
      </c>
      <c r="DN32" s="261">
        <v>0</v>
      </c>
      <c r="DO32" s="261">
        <v>0</v>
      </c>
      <c r="DP32" s="261">
        <v>0</v>
      </c>
      <c r="DQ32" s="261">
        <v>0</v>
      </c>
      <c r="DR32" s="258">
        <v>0</v>
      </c>
      <c r="DS32" s="263">
        <v>0</v>
      </c>
      <c r="DT32" s="257">
        <v>38</v>
      </c>
      <c r="DU32" s="261">
        <v>26</v>
      </c>
      <c r="DV32" s="258">
        <v>64</v>
      </c>
      <c r="DW32" s="260">
        <v>0</v>
      </c>
      <c r="DX32" s="261">
        <v>50</v>
      </c>
      <c r="DY32" s="261">
        <v>43</v>
      </c>
      <c r="DZ32" s="261">
        <v>46</v>
      </c>
      <c r="EA32" s="261">
        <v>29</v>
      </c>
      <c r="EB32" s="261">
        <v>10</v>
      </c>
      <c r="EC32" s="258">
        <v>178</v>
      </c>
      <c r="ED32" s="263">
        <v>242</v>
      </c>
      <c r="EE32" s="257">
        <v>1</v>
      </c>
      <c r="EF32" s="261">
        <v>0</v>
      </c>
      <c r="EG32" s="258">
        <v>1</v>
      </c>
      <c r="EH32" s="260">
        <v>0</v>
      </c>
      <c r="EI32" s="261">
        <v>8</v>
      </c>
      <c r="EJ32" s="261">
        <v>9</v>
      </c>
      <c r="EK32" s="261">
        <v>6</v>
      </c>
      <c r="EL32" s="261">
        <v>3</v>
      </c>
      <c r="EM32" s="261">
        <v>2</v>
      </c>
      <c r="EN32" s="258">
        <v>28</v>
      </c>
      <c r="EO32" s="263">
        <v>29</v>
      </c>
      <c r="EP32" s="257">
        <v>42</v>
      </c>
      <c r="EQ32" s="261">
        <v>29</v>
      </c>
      <c r="ER32" s="258">
        <v>71</v>
      </c>
      <c r="ES32" s="260">
        <v>0</v>
      </c>
      <c r="ET32" s="261">
        <v>85</v>
      </c>
      <c r="EU32" s="261">
        <v>55</v>
      </c>
      <c r="EV32" s="261">
        <v>49</v>
      </c>
      <c r="EW32" s="261">
        <v>32</v>
      </c>
      <c r="EX32" s="261">
        <v>11</v>
      </c>
      <c r="EY32" s="258">
        <v>232</v>
      </c>
      <c r="EZ32" s="263">
        <v>303</v>
      </c>
    </row>
    <row r="33" spans="2:156" ht="21" customHeight="1" x14ac:dyDescent="0.2">
      <c r="B33" s="472" t="s">
        <v>31</v>
      </c>
      <c r="C33" s="257">
        <v>0</v>
      </c>
      <c r="D33" s="261">
        <v>0</v>
      </c>
      <c r="E33" s="358">
        <v>0</v>
      </c>
      <c r="F33" s="260">
        <v>0</v>
      </c>
      <c r="G33" s="261">
        <v>14</v>
      </c>
      <c r="H33" s="261">
        <v>13</v>
      </c>
      <c r="I33" s="261">
        <v>7</v>
      </c>
      <c r="J33" s="261">
        <v>9</v>
      </c>
      <c r="K33" s="261">
        <v>5</v>
      </c>
      <c r="L33" s="262">
        <v>48</v>
      </c>
      <c r="M33" s="263">
        <v>48</v>
      </c>
      <c r="N33" s="257">
        <v>0</v>
      </c>
      <c r="O33" s="261">
        <v>0</v>
      </c>
      <c r="P33" s="258">
        <v>0</v>
      </c>
      <c r="Q33" s="260">
        <v>0</v>
      </c>
      <c r="R33" s="261">
        <v>1</v>
      </c>
      <c r="S33" s="261">
        <v>2</v>
      </c>
      <c r="T33" s="261">
        <v>3</v>
      </c>
      <c r="U33" s="261">
        <v>6</v>
      </c>
      <c r="V33" s="261">
        <v>2</v>
      </c>
      <c r="W33" s="258">
        <v>14</v>
      </c>
      <c r="X33" s="263">
        <v>14</v>
      </c>
      <c r="Y33" s="257">
        <v>2</v>
      </c>
      <c r="Z33" s="261">
        <v>7</v>
      </c>
      <c r="AA33" s="258">
        <v>9</v>
      </c>
      <c r="AB33" s="260">
        <v>0</v>
      </c>
      <c r="AC33" s="261">
        <v>16</v>
      </c>
      <c r="AD33" s="261">
        <v>18</v>
      </c>
      <c r="AE33" s="261">
        <v>14</v>
      </c>
      <c r="AF33" s="261">
        <v>21</v>
      </c>
      <c r="AG33" s="261">
        <v>6</v>
      </c>
      <c r="AH33" s="258">
        <v>75</v>
      </c>
      <c r="AI33" s="263">
        <v>84</v>
      </c>
      <c r="AJ33" s="257">
        <v>1</v>
      </c>
      <c r="AK33" s="261">
        <v>2</v>
      </c>
      <c r="AL33" s="258">
        <v>3</v>
      </c>
      <c r="AM33" s="260">
        <v>0</v>
      </c>
      <c r="AN33" s="261">
        <v>2</v>
      </c>
      <c r="AO33" s="261">
        <v>1</v>
      </c>
      <c r="AP33" s="261">
        <v>3</v>
      </c>
      <c r="AQ33" s="261">
        <v>3</v>
      </c>
      <c r="AR33" s="261">
        <v>0</v>
      </c>
      <c r="AS33" s="258">
        <v>9</v>
      </c>
      <c r="AT33" s="263">
        <v>12</v>
      </c>
      <c r="AU33" s="257">
        <v>3</v>
      </c>
      <c r="AV33" s="261">
        <v>0</v>
      </c>
      <c r="AW33" s="258">
        <v>3</v>
      </c>
      <c r="AX33" s="260">
        <v>0</v>
      </c>
      <c r="AY33" s="261">
        <v>8</v>
      </c>
      <c r="AZ33" s="261">
        <v>15</v>
      </c>
      <c r="BA33" s="261">
        <v>10</v>
      </c>
      <c r="BB33" s="261">
        <v>18</v>
      </c>
      <c r="BC33" s="261">
        <v>9</v>
      </c>
      <c r="BD33" s="262">
        <v>60</v>
      </c>
      <c r="BE33" s="263">
        <v>63</v>
      </c>
      <c r="BF33" s="257">
        <v>0</v>
      </c>
      <c r="BG33" s="261">
        <v>0</v>
      </c>
      <c r="BH33" s="258">
        <v>0</v>
      </c>
      <c r="BI33" s="260">
        <v>0</v>
      </c>
      <c r="BJ33" s="261">
        <v>40</v>
      </c>
      <c r="BK33" s="261">
        <v>39</v>
      </c>
      <c r="BL33" s="261">
        <v>17</v>
      </c>
      <c r="BM33" s="261">
        <v>15</v>
      </c>
      <c r="BN33" s="261">
        <v>3</v>
      </c>
      <c r="BO33" s="258">
        <v>114</v>
      </c>
      <c r="BP33" s="263">
        <v>114</v>
      </c>
      <c r="BQ33" s="257">
        <v>0</v>
      </c>
      <c r="BR33" s="261">
        <v>1</v>
      </c>
      <c r="BS33" s="258">
        <v>1</v>
      </c>
      <c r="BT33" s="260">
        <v>0</v>
      </c>
      <c r="BU33" s="261">
        <v>7</v>
      </c>
      <c r="BV33" s="261">
        <v>7</v>
      </c>
      <c r="BW33" s="261">
        <v>9</v>
      </c>
      <c r="BX33" s="261">
        <v>2</v>
      </c>
      <c r="BY33" s="261">
        <v>1</v>
      </c>
      <c r="BZ33" s="258">
        <v>26</v>
      </c>
      <c r="CA33" s="263">
        <v>27</v>
      </c>
      <c r="CB33" s="257">
        <v>0</v>
      </c>
      <c r="CC33" s="261">
        <v>1</v>
      </c>
      <c r="CD33" s="258">
        <v>1</v>
      </c>
      <c r="CE33" s="260">
        <v>0</v>
      </c>
      <c r="CF33" s="261">
        <v>8</v>
      </c>
      <c r="CG33" s="261">
        <v>5</v>
      </c>
      <c r="CH33" s="261">
        <v>9</v>
      </c>
      <c r="CI33" s="261">
        <v>10</v>
      </c>
      <c r="CJ33" s="261">
        <v>1</v>
      </c>
      <c r="CK33" s="258">
        <v>33</v>
      </c>
      <c r="CL33" s="263">
        <v>34</v>
      </c>
      <c r="CM33" s="257">
        <v>0</v>
      </c>
      <c r="CN33" s="261">
        <v>0</v>
      </c>
      <c r="CO33" s="258">
        <v>0</v>
      </c>
      <c r="CP33" s="260">
        <v>0</v>
      </c>
      <c r="CQ33" s="261">
        <v>1</v>
      </c>
      <c r="CR33" s="261">
        <v>1</v>
      </c>
      <c r="CS33" s="261">
        <v>0</v>
      </c>
      <c r="CT33" s="261">
        <v>0</v>
      </c>
      <c r="CU33" s="261">
        <v>2</v>
      </c>
      <c r="CV33" s="258">
        <v>4</v>
      </c>
      <c r="CW33" s="263">
        <v>4</v>
      </c>
      <c r="CX33" s="257">
        <v>0</v>
      </c>
      <c r="CY33" s="261">
        <v>0</v>
      </c>
      <c r="CZ33" s="258">
        <v>0</v>
      </c>
      <c r="DA33" s="260">
        <v>0</v>
      </c>
      <c r="DB33" s="261">
        <v>0</v>
      </c>
      <c r="DC33" s="261">
        <v>0</v>
      </c>
      <c r="DD33" s="261">
        <v>0</v>
      </c>
      <c r="DE33" s="261">
        <v>0</v>
      </c>
      <c r="DF33" s="261">
        <v>0</v>
      </c>
      <c r="DG33" s="258">
        <v>0</v>
      </c>
      <c r="DH33" s="263">
        <v>0</v>
      </c>
      <c r="DI33" s="257">
        <v>0</v>
      </c>
      <c r="DJ33" s="261">
        <v>0</v>
      </c>
      <c r="DK33" s="258">
        <v>0</v>
      </c>
      <c r="DL33" s="260">
        <v>0</v>
      </c>
      <c r="DM33" s="261">
        <v>0</v>
      </c>
      <c r="DN33" s="261">
        <v>0</v>
      </c>
      <c r="DO33" s="261">
        <v>0</v>
      </c>
      <c r="DP33" s="261">
        <v>0</v>
      </c>
      <c r="DQ33" s="261">
        <v>0</v>
      </c>
      <c r="DR33" s="258">
        <v>0</v>
      </c>
      <c r="DS33" s="263">
        <v>0</v>
      </c>
      <c r="DT33" s="257">
        <v>19</v>
      </c>
      <c r="DU33" s="261">
        <v>56</v>
      </c>
      <c r="DV33" s="258">
        <v>75</v>
      </c>
      <c r="DW33" s="260">
        <v>0</v>
      </c>
      <c r="DX33" s="261">
        <v>49</v>
      </c>
      <c r="DY33" s="261">
        <v>56</v>
      </c>
      <c r="DZ33" s="261">
        <v>45</v>
      </c>
      <c r="EA33" s="261">
        <v>33</v>
      </c>
      <c r="EB33" s="261">
        <v>10</v>
      </c>
      <c r="EC33" s="258">
        <v>193</v>
      </c>
      <c r="ED33" s="263">
        <v>268</v>
      </c>
      <c r="EE33" s="257">
        <v>2</v>
      </c>
      <c r="EF33" s="261">
        <v>1</v>
      </c>
      <c r="EG33" s="258">
        <v>3</v>
      </c>
      <c r="EH33" s="260">
        <v>0</v>
      </c>
      <c r="EI33" s="261">
        <v>4</v>
      </c>
      <c r="EJ33" s="261">
        <v>8</v>
      </c>
      <c r="EK33" s="261">
        <v>5</v>
      </c>
      <c r="EL33" s="261">
        <v>3</v>
      </c>
      <c r="EM33" s="261">
        <v>0</v>
      </c>
      <c r="EN33" s="258">
        <v>20</v>
      </c>
      <c r="EO33" s="263">
        <v>23</v>
      </c>
      <c r="EP33" s="257">
        <v>21</v>
      </c>
      <c r="EQ33" s="261">
        <v>60</v>
      </c>
      <c r="ER33" s="258">
        <v>81</v>
      </c>
      <c r="ES33" s="260">
        <v>0</v>
      </c>
      <c r="ET33" s="261">
        <v>96</v>
      </c>
      <c r="EU33" s="261">
        <v>80</v>
      </c>
      <c r="EV33" s="261">
        <v>45</v>
      </c>
      <c r="EW33" s="261">
        <v>33</v>
      </c>
      <c r="EX33" s="261">
        <v>11</v>
      </c>
      <c r="EY33" s="258">
        <v>265</v>
      </c>
      <c r="EZ33" s="263">
        <v>346</v>
      </c>
    </row>
    <row r="34" spans="2:156" ht="21" customHeight="1" x14ac:dyDescent="0.2">
      <c r="B34" s="472" t="s">
        <v>32</v>
      </c>
      <c r="C34" s="257">
        <v>0</v>
      </c>
      <c r="D34" s="261">
        <v>0</v>
      </c>
      <c r="E34" s="358">
        <v>0</v>
      </c>
      <c r="F34" s="260">
        <v>0</v>
      </c>
      <c r="G34" s="261">
        <v>29</v>
      </c>
      <c r="H34" s="261">
        <v>19</v>
      </c>
      <c r="I34" s="261">
        <v>18</v>
      </c>
      <c r="J34" s="261">
        <v>9</v>
      </c>
      <c r="K34" s="261">
        <v>9</v>
      </c>
      <c r="L34" s="262">
        <v>84</v>
      </c>
      <c r="M34" s="263">
        <v>84</v>
      </c>
      <c r="N34" s="257">
        <v>0</v>
      </c>
      <c r="O34" s="261">
        <v>0</v>
      </c>
      <c r="P34" s="258">
        <v>0</v>
      </c>
      <c r="Q34" s="260">
        <v>0</v>
      </c>
      <c r="R34" s="261">
        <v>0</v>
      </c>
      <c r="S34" s="261">
        <v>2</v>
      </c>
      <c r="T34" s="261">
        <v>2</v>
      </c>
      <c r="U34" s="261">
        <v>3</v>
      </c>
      <c r="V34" s="261">
        <v>5</v>
      </c>
      <c r="W34" s="258">
        <v>12</v>
      </c>
      <c r="X34" s="263">
        <v>12</v>
      </c>
      <c r="Y34" s="257">
        <v>2</v>
      </c>
      <c r="Z34" s="261">
        <v>8</v>
      </c>
      <c r="AA34" s="258">
        <v>10</v>
      </c>
      <c r="AB34" s="260">
        <v>0</v>
      </c>
      <c r="AC34" s="261">
        <v>37</v>
      </c>
      <c r="AD34" s="261">
        <v>30</v>
      </c>
      <c r="AE34" s="261">
        <v>16</v>
      </c>
      <c r="AF34" s="261">
        <v>9</v>
      </c>
      <c r="AG34" s="261">
        <v>6</v>
      </c>
      <c r="AH34" s="258">
        <v>98</v>
      </c>
      <c r="AI34" s="263">
        <v>108</v>
      </c>
      <c r="AJ34" s="257">
        <v>0</v>
      </c>
      <c r="AK34" s="261">
        <v>1</v>
      </c>
      <c r="AL34" s="258">
        <v>1</v>
      </c>
      <c r="AM34" s="260">
        <v>0</v>
      </c>
      <c r="AN34" s="261">
        <v>5</v>
      </c>
      <c r="AO34" s="261">
        <v>2</v>
      </c>
      <c r="AP34" s="261">
        <v>0</v>
      </c>
      <c r="AQ34" s="261">
        <v>2</v>
      </c>
      <c r="AR34" s="261">
        <v>2</v>
      </c>
      <c r="AS34" s="258">
        <v>11</v>
      </c>
      <c r="AT34" s="263">
        <v>12</v>
      </c>
      <c r="AU34" s="257">
        <v>5</v>
      </c>
      <c r="AV34" s="261">
        <v>1</v>
      </c>
      <c r="AW34" s="258">
        <v>6</v>
      </c>
      <c r="AX34" s="260">
        <v>0</v>
      </c>
      <c r="AY34" s="261">
        <v>20</v>
      </c>
      <c r="AZ34" s="261">
        <v>23</v>
      </c>
      <c r="BA34" s="261">
        <v>25</v>
      </c>
      <c r="BB34" s="261">
        <v>24</v>
      </c>
      <c r="BC34" s="261">
        <v>22</v>
      </c>
      <c r="BD34" s="262">
        <v>114</v>
      </c>
      <c r="BE34" s="263">
        <v>120</v>
      </c>
      <c r="BF34" s="257">
        <v>0</v>
      </c>
      <c r="BG34" s="261">
        <v>0</v>
      </c>
      <c r="BH34" s="258">
        <v>0</v>
      </c>
      <c r="BI34" s="260">
        <v>0</v>
      </c>
      <c r="BJ34" s="261">
        <v>49</v>
      </c>
      <c r="BK34" s="261">
        <v>48</v>
      </c>
      <c r="BL34" s="261">
        <v>23</v>
      </c>
      <c r="BM34" s="261">
        <v>16</v>
      </c>
      <c r="BN34" s="261">
        <v>4</v>
      </c>
      <c r="BO34" s="258">
        <v>140</v>
      </c>
      <c r="BP34" s="263">
        <v>140</v>
      </c>
      <c r="BQ34" s="257">
        <v>1</v>
      </c>
      <c r="BR34" s="261">
        <v>4</v>
      </c>
      <c r="BS34" s="258">
        <v>5</v>
      </c>
      <c r="BT34" s="260">
        <v>0</v>
      </c>
      <c r="BU34" s="261">
        <v>11</v>
      </c>
      <c r="BV34" s="261">
        <v>16</v>
      </c>
      <c r="BW34" s="261">
        <v>5</v>
      </c>
      <c r="BX34" s="261">
        <v>5</v>
      </c>
      <c r="BY34" s="261">
        <v>3</v>
      </c>
      <c r="BZ34" s="258">
        <v>40</v>
      </c>
      <c r="CA34" s="263">
        <v>45</v>
      </c>
      <c r="CB34" s="257">
        <v>1</v>
      </c>
      <c r="CC34" s="261">
        <v>1</v>
      </c>
      <c r="CD34" s="258">
        <v>2</v>
      </c>
      <c r="CE34" s="260">
        <v>0</v>
      </c>
      <c r="CF34" s="261">
        <v>6</v>
      </c>
      <c r="CG34" s="261">
        <v>11</v>
      </c>
      <c r="CH34" s="261">
        <v>10</v>
      </c>
      <c r="CI34" s="261">
        <v>2</v>
      </c>
      <c r="CJ34" s="261">
        <v>4</v>
      </c>
      <c r="CK34" s="258">
        <v>33</v>
      </c>
      <c r="CL34" s="263">
        <v>35</v>
      </c>
      <c r="CM34" s="257">
        <v>0</v>
      </c>
      <c r="CN34" s="261">
        <v>0</v>
      </c>
      <c r="CO34" s="258">
        <v>0</v>
      </c>
      <c r="CP34" s="260">
        <v>0</v>
      </c>
      <c r="CQ34" s="261">
        <v>0</v>
      </c>
      <c r="CR34" s="261">
        <v>4</v>
      </c>
      <c r="CS34" s="261">
        <v>0</v>
      </c>
      <c r="CT34" s="261">
        <v>2</v>
      </c>
      <c r="CU34" s="261">
        <v>2</v>
      </c>
      <c r="CV34" s="258">
        <v>8</v>
      </c>
      <c r="CW34" s="263">
        <v>8</v>
      </c>
      <c r="CX34" s="257">
        <v>0</v>
      </c>
      <c r="CY34" s="261">
        <v>0</v>
      </c>
      <c r="CZ34" s="258">
        <v>0</v>
      </c>
      <c r="DA34" s="260">
        <v>0</v>
      </c>
      <c r="DB34" s="261">
        <v>0</v>
      </c>
      <c r="DC34" s="261">
        <v>0</v>
      </c>
      <c r="DD34" s="261">
        <v>0</v>
      </c>
      <c r="DE34" s="261">
        <v>0</v>
      </c>
      <c r="DF34" s="261">
        <v>0</v>
      </c>
      <c r="DG34" s="258">
        <v>0</v>
      </c>
      <c r="DH34" s="263">
        <v>0</v>
      </c>
      <c r="DI34" s="257">
        <v>0</v>
      </c>
      <c r="DJ34" s="261">
        <v>0</v>
      </c>
      <c r="DK34" s="258">
        <v>0</v>
      </c>
      <c r="DL34" s="260">
        <v>0</v>
      </c>
      <c r="DM34" s="261">
        <v>0</v>
      </c>
      <c r="DN34" s="261">
        <v>0</v>
      </c>
      <c r="DO34" s="261">
        <v>0</v>
      </c>
      <c r="DP34" s="261">
        <v>0</v>
      </c>
      <c r="DQ34" s="261">
        <v>0</v>
      </c>
      <c r="DR34" s="258">
        <v>0</v>
      </c>
      <c r="DS34" s="263">
        <v>0</v>
      </c>
      <c r="DT34" s="257">
        <v>17</v>
      </c>
      <c r="DU34" s="261">
        <v>47</v>
      </c>
      <c r="DV34" s="258">
        <v>64</v>
      </c>
      <c r="DW34" s="260">
        <v>0</v>
      </c>
      <c r="DX34" s="261">
        <v>75</v>
      </c>
      <c r="DY34" s="261">
        <v>86</v>
      </c>
      <c r="DZ34" s="261">
        <v>51</v>
      </c>
      <c r="EA34" s="261">
        <v>31</v>
      </c>
      <c r="EB34" s="261">
        <v>14</v>
      </c>
      <c r="EC34" s="258">
        <v>257</v>
      </c>
      <c r="ED34" s="263">
        <v>321</v>
      </c>
      <c r="EE34" s="257">
        <v>3</v>
      </c>
      <c r="EF34" s="261">
        <v>1</v>
      </c>
      <c r="EG34" s="258">
        <v>4</v>
      </c>
      <c r="EH34" s="260">
        <v>0</v>
      </c>
      <c r="EI34" s="261">
        <v>9</v>
      </c>
      <c r="EJ34" s="261">
        <v>8</v>
      </c>
      <c r="EK34" s="261">
        <v>5</v>
      </c>
      <c r="EL34" s="261">
        <v>12</v>
      </c>
      <c r="EM34" s="261">
        <v>6</v>
      </c>
      <c r="EN34" s="258">
        <v>40</v>
      </c>
      <c r="EO34" s="263">
        <v>44</v>
      </c>
      <c r="EP34" s="257">
        <v>20</v>
      </c>
      <c r="EQ34" s="261">
        <v>49</v>
      </c>
      <c r="ER34" s="258">
        <v>69</v>
      </c>
      <c r="ES34" s="260">
        <v>0</v>
      </c>
      <c r="ET34" s="261">
        <v>138</v>
      </c>
      <c r="EU34" s="261">
        <v>121</v>
      </c>
      <c r="EV34" s="261">
        <v>60</v>
      </c>
      <c r="EW34" s="261">
        <v>30</v>
      </c>
      <c r="EX34" s="261">
        <v>18</v>
      </c>
      <c r="EY34" s="258">
        <v>367</v>
      </c>
      <c r="EZ34" s="263">
        <v>436</v>
      </c>
    </row>
    <row r="35" spans="2:156" ht="21" customHeight="1" x14ac:dyDescent="0.2">
      <c r="B35" s="472" t="s">
        <v>33</v>
      </c>
      <c r="C35" s="257">
        <v>0</v>
      </c>
      <c r="D35" s="261">
        <v>0</v>
      </c>
      <c r="E35" s="358">
        <v>0</v>
      </c>
      <c r="F35" s="260">
        <v>0</v>
      </c>
      <c r="G35" s="261">
        <v>20</v>
      </c>
      <c r="H35" s="261">
        <v>13</v>
      </c>
      <c r="I35" s="261">
        <v>10</v>
      </c>
      <c r="J35" s="261">
        <v>4</v>
      </c>
      <c r="K35" s="261">
        <v>7</v>
      </c>
      <c r="L35" s="262">
        <v>54</v>
      </c>
      <c r="M35" s="263">
        <v>54</v>
      </c>
      <c r="N35" s="257">
        <v>0</v>
      </c>
      <c r="O35" s="261">
        <v>0</v>
      </c>
      <c r="P35" s="258">
        <v>0</v>
      </c>
      <c r="Q35" s="260">
        <v>0</v>
      </c>
      <c r="R35" s="261">
        <v>1</v>
      </c>
      <c r="S35" s="261">
        <v>1</v>
      </c>
      <c r="T35" s="261">
        <v>1</v>
      </c>
      <c r="U35" s="261">
        <v>2</v>
      </c>
      <c r="V35" s="261">
        <v>4</v>
      </c>
      <c r="W35" s="258">
        <v>9</v>
      </c>
      <c r="X35" s="263">
        <v>9</v>
      </c>
      <c r="Y35" s="257">
        <v>0</v>
      </c>
      <c r="Z35" s="261">
        <v>2</v>
      </c>
      <c r="AA35" s="258">
        <v>2</v>
      </c>
      <c r="AB35" s="260">
        <v>0</v>
      </c>
      <c r="AC35" s="261">
        <v>19</v>
      </c>
      <c r="AD35" s="261">
        <v>14</v>
      </c>
      <c r="AE35" s="261">
        <v>4</v>
      </c>
      <c r="AF35" s="261">
        <v>5</v>
      </c>
      <c r="AG35" s="261">
        <v>5</v>
      </c>
      <c r="AH35" s="258">
        <v>47</v>
      </c>
      <c r="AI35" s="263">
        <v>49</v>
      </c>
      <c r="AJ35" s="257">
        <v>14</v>
      </c>
      <c r="AK35" s="261">
        <v>18</v>
      </c>
      <c r="AL35" s="258">
        <v>32</v>
      </c>
      <c r="AM35" s="260">
        <v>0</v>
      </c>
      <c r="AN35" s="261">
        <v>34</v>
      </c>
      <c r="AO35" s="261">
        <v>21</v>
      </c>
      <c r="AP35" s="261">
        <v>10</v>
      </c>
      <c r="AQ35" s="261">
        <v>4</v>
      </c>
      <c r="AR35" s="261">
        <v>2</v>
      </c>
      <c r="AS35" s="258">
        <v>71</v>
      </c>
      <c r="AT35" s="263">
        <v>103</v>
      </c>
      <c r="AU35" s="257">
        <v>4</v>
      </c>
      <c r="AV35" s="261">
        <v>10</v>
      </c>
      <c r="AW35" s="258">
        <v>14</v>
      </c>
      <c r="AX35" s="260">
        <v>0</v>
      </c>
      <c r="AY35" s="261">
        <v>25</v>
      </c>
      <c r="AZ35" s="261">
        <v>38</v>
      </c>
      <c r="BA35" s="261">
        <v>37</v>
      </c>
      <c r="BB35" s="261">
        <v>13</v>
      </c>
      <c r="BC35" s="261">
        <v>23</v>
      </c>
      <c r="BD35" s="262">
        <v>136</v>
      </c>
      <c r="BE35" s="263">
        <v>150</v>
      </c>
      <c r="BF35" s="257">
        <v>0</v>
      </c>
      <c r="BG35" s="261">
        <v>0</v>
      </c>
      <c r="BH35" s="258">
        <v>0</v>
      </c>
      <c r="BI35" s="260">
        <v>0</v>
      </c>
      <c r="BJ35" s="261">
        <v>10</v>
      </c>
      <c r="BK35" s="261">
        <v>10</v>
      </c>
      <c r="BL35" s="261">
        <v>4</v>
      </c>
      <c r="BM35" s="261">
        <v>2</v>
      </c>
      <c r="BN35" s="261">
        <v>5</v>
      </c>
      <c r="BO35" s="258">
        <v>31</v>
      </c>
      <c r="BP35" s="263">
        <v>31</v>
      </c>
      <c r="BQ35" s="257">
        <v>6</v>
      </c>
      <c r="BR35" s="261">
        <v>16</v>
      </c>
      <c r="BS35" s="258">
        <v>22</v>
      </c>
      <c r="BT35" s="260">
        <v>0</v>
      </c>
      <c r="BU35" s="261">
        <v>35</v>
      </c>
      <c r="BV35" s="261">
        <v>17</v>
      </c>
      <c r="BW35" s="261">
        <v>8</v>
      </c>
      <c r="BX35" s="261">
        <v>3</v>
      </c>
      <c r="BY35" s="261">
        <v>1</v>
      </c>
      <c r="BZ35" s="258">
        <v>64</v>
      </c>
      <c r="CA35" s="263">
        <v>86</v>
      </c>
      <c r="CB35" s="257">
        <v>0</v>
      </c>
      <c r="CC35" s="261">
        <v>0</v>
      </c>
      <c r="CD35" s="258">
        <v>0</v>
      </c>
      <c r="CE35" s="260">
        <v>0</v>
      </c>
      <c r="CF35" s="261">
        <v>2</v>
      </c>
      <c r="CG35" s="261">
        <v>4</v>
      </c>
      <c r="CH35" s="261">
        <v>8</v>
      </c>
      <c r="CI35" s="261">
        <v>3</v>
      </c>
      <c r="CJ35" s="261">
        <v>2</v>
      </c>
      <c r="CK35" s="258">
        <v>19</v>
      </c>
      <c r="CL35" s="263">
        <v>19</v>
      </c>
      <c r="CM35" s="257">
        <v>0</v>
      </c>
      <c r="CN35" s="261">
        <v>0</v>
      </c>
      <c r="CO35" s="258">
        <v>0</v>
      </c>
      <c r="CP35" s="260">
        <v>0</v>
      </c>
      <c r="CQ35" s="261">
        <v>3</v>
      </c>
      <c r="CR35" s="261">
        <v>2</v>
      </c>
      <c r="CS35" s="261">
        <v>0</v>
      </c>
      <c r="CT35" s="261">
        <v>2</v>
      </c>
      <c r="CU35" s="261">
        <v>0</v>
      </c>
      <c r="CV35" s="258">
        <v>7</v>
      </c>
      <c r="CW35" s="263">
        <v>7</v>
      </c>
      <c r="CX35" s="257">
        <v>0</v>
      </c>
      <c r="CY35" s="261">
        <v>0</v>
      </c>
      <c r="CZ35" s="258">
        <v>0</v>
      </c>
      <c r="DA35" s="260">
        <v>0</v>
      </c>
      <c r="DB35" s="261">
        <v>0</v>
      </c>
      <c r="DC35" s="261">
        <v>0</v>
      </c>
      <c r="DD35" s="261">
        <v>0</v>
      </c>
      <c r="DE35" s="261">
        <v>0</v>
      </c>
      <c r="DF35" s="261">
        <v>0</v>
      </c>
      <c r="DG35" s="258">
        <v>0</v>
      </c>
      <c r="DH35" s="263">
        <v>0</v>
      </c>
      <c r="DI35" s="257">
        <v>0</v>
      </c>
      <c r="DJ35" s="261">
        <v>0</v>
      </c>
      <c r="DK35" s="258">
        <v>0</v>
      </c>
      <c r="DL35" s="260">
        <v>0</v>
      </c>
      <c r="DM35" s="261">
        <v>0</v>
      </c>
      <c r="DN35" s="261">
        <v>0</v>
      </c>
      <c r="DO35" s="261">
        <v>0</v>
      </c>
      <c r="DP35" s="261">
        <v>0</v>
      </c>
      <c r="DQ35" s="261">
        <v>0</v>
      </c>
      <c r="DR35" s="258">
        <v>0</v>
      </c>
      <c r="DS35" s="263">
        <v>0</v>
      </c>
      <c r="DT35" s="257">
        <v>20</v>
      </c>
      <c r="DU35" s="261">
        <v>38</v>
      </c>
      <c r="DV35" s="258">
        <v>58</v>
      </c>
      <c r="DW35" s="260">
        <v>0</v>
      </c>
      <c r="DX35" s="261">
        <v>63</v>
      </c>
      <c r="DY35" s="261">
        <v>48</v>
      </c>
      <c r="DZ35" s="261">
        <v>28</v>
      </c>
      <c r="EA35" s="261">
        <v>18</v>
      </c>
      <c r="EB35" s="261">
        <v>17</v>
      </c>
      <c r="EC35" s="258">
        <v>174</v>
      </c>
      <c r="ED35" s="263">
        <v>232</v>
      </c>
      <c r="EE35" s="257">
        <v>2</v>
      </c>
      <c r="EF35" s="261">
        <v>4</v>
      </c>
      <c r="EG35" s="258">
        <v>6</v>
      </c>
      <c r="EH35" s="260">
        <v>0</v>
      </c>
      <c r="EI35" s="261">
        <v>12</v>
      </c>
      <c r="EJ35" s="261">
        <v>19</v>
      </c>
      <c r="EK35" s="261">
        <v>18</v>
      </c>
      <c r="EL35" s="261">
        <v>7</v>
      </c>
      <c r="EM35" s="261">
        <v>7</v>
      </c>
      <c r="EN35" s="258">
        <v>63</v>
      </c>
      <c r="EO35" s="263">
        <v>69</v>
      </c>
      <c r="EP35" s="257">
        <v>35</v>
      </c>
      <c r="EQ35" s="261">
        <v>58</v>
      </c>
      <c r="ER35" s="258">
        <v>93</v>
      </c>
      <c r="ES35" s="260">
        <v>0</v>
      </c>
      <c r="ET35" s="261">
        <v>100</v>
      </c>
      <c r="EU35" s="261">
        <v>62</v>
      </c>
      <c r="EV35" s="261">
        <v>38</v>
      </c>
      <c r="EW35" s="261">
        <v>15</v>
      </c>
      <c r="EX35" s="261">
        <v>16</v>
      </c>
      <c r="EY35" s="258">
        <v>231</v>
      </c>
      <c r="EZ35" s="263">
        <v>324</v>
      </c>
    </row>
    <row r="36" spans="2:156" ht="21" customHeight="1" x14ac:dyDescent="0.2">
      <c r="B36" s="472" t="s">
        <v>34</v>
      </c>
      <c r="C36" s="257">
        <v>0</v>
      </c>
      <c r="D36" s="261">
        <v>0</v>
      </c>
      <c r="E36" s="358">
        <v>0</v>
      </c>
      <c r="F36" s="260">
        <v>0</v>
      </c>
      <c r="G36" s="261">
        <v>15</v>
      </c>
      <c r="H36" s="261">
        <v>8</v>
      </c>
      <c r="I36" s="261">
        <v>3</v>
      </c>
      <c r="J36" s="261">
        <v>7</v>
      </c>
      <c r="K36" s="261">
        <v>3</v>
      </c>
      <c r="L36" s="262">
        <v>36</v>
      </c>
      <c r="M36" s="263">
        <v>36</v>
      </c>
      <c r="N36" s="257">
        <v>0</v>
      </c>
      <c r="O36" s="261">
        <v>0</v>
      </c>
      <c r="P36" s="258">
        <v>0</v>
      </c>
      <c r="Q36" s="260">
        <v>0</v>
      </c>
      <c r="R36" s="261">
        <v>0</v>
      </c>
      <c r="S36" s="261">
        <v>1</v>
      </c>
      <c r="T36" s="261">
        <v>0</v>
      </c>
      <c r="U36" s="261">
        <v>2</v>
      </c>
      <c r="V36" s="261">
        <v>6</v>
      </c>
      <c r="W36" s="258">
        <v>9</v>
      </c>
      <c r="X36" s="263">
        <v>9</v>
      </c>
      <c r="Y36" s="257">
        <v>0</v>
      </c>
      <c r="Z36" s="261">
        <v>8</v>
      </c>
      <c r="AA36" s="258">
        <v>8</v>
      </c>
      <c r="AB36" s="260">
        <v>0</v>
      </c>
      <c r="AC36" s="261">
        <v>21</v>
      </c>
      <c r="AD36" s="261">
        <v>13</v>
      </c>
      <c r="AE36" s="261">
        <v>7</v>
      </c>
      <c r="AF36" s="261">
        <v>9</v>
      </c>
      <c r="AG36" s="261">
        <v>10</v>
      </c>
      <c r="AH36" s="258">
        <v>60</v>
      </c>
      <c r="AI36" s="263">
        <v>68</v>
      </c>
      <c r="AJ36" s="257">
        <v>0</v>
      </c>
      <c r="AK36" s="261">
        <v>1</v>
      </c>
      <c r="AL36" s="258">
        <v>1</v>
      </c>
      <c r="AM36" s="260">
        <v>0</v>
      </c>
      <c r="AN36" s="261">
        <v>6</v>
      </c>
      <c r="AO36" s="261">
        <v>3</v>
      </c>
      <c r="AP36" s="261">
        <v>2</v>
      </c>
      <c r="AQ36" s="261">
        <v>1</v>
      </c>
      <c r="AR36" s="261">
        <v>2</v>
      </c>
      <c r="AS36" s="258">
        <v>14</v>
      </c>
      <c r="AT36" s="263">
        <v>15</v>
      </c>
      <c r="AU36" s="257">
        <v>4</v>
      </c>
      <c r="AV36" s="261">
        <v>4</v>
      </c>
      <c r="AW36" s="258">
        <v>8</v>
      </c>
      <c r="AX36" s="260">
        <v>0</v>
      </c>
      <c r="AY36" s="261">
        <v>33</v>
      </c>
      <c r="AZ36" s="261">
        <v>23</v>
      </c>
      <c r="BA36" s="261">
        <v>16</v>
      </c>
      <c r="BB36" s="261">
        <v>24</v>
      </c>
      <c r="BC36" s="261">
        <v>17</v>
      </c>
      <c r="BD36" s="262">
        <v>113</v>
      </c>
      <c r="BE36" s="263">
        <v>121</v>
      </c>
      <c r="BF36" s="257">
        <v>0</v>
      </c>
      <c r="BG36" s="261">
        <v>0</v>
      </c>
      <c r="BH36" s="258">
        <v>0</v>
      </c>
      <c r="BI36" s="260">
        <v>0</v>
      </c>
      <c r="BJ36" s="261">
        <v>28</v>
      </c>
      <c r="BK36" s="261">
        <v>18</v>
      </c>
      <c r="BL36" s="261">
        <v>11</v>
      </c>
      <c r="BM36" s="261">
        <v>13</v>
      </c>
      <c r="BN36" s="261">
        <v>2</v>
      </c>
      <c r="BO36" s="258">
        <v>72</v>
      </c>
      <c r="BP36" s="263">
        <v>72</v>
      </c>
      <c r="BQ36" s="257">
        <v>1</v>
      </c>
      <c r="BR36" s="261">
        <v>4</v>
      </c>
      <c r="BS36" s="258">
        <v>5</v>
      </c>
      <c r="BT36" s="260">
        <v>0</v>
      </c>
      <c r="BU36" s="261">
        <v>7</v>
      </c>
      <c r="BV36" s="261">
        <v>3</v>
      </c>
      <c r="BW36" s="261">
        <v>2</v>
      </c>
      <c r="BX36" s="261">
        <v>5</v>
      </c>
      <c r="BY36" s="261">
        <v>0</v>
      </c>
      <c r="BZ36" s="258">
        <v>17</v>
      </c>
      <c r="CA36" s="263">
        <v>22</v>
      </c>
      <c r="CB36" s="257">
        <v>0</v>
      </c>
      <c r="CC36" s="261">
        <v>0</v>
      </c>
      <c r="CD36" s="258">
        <v>0</v>
      </c>
      <c r="CE36" s="260">
        <v>0</v>
      </c>
      <c r="CF36" s="261">
        <v>2</v>
      </c>
      <c r="CG36" s="261">
        <v>2</v>
      </c>
      <c r="CH36" s="261">
        <v>3</v>
      </c>
      <c r="CI36" s="261">
        <v>4</v>
      </c>
      <c r="CJ36" s="261">
        <v>3</v>
      </c>
      <c r="CK36" s="258">
        <v>14</v>
      </c>
      <c r="CL36" s="263">
        <v>14</v>
      </c>
      <c r="CM36" s="257">
        <v>0</v>
      </c>
      <c r="CN36" s="261">
        <v>0</v>
      </c>
      <c r="CO36" s="258">
        <v>0</v>
      </c>
      <c r="CP36" s="260">
        <v>0</v>
      </c>
      <c r="CQ36" s="261">
        <v>0</v>
      </c>
      <c r="CR36" s="261">
        <v>2</v>
      </c>
      <c r="CS36" s="261">
        <v>0</v>
      </c>
      <c r="CT36" s="261">
        <v>1</v>
      </c>
      <c r="CU36" s="261">
        <v>1</v>
      </c>
      <c r="CV36" s="258">
        <v>4</v>
      </c>
      <c r="CW36" s="263">
        <v>4</v>
      </c>
      <c r="CX36" s="257">
        <v>0</v>
      </c>
      <c r="CY36" s="261">
        <v>0</v>
      </c>
      <c r="CZ36" s="258">
        <v>0</v>
      </c>
      <c r="DA36" s="260">
        <v>0</v>
      </c>
      <c r="DB36" s="261">
        <v>0</v>
      </c>
      <c r="DC36" s="261">
        <v>0</v>
      </c>
      <c r="DD36" s="261">
        <v>0</v>
      </c>
      <c r="DE36" s="261">
        <v>0</v>
      </c>
      <c r="DF36" s="261">
        <v>0</v>
      </c>
      <c r="DG36" s="258">
        <v>0</v>
      </c>
      <c r="DH36" s="263">
        <v>0</v>
      </c>
      <c r="DI36" s="257">
        <v>0</v>
      </c>
      <c r="DJ36" s="261">
        <v>0</v>
      </c>
      <c r="DK36" s="258">
        <v>0</v>
      </c>
      <c r="DL36" s="260">
        <v>0</v>
      </c>
      <c r="DM36" s="261">
        <v>0</v>
      </c>
      <c r="DN36" s="261">
        <v>0</v>
      </c>
      <c r="DO36" s="261">
        <v>0</v>
      </c>
      <c r="DP36" s="261">
        <v>0</v>
      </c>
      <c r="DQ36" s="261">
        <v>0</v>
      </c>
      <c r="DR36" s="258">
        <v>0</v>
      </c>
      <c r="DS36" s="263">
        <v>0</v>
      </c>
      <c r="DT36" s="257">
        <v>14</v>
      </c>
      <c r="DU36" s="261">
        <v>23</v>
      </c>
      <c r="DV36" s="258">
        <v>37</v>
      </c>
      <c r="DW36" s="260">
        <v>0</v>
      </c>
      <c r="DX36" s="261">
        <v>52</v>
      </c>
      <c r="DY36" s="261">
        <v>48</v>
      </c>
      <c r="DZ36" s="261">
        <v>25</v>
      </c>
      <c r="EA36" s="261">
        <v>25</v>
      </c>
      <c r="EB36" s="261">
        <v>10</v>
      </c>
      <c r="EC36" s="258">
        <v>160</v>
      </c>
      <c r="ED36" s="263">
        <v>197</v>
      </c>
      <c r="EE36" s="257">
        <v>3</v>
      </c>
      <c r="EF36" s="261">
        <v>2</v>
      </c>
      <c r="EG36" s="258">
        <v>5</v>
      </c>
      <c r="EH36" s="260">
        <v>0</v>
      </c>
      <c r="EI36" s="261">
        <v>14</v>
      </c>
      <c r="EJ36" s="261">
        <v>7</v>
      </c>
      <c r="EK36" s="261">
        <v>3</v>
      </c>
      <c r="EL36" s="261">
        <v>8</v>
      </c>
      <c r="EM36" s="261">
        <v>7</v>
      </c>
      <c r="EN36" s="258">
        <v>39</v>
      </c>
      <c r="EO36" s="263">
        <v>44</v>
      </c>
      <c r="EP36" s="257">
        <v>14</v>
      </c>
      <c r="EQ36" s="261">
        <v>26</v>
      </c>
      <c r="ER36" s="258">
        <v>40</v>
      </c>
      <c r="ES36" s="260">
        <v>0</v>
      </c>
      <c r="ET36" s="261">
        <v>82</v>
      </c>
      <c r="EU36" s="261">
        <v>49</v>
      </c>
      <c r="EV36" s="261">
        <v>23</v>
      </c>
      <c r="EW36" s="261">
        <v>24</v>
      </c>
      <c r="EX36" s="261">
        <v>11</v>
      </c>
      <c r="EY36" s="258">
        <v>189</v>
      </c>
      <c r="EZ36" s="263">
        <v>229</v>
      </c>
    </row>
    <row r="37" spans="2:156" ht="21" customHeight="1" x14ac:dyDescent="0.2">
      <c r="B37" s="472" t="s">
        <v>35</v>
      </c>
      <c r="C37" s="257">
        <v>0</v>
      </c>
      <c r="D37" s="261">
        <v>0</v>
      </c>
      <c r="E37" s="358">
        <v>0</v>
      </c>
      <c r="F37" s="260">
        <v>0</v>
      </c>
      <c r="G37" s="261">
        <v>113</v>
      </c>
      <c r="H37" s="261">
        <v>49</v>
      </c>
      <c r="I37" s="261">
        <v>48</v>
      </c>
      <c r="J37" s="261">
        <v>39</v>
      </c>
      <c r="K37" s="261">
        <v>17</v>
      </c>
      <c r="L37" s="262">
        <v>266</v>
      </c>
      <c r="M37" s="263">
        <v>266</v>
      </c>
      <c r="N37" s="257">
        <v>0</v>
      </c>
      <c r="O37" s="261">
        <v>0</v>
      </c>
      <c r="P37" s="258">
        <v>0</v>
      </c>
      <c r="Q37" s="260">
        <v>0</v>
      </c>
      <c r="R37" s="261">
        <v>0</v>
      </c>
      <c r="S37" s="261">
        <v>4</v>
      </c>
      <c r="T37" s="261">
        <v>3</v>
      </c>
      <c r="U37" s="261">
        <v>12</v>
      </c>
      <c r="V37" s="261">
        <v>8</v>
      </c>
      <c r="W37" s="258">
        <v>27</v>
      </c>
      <c r="X37" s="263">
        <v>27</v>
      </c>
      <c r="Y37" s="257">
        <v>3</v>
      </c>
      <c r="Z37" s="261">
        <v>11</v>
      </c>
      <c r="AA37" s="258">
        <v>14</v>
      </c>
      <c r="AB37" s="260">
        <v>0</v>
      </c>
      <c r="AC37" s="261">
        <v>51</v>
      </c>
      <c r="AD37" s="261">
        <v>39</v>
      </c>
      <c r="AE37" s="261">
        <v>36</v>
      </c>
      <c r="AF37" s="261">
        <v>32</v>
      </c>
      <c r="AG37" s="261">
        <v>17</v>
      </c>
      <c r="AH37" s="258">
        <v>175</v>
      </c>
      <c r="AI37" s="263">
        <v>189</v>
      </c>
      <c r="AJ37" s="257">
        <v>6</v>
      </c>
      <c r="AK37" s="261">
        <v>14</v>
      </c>
      <c r="AL37" s="258">
        <v>20</v>
      </c>
      <c r="AM37" s="260">
        <v>0</v>
      </c>
      <c r="AN37" s="261">
        <v>21</v>
      </c>
      <c r="AO37" s="261">
        <v>12</v>
      </c>
      <c r="AP37" s="261">
        <v>4</v>
      </c>
      <c r="AQ37" s="261">
        <v>11</v>
      </c>
      <c r="AR37" s="261">
        <v>4</v>
      </c>
      <c r="AS37" s="258">
        <v>52</v>
      </c>
      <c r="AT37" s="263">
        <v>72</v>
      </c>
      <c r="AU37" s="257">
        <v>18</v>
      </c>
      <c r="AV37" s="261">
        <v>25</v>
      </c>
      <c r="AW37" s="258">
        <v>43</v>
      </c>
      <c r="AX37" s="260">
        <v>0</v>
      </c>
      <c r="AY37" s="261">
        <v>108</v>
      </c>
      <c r="AZ37" s="261">
        <v>68</v>
      </c>
      <c r="BA37" s="261">
        <v>85</v>
      </c>
      <c r="BB37" s="261">
        <v>88</v>
      </c>
      <c r="BC37" s="261">
        <v>39</v>
      </c>
      <c r="BD37" s="262">
        <v>388</v>
      </c>
      <c r="BE37" s="263">
        <v>431</v>
      </c>
      <c r="BF37" s="257">
        <v>0</v>
      </c>
      <c r="BG37" s="261">
        <v>0</v>
      </c>
      <c r="BH37" s="258">
        <v>0</v>
      </c>
      <c r="BI37" s="260">
        <v>0</v>
      </c>
      <c r="BJ37" s="261">
        <v>133</v>
      </c>
      <c r="BK37" s="261">
        <v>72</v>
      </c>
      <c r="BL37" s="261">
        <v>53</v>
      </c>
      <c r="BM37" s="261">
        <v>28</v>
      </c>
      <c r="BN37" s="261">
        <v>18</v>
      </c>
      <c r="BO37" s="258">
        <v>304</v>
      </c>
      <c r="BP37" s="263">
        <v>304</v>
      </c>
      <c r="BQ37" s="257">
        <v>8</v>
      </c>
      <c r="BR37" s="261">
        <v>19</v>
      </c>
      <c r="BS37" s="258">
        <v>27</v>
      </c>
      <c r="BT37" s="260">
        <v>0</v>
      </c>
      <c r="BU37" s="261">
        <v>56</v>
      </c>
      <c r="BV37" s="261">
        <v>28</v>
      </c>
      <c r="BW37" s="261">
        <v>11</v>
      </c>
      <c r="BX37" s="261">
        <v>15</v>
      </c>
      <c r="BY37" s="261">
        <v>1</v>
      </c>
      <c r="BZ37" s="258">
        <v>111</v>
      </c>
      <c r="CA37" s="263">
        <v>138</v>
      </c>
      <c r="CB37" s="257">
        <v>1</v>
      </c>
      <c r="CC37" s="261">
        <v>0</v>
      </c>
      <c r="CD37" s="258">
        <v>1</v>
      </c>
      <c r="CE37" s="260">
        <v>0</v>
      </c>
      <c r="CF37" s="261">
        <v>13</v>
      </c>
      <c r="CG37" s="261">
        <v>9</v>
      </c>
      <c r="CH37" s="261">
        <v>11</v>
      </c>
      <c r="CI37" s="261">
        <v>8</v>
      </c>
      <c r="CJ37" s="261">
        <v>1</v>
      </c>
      <c r="CK37" s="258">
        <v>42</v>
      </c>
      <c r="CL37" s="263">
        <v>43</v>
      </c>
      <c r="CM37" s="257">
        <v>0</v>
      </c>
      <c r="CN37" s="261">
        <v>0</v>
      </c>
      <c r="CO37" s="258">
        <v>0</v>
      </c>
      <c r="CP37" s="260">
        <v>0</v>
      </c>
      <c r="CQ37" s="261">
        <v>2</v>
      </c>
      <c r="CR37" s="261">
        <v>1</v>
      </c>
      <c r="CS37" s="261">
        <v>1</v>
      </c>
      <c r="CT37" s="261">
        <v>4</v>
      </c>
      <c r="CU37" s="261">
        <v>1</v>
      </c>
      <c r="CV37" s="258">
        <v>9</v>
      </c>
      <c r="CW37" s="263">
        <v>9</v>
      </c>
      <c r="CX37" s="257">
        <v>0</v>
      </c>
      <c r="CY37" s="261">
        <v>0</v>
      </c>
      <c r="CZ37" s="258">
        <v>0</v>
      </c>
      <c r="DA37" s="260">
        <v>0</v>
      </c>
      <c r="DB37" s="261">
        <v>0</v>
      </c>
      <c r="DC37" s="261">
        <v>0</v>
      </c>
      <c r="DD37" s="261">
        <v>0</v>
      </c>
      <c r="DE37" s="261">
        <v>0</v>
      </c>
      <c r="DF37" s="261">
        <v>0</v>
      </c>
      <c r="DG37" s="258">
        <v>0</v>
      </c>
      <c r="DH37" s="263">
        <v>0</v>
      </c>
      <c r="DI37" s="257">
        <v>0</v>
      </c>
      <c r="DJ37" s="261">
        <v>0</v>
      </c>
      <c r="DK37" s="258">
        <v>0</v>
      </c>
      <c r="DL37" s="260">
        <v>0</v>
      </c>
      <c r="DM37" s="261">
        <v>0</v>
      </c>
      <c r="DN37" s="261">
        <v>0</v>
      </c>
      <c r="DO37" s="261">
        <v>0</v>
      </c>
      <c r="DP37" s="261">
        <v>0</v>
      </c>
      <c r="DQ37" s="261">
        <v>0</v>
      </c>
      <c r="DR37" s="258">
        <v>0</v>
      </c>
      <c r="DS37" s="263">
        <v>0</v>
      </c>
      <c r="DT37" s="257">
        <v>51</v>
      </c>
      <c r="DU37" s="261">
        <v>89</v>
      </c>
      <c r="DV37" s="258">
        <v>140</v>
      </c>
      <c r="DW37" s="260">
        <v>0</v>
      </c>
      <c r="DX37" s="261">
        <v>188</v>
      </c>
      <c r="DY37" s="261">
        <v>131</v>
      </c>
      <c r="DZ37" s="261">
        <v>95</v>
      </c>
      <c r="EA37" s="261">
        <v>73</v>
      </c>
      <c r="EB37" s="261">
        <v>34</v>
      </c>
      <c r="EC37" s="258">
        <v>521</v>
      </c>
      <c r="ED37" s="263">
        <v>661</v>
      </c>
      <c r="EE37" s="257">
        <v>16</v>
      </c>
      <c r="EF37" s="261">
        <v>16</v>
      </c>
      <c r="EG37" s="258">
        <v>32</v>
      </c>
      <c r="EH37" s="260">
        <v>0</v>
      </c>
      <c r="EI37" s="261">
        <v>48</v>
      </c>
      <c r="EJ37" s="261">
        <v>18</v>
      </c>
      <c r="EK37" s="261">
        <v>23</v>
      </c>
      <c r="EL37" s="261">
        <v>32</v>
      </c>
      <c r="EM37" s="261">
        <v>8</v>
      </c>
      <c r="EN37" s="258">
        <v>129</v>
      </c>
      <c r="EO37" s="263">
        <v>161</v>
      </c>
      <c r="EP37" s="257">
        <v>60</v>
      </c>
      <c r="EQ37" s="261">
        <v>112</v>
      </c>
      <c r="ER37" s="258">
        <v>172</v>
      </c>
      <c r="ES37" s="260">
        <v>0</v>
      </c>
      <c r="ET37" s="261">
        <v>307</v>
      </c>
      <c r="EU37" s="261">
        <v>162</v>
      </c>
      <c r="EV37" s="261">
        <v>110</v>
      </c>
      <c r="EW37" s="261">
        <v>79</v>
      </c>
      <c r="EX37" s="261">
        <v>36</v>
      </c>
      <c r="EY37" s="258">
        <v>694</v>
      </c>
      <c r="EZ37" s="263">
        <v>866</v>
      </c>
    </row>
    <row r="38" spans="2:156" ht="21" customHeight="1" x14ac:dyDescent="0.2">
      <c r="B38" s="472" t="s">
        <v>36</v>
      </c>
      <c r="C38" s="257">
        <v>0</v>
      </c>
      <c r="D38" s="261">
        <v>0</v>
      </c>
      <c r="E38" s="358">
        <v>0</v>
      </c>
      <c r="F38" s="260">
        <v>0</v>
      </c>
      <c r="G38" s="261">
        <v>55</v>
      </c>
      <c r="H38" s="261">
        <v>58</v>
      </c>
      <c r="I38" s="261">
        <v>41</v>
      </c>
      <c r="J38" s="261">
        <v>32</v>
      </c>
      <c r="K38" s="261">
        <v>38</v>
      </c>
      <c r="L38" s="262">
        <v>224</v>
      </c>
      <c r="M38" s="263">
        <v>224</v>
      </c>
      <c r="N38" s="257">
        <v>0</v>
      </c>
      <c r="O38" s="261">
        <v>0</v>
      </c>
      <c r="P38" s="258">
        <v>0</v>
      </c>
      <c r="Q38" s="260">
        <v>0</v>
      </c>
      <c r="R38" s="261">
        <v>3</v>
      </c>
      <c r="S38" s="261">
        <v>3</v>
      </c>
      <c r="T38" s="261">
        <v>5</v>
      </c>
      <c r="U38" s="261">
        <v>10</v>
      </c>
      <c r="V38" s="261">
        <v>12</v>
      </c>
      <c r="W38" s="258">
        <v>33</v>
      </c>
      <c r="X38" s="263">
        <v>33</v>
      </c>
      <c r="Y38" s="257">
        <v>8</v>
      </c>
      <c r="Z38" s="261">
        <v>28</v>
      </c>
      <c r="AA38" s="258">
        <v>36</v>
      </c>
      <c r="AB38" s="260">
        <v>0</v>
      </c>
      <c r="AC38" s="261">
        <v>53</v>
      </c>
      <c r="AD38" s="261">
        <v>52</v>
      </c>
      <c r="AE38" s="261">
        <v>36</v>
      </c>
      <c r="AF38" s="261">
        <v>30</v>
      </c>
      <c r="AG38" s="261">
        <v>34</v>
      </c>
      <c r="AH38" s="258">
        <v>205</v>
      </c>
      <c r="AI38" s="263">
        <v>241</v>
      </c>
      <c r="AJ38" s="257">
        <v>4</v>
      </c>
      <c r="AK38" s="261">
        <v>11</v>
      </c>
      <c r="AL38" s="258">
        <v>15</v>
      </c>
      <c r="AM38" s="260">
        <v>0</v>
      </c>
      <c r="AN38" s="261">
        <v>18</v>
      </c>
      <c r="AO38" s="261">
        <v>16</v>
      </c>
      <c r="AP38" s="261">
        <v>4</v>
      </c>
      <c r="AQ38" s="261">
        <v>10</v>
      </c>
      <c r="AR38" s="261">
        <v>8</v>
      </c>
      <c r="AS38" s="258">
        <v>56</v>
      </c>
      <c r="AT38" s="263">
        <v>71</v>
      </c>
      <c r="AU38" s="257">
        <v>4</v>
      </c>
      <c r="AV38" s="261">
        <v>7</v>
      </c>
      <c r="AW38" s="258">
        <v>11</v>
      </c>
      <c r="AX38" s="260">
        <v>0</v>
      </c>
      <c r="AY38" s="261">
        <v>48</v>
      </c>
      <c r="AZ38" s="261">
        <v>66</v>
      </c>
      <c r="BA38" s="261">
        <v>68</v>
      </c>
      <c r="BB38" s="261">
        <v>53</v>
      </c>
      <c r="BC38" s="261">
        <v>54</v>
      </c>
      <c r="BD38" s="262">
        <v>289</v>
      </c>
      <c r="BE38" s="263">
        <v>300</v>
      </c>
      <c r="BF38" s="257">
        <v>0</v>
      </c>
      <c r="BG38" s="261">
        <v>0</v>
      </c>
      <c r="BH38" s="258">
        <v>0</v>
      </c>
      <c r="BI38" s="260">
        <v>0</v>
      </c>
      <c r="BJ38" s="261">
        <v>85</v>
      </c>
      <c r="BK38" s="261">
        <v>93</v>
      </c>
      <c r="BL38" s="261">
        <v>43</v>
      </c>
      <c r="BM38" s="261">
        <v>33</v>
      </c>
      <c r="BN38" s="261">
        <v>13</v>
      </c>
      <c r="BO38" s="258">
        <v>267</v>
      </c>
      <c r="BP38" s="263">
        <v>267</v>
      </c>
      <c r="BQ38" s="257">
        <v>7</v>
      </c>
      <c r="BR38" s="261">
        <v>7</v>
      </c>
      <c r="BS38" s="258">
        <v>14</v>
      </c>
      <c r="BT38" s="260">
        <v>0</v>
      </c>
      <c r="BU38" s="261">
        <v>27</v>
      </c>
      <c r="BV38" s="261">
        <v>29</v>
      </c>
      <c r="BW38" s="261">
        <v>18</v>
      </c>
      <c r="BX38" s="261">
        <v>7</v>
      </c>
      <c r="BY38" s="261">
        <v>2</v>
      </c>
      <c r="BZ38" s="258">
        <v>83</v>
      </c>
      <c r="CA38" s="263">
        <v>97</v>
      </c>
      <c r="CB38" s="257">
        <v>0</v>
      </c>
      <c r="CC38" s="261">
        <v>0</v>
      </c>
      <c r="CD38" s="258">
        <v>0</v>
      </c>
      <c r="CE38" s="260">
        <v>0</v>
      </c>
      <c r="CF38" s="261">
        <v>15</v>
      </c>
      <c r="CG38" s="261">
        <v>22</v>
      </c>
      <c r="CH38" s="261">
        <v>24</v>
      </c>
      <c r="CI38" s="261">
        <v>20</v>
      </c>
      <c r="CJ38" s="261">
        <v>11</v>
      </c>
      <c r="CK38" s="258">
        <v>92</v>
      </c>
      <c r="CL38" s="263">
        <v>92</v>
      </c>
      <c r="CM38" s="257">
        <v>0</v>
      </c>
      <c r="CN38" s="261">
        <v>0</v>
      </c>
      <c r="CO38" s="258">
        <v>0</v>
      </c>
      <c r="CP38" s="260">
        <v>0</v>
      </c>
      <c r="CQ38" s="261">
        <v>1</v>
      </c>
      <c r="CR38" s="261">
        <v>2</v>
      </c>
      <c r="CS38" s="261">
        <v>0</v>
      </c>
      <c r="CT38" s="261">
        <v>1</v>
      </c>
      <c r="CU38" s="261">
        <v>0</v>
      </c>
      <c r="CV38" s="258">
        <v>4</v>
      </c>
      <c r="CW38" s="263">
        <v>4</v>
      </c>
      <c r="CX38" s="257">
        <v>0</v>
      </c>
      <c r="CY38" s="261">
        <v>0</v>
      </c>
      <c r="CZ38" s="258">
        <v>0</v>
      </c>
      <c r="DA38" s="260">
        <v>0</v>
      </c>
      <c r="DB38" s="261">
        <v>0</v>
      </c>
      <c r="DC38" s="261">
        <v>0</v>
      </c>
      <c r="DD38" s="261">
        <v>0</v>
      </c>
      <c r="DE38" s="261">
        <v>0</v>
      </c>
      <c r="DF38" s="261">
        <v>0</v>
      </c>
      <c r="DG38" s="258">
        <v>0</v>
      </c>
      <c r="DH38" s="263">
        <v>0</v>
      </c>
      <c r="DI38" s="257">
        <v>0</v>
      </c>
      <c r="DJ38" s="261">
        <v>0</v>
      </c>
      <c r="DK38" s="258">
        <v>0</v>
      </c>
      <c r="DL38" s="260">
        <v>0</v>
      </c>
      <c r="DM38" s="261">
        <v>0</v>
      </c>
      <c r="DN38" s="261">
        <v>0</v>
      </c>
      <c r="DO38" s="261">
        <v>0</v>
      </c>
      <c r="DP38" s="261">
        <v>0</v>
      </c>
      <c r="DQ38" s="261">
        <v>0</v>
      </c>
      <c r="DR38" s="258">
        <v>0</v>
      </c>
      <c r="DS38" s="263">
        <v>0</v>
      </c>
      <c r="DT38" s="257">
        <v>35</v>
      </c>
      <c r="DU38" s="261">
        <v>112</v>
      </c>
      <c r="DV38" s="258">
        <v>147</v>
      </c>
      <c r="DW38" s="260">
        <v>0</v>
      </c>
      <c r="DX38" s="261">
        <v>171</v>
      </c>
      <c r="DY38" s="261">
        <v>182</v>
      </c>
      <c r="DZ38" s="261">
        <v>108</v>
      </c>
      <c r="EA38" s="261">
        <v>85</v>
      </c>
      <c r="EB38" s="261">
        <v>52</v>
      </c>
      <c r="EC38" s="258">
        <v>598</v>
      </c>
      <c r="ED38" s="263">
        <v>745</v>
      </c>
      <c r="EE38" s="257">
        <v>3</v>
      </c>
      <c r="EF38" s="261">
        <v>1</v>
      </c>
      <c r="EG38" s="258">
        <v>4</v>
      </c>
      <c r="EH38" s="260">
        <v>0</v>
      </c>
      <c r="EI38" s="261">
        <v>15</v>
      </c>
      <c r="EJ38" s="261">
        <v>10</v>
      </c>
      <c r="EK38" s="261">
        <v>16</v>
      </c>
      <c r="EL38" s="261">
        <v>9</v>
      </c>
      <c r="EM38" s="261">
        <v>3</v>
      </c>
      <c r="EN38" s="258">
        <v>53</v>
      </c>
      <c r="EO38" s="263">
        <v>57</v>
      </c>
      <c r="EP38" s="257">
        <v>45</v>
      </c>
      <c r="EQ38" s="261">
        <v>136</v>
      </c>
      <c r="ER38" s="258">
        <v>181</v>
      </c>
      <c r="ES38" s="260">
        <v>0</v>
      </c>
      <c r="ET38" s="261">
        <v>288</v>
      </c>
      <c r="EU38" s="261">
        <v>238</v>
      </c>
      <c r="EV38" s="261">
        <v>133</v>
      </c>
      <c r="EW38" s="261">
        <v>91</v>
      </c>
      <c r="EX38" s="261">
        <v>69</v>
      </c>
      <c r="EY38" s="258">
        <v>819</v>
      </c>
      <c r="EZ38" s="263">
        <v>1000</v>
      </c>
    </row>
    <row r="39" spans="2:156" ht="21" customHeight="1" thickBot="1" x14ac:dyDescent="0.25">
      <c r="B39" s="473" t="s">
        <v>37</v>
      </c>
      <c r="C39" s="264">
        <v>0</v>
      </c>
      <c r="D39" s="268">
        <v>0</v>
      </c>
      <c r="E39" s="359">
        <v>0</v>
      </c>
      <c r="F39" s="267">
        <v>0</v>
      </c>
      <c r="G39" s="268">
        <v>5</v>
      </c>
      <c r="H39" s="268">
        <v>5</v>
      </c>
      <c r="I39" s="268">
        <v>2</v>
      </c>
      <c r="J39" s="268">
        <v>3</v>
      </c>
      <c r="K39" s="268">
        <v>3</v>
      </c>
      <c r="L39" s="269">
        <v>18</v>
      </c>
      <c r="M39" s="270">
        <v>18</v>
      </c>
      <c r="N39" s="264">
        <v>0</v>
      </c>
      <c r="O39" s="268">
        <v>0</v>
      </c>
      <c r="P39" s="265">
        <v>0</v>
      </c>
      <c r="Q39" s="267">
        <v>0</v>
      </c>
      <c r="R39" s="268">
        <v>0</v>
      </c>
      <c r="S39" s="268">
        <v>0</v>
      </c>
      <c r="T39" s="268">
        <v>0</v>
      </c>
      <c r="U39" s="268">
        <v>0</v>
      </c>
      <c r="V39" s="268">
        <v>0</v>
      </c>
      <c r="W39" s="265">
        <v>0</v>
      </c>
      <c r="X39" s="270">
        <v>0</v>
      </c>
      <c r="Y39" s="264">
        <v>4</v>
      </c>
      <c r="Z39" s="268">
        <v>1</v>
      </c>
      <c r="AA39" s="265">
        <v>5</v>
      </c>
      <c r="AB39" s="267">
        <v>0</v>
      </c>
      <c r="AC39" s="268">
        <v>5</v>
      </c>
      <c r="AD39" s="268">
        <v>4</v>
      </c>
      <c r="AE39" s="268">
        <v>2</v>
      </c>
      <c r="AF39" s="268">
        <v>6</v>
      </c>
      <c r="AG39" s="268">
        <v>3</v>
      </c>
      <c r="AH39" s="265">
        <v>20</v>
      </c>
      <c r="AI39" s="270">
        <v>25</v>
      </c>
      <c r="AJ39" s="264">
        <v>0</v>
      </c>
      <c r="AK39" s="268">
        <v>0</v>
      </c>
      <c r="AL39" s="265">
        <v>0</v>
      </c>
      <c r="AM39" s="267">
        <v>0</v>
      </c>
      <c r="AN39" s="268">
        <v>0</v>
      </c>
      <c r="AO39" s="268">
        <v>1</v>
      </c>
      <c r="AP39" s="268">
        <v>0</v>
      </c>
      <c r="AQ39" s="268">
        <v>2</v>
      </c>
      <c r="AR39" s="268">
        <v>0</v>
      </c>
      <c r="AS39" s="265">
        <v>3</v>
      </c>
      <c r="AT39" s="270">
        <v>3</v>
      </c>
      <c r="AU39" s="264">
        <v>3</v>
      </c>
      <c r="AV39" s="268">
        <v>0</v>
      </c>
      <c r="AW39" s="265">
        <v>3</v>
      </c>
      <c r="AX39" s="267">
        <v>0</v>
      </c>
      <c r="AY39" s="268">
        <v>1</v>
      </c>
      <c r="AZ39" s="268">
        <v>1</v>
      </c>
      <c r="BA39" s="268">
        <v>4</v>
      </c>
      <c r="BB39" s="268">
        <v>11</v>
      </c>
      <c r="BC39" s="268">
        <v>5</v>
      </c>
      <c r="BD39" s="269">
        <v>22</v>
      </c>
      <c r="BE39" s="270">
        <v>25</v>
      </c>
      <c r="BF39" s="264">
        <v>0</v>
      </c>
      <c r="BG39" s="268">
        <v>0</v>
      </c>
      <c r="BH39" s="265">
        <v>0</v>
      </c>
      <c r="BI39" s="267">
        <v>0</v>
      </c>
      <c r="BJ39" s="268">
        <v>8</v>
      </c>
      <c r="BK39" s="268">
        <v>4</v>
      </c>
      <c r="BL39" s="268">
        <v>6</v>
      </c>
      <c r="BM39" s="268">
        <v>5</v>
      </c>
      <c r="BN39" s="268">
        <v>1</v>
      </c>
      <c r="BO39" s="265">
        <v>24</v>
      </c>
      <c r="BP39" s="270">
        <v>24</v>
      </c>
      <c r="BQ39" s="264">
        <v>3</v>
      </c>
      <c r="BR39" s="268">
        <v>0</v>
      </c>
      <c r="BS39" s="265">
        <v>3</v>
      </c>
      <c r="BT39" s="267">
        <v>0</v>
      </c>
      <c r="BU39" s="268">
        <v>7</v>
      </c>
      <c r="BV39" s="268">
        <v>4</v>
      </c>
      <c r="BW39" s="268">
        <v>0</v>
      </c>
      <c r="BX39" s="268">
        <v>2</v>
      </c>
      <c r="BY39" s="268">
        <v>1</v>
      </c>
      <c r="BZ39" s="265">
        <v>14</v>
      </c>
      <c r="CA39" s="270">
        <v>17</v>
      </c>
      <c r="CB39" s="264">
        <v>0</v>
      </c>
      <c r="CC39" s="268">
        <v>0</v>
      </c>
      <c r="CD39" s="265">
        <v>0</v>
      </c>
      <c r="CE39" s="267">
        <v>0</v>
      </c>
      <c r="CF39" s="268">
        <v>0</v>
      </c>
      <c r="CG39" s="268">
        <v>1</v>
      </c>
      <c r="CH39" s="268">
        <v>4</v>
      </c>
      <c r="CI39" s="268">
        <v>2</v>
      </c>
      <c r="CJ39" s="268">
        <v>0</v>
      </c>
      <c r="CK39" s="265">
        <v>7</v>
      </c>
      <c r="CL39" s="270">
        <v>7</v>
      </c>
      <c r="CM39" s="264">
        <v>0</v>
      </c>
      <c r="CN39" s="268">
        <v>0</v>
      </c>
      <c r="CO39" s="265">
        <v>0</v>
      </c>
      <c r="CP39" s="267">
        <v>0</v>
      </c>
      <c r="CQ39" s="268">
        <v>0</v>
      </c>
      <c r="CR39" s="268">
        <v>0</v>
      </c>
      <c r="CS39" s="268">
        <v>0</v>
      </c>
      <c r="CT39" s="268">
        <v>1</v>
      </c>
      <c r="CU39" s="268">
        <v>1</v>
      </c>
      <c r="CV39" s="265">
        <v>2</v>
      </c>
      <c r="CW39" s="270">
        <v>2</v>
      </c>
      <c r="CX39" s="264">
        <v>0</v>
      </c>
      <c r="CY39" s="268">
        <v>0</v>
      </c>
      <c r="CZ39" s="265">
        <v>0</v>
      </c>
      <c r="DA39" s="267">
        <v>0</v>
      </c>
      <c r="DB39" s="268">
        <v>0</v>
      </c>
      <c r="DC39" s="268">
        <v>0</v>
      </c>
      <c r="DD39" s="268">
        <v>0</v>
      </c>
      <c r="DE39" s="268">
        <v>0</v>
      </c>
      <c r="DF39" s="268">
        <v>0</v>
      </c>
      <c r="DG39" s="265">
        <v>0</v>
      </c>
      <c r="DH39" s="270">
        <v>0</v>
      </c>
      <c r="DI39" s="264">
        <v>0</v>
      </c>
      <c r="DJ39" s="268">
        <v>0</v>
      </c>
      <c r="DK39" s="265">
        <v>0</v>
      </c>
      <c r="DL39" s="267">
        <v>0</v>
      </c>
      <c r="DM39" s="268">
        <v>0</v>
      </c>
      <c r="DN39" s="268">
        <v>0</v>
      </c>
      <c r="DO39" s="268">
        <v>0</v>
      </c>
      <c r="DP39" s="268">
        <v>0</v>
      </c>
      <c r="DQ39" s="268">
        <v>0</v>
      </c>
      <c r="DR39" s="265">
        <v>0</v>
      </c>
      <c r="DS39" s="270">
        <v>0</v>
      </c>
      <c r="DT39" s="264">
        <v>16</v>
      </c>
      <c r="DU39" s="268">
        <v>2</v>
      </c>
      <c r="DV39" s="265">
        <v>18</v>
      </c>
      <c r="DW39" s="267">
        <v>0</v>
      </c>
      <c r="DX39" s="268">
        <v>15</v>
      </c>
      <c r="DY39" s="268">
        <v>18</v>
      </c>
      <c r="DZ39" s="268">
        <v>10</v>
      </c>
      <c r="EA39" s="268">
        <v>10</v>
      </c>
      <c r="EB39" s="268">
        <v>6</v>
      </c>
      <c r="EC39" s="265">
        <v>59</v>
      </c>
      <c r="ED39" s="270">
        <v>77</v>
      </c>
      <c r="EE39" s="264">
        <v>0</v>
      </c>
      <c r="EF39" s="268">
        <v>0</v>
      </c>
      <c r="EG39" s="265">
        <v>0</v>
      </c>
      <c r="EH39" s="267">
        <v>0</v>
      </c>
      <c r="EI39" s="268">
        <v>0</v>
      </c>
      <c r="EJ39" s="268">
        <v>0</v>
      </c>
      <c r="EK39" s="268">
        <v>0</v>
      </c>
      <c r="EL39" s="268">
        <v>2</v>
      </c>
      <c r="EM39" s="268">
        <v>0</v>
      </c>
      <c r="EN39" s="265">
        <v>2</v>
      </c>
      <c r="EO39" s="270">
        <v>2</v>
      </c>
      <c r="EP39" s="264">
        <v>21</v>
      </c>
      <c r="EQ39" s="268">
        <v>2</v>
      </c>
      <c r="ER39" s="265">
        <v>23</v>
      </c>
      <c r="ES39" s="267">
        <v>0</v>
      </c>
      <c r="ET39" s="268">
        <v>24</v>
      </c>
      <c r="EU39" s="268">
        <v>20</v>
      </c>
      <c r="EV39" s="268">
        <v>13</v>
      </c>
      <c r="EW39" s="268">
        <v>11</v>
      </c>
      <c r="EX39" s="268">
        <v>6</v>
      </c>
      <c r="EY39" s="265">
        <v>74</v>
      </c>
      <c r="EZ39" s="270">
        <v>97</v>
      </c>
    </row>
  </sheetData>
  <mergeCells count="59">
    <mergeCell ref="EP3:EZ3"/>
    <mergeCell ref="EE3:EO3"/>
    <mergeCell ref="ES4:EY4"/>
    <mergeCell ref="EZ4:EZ5"/>
    <mergeCell ref="ED4:ED5"/>
    <mergeCell ref="EE4:EG4"/>
    <mergeCell ref="EH4:EN4"/>
    <mergeCell ref="EO4:EO5"/>
    <mergeCell ref="EP4:ER4"/>
    <mergeCell ref="DT3:ED3"/>
    <mergeCell ref="DT4:DV4"/>
    <mergeCell ref="DW4:EC4"/>
    <mergeCell ref="DI3:DS3"/>
    <mergeCell ref="DI4:DK4"/>
    <mergeCell ref="DL4:DR4"/>
    <mergeCell ref="DS4:DS5"/>
    <mergeCell ref="BI4:BO4"/>
    <mergeCell ref="CX3:DH3"/>
    <mergeCell ref="CM3:CW3"/>
    <mergeCell ref="CX4:CZ4"/>
    <mergeCell ref="DA4:DG4"/>
    <mergeCell ref="DH4:DH5"/>
    <mergeCell ref="I1:J1"/>
    <mergeCell ref="L1:M1"/>
    <mergeCell ref="BF3:BP3"/>
    <mergeCell ref="BQ3:CA3"/>
    <mergeCell ref="CB3:CL3"/>
    <mergeCell ref="B3:B5"/>
    <mergeCell ref="N3:X3"/>
    <mergeCell ref="Y3:AI3"/>
    <mergeCell ref="AJ3:AT3"/>
    <mergeCell ref="AU3:BE3"/>
    <mergeCell ref="C3:M3"/>
    <mergeCell ref="C4:E4"/>
    <mergeCell ref="F4:L4"/>
    <mergeCell ref="M4:M5"/>
    <mergeCell ref="BE4:BE5"/>
    <mergeCell ref="N4:P4"/>
    <mergeCell ref="Q4:W4"/>
    <mergeCell ref="AJ4:AL4"/>
    <mergeCell ref="AM4:AS4"/>
    <mergeCell ref="AT4:AT5"/>
    <mergeCell ref="AU4:AW4"/>
    <mergeCell ref="X4:X5"/>
    <mergeCell ref="Y4:AA4"/>
    <mergeCell ref="AB4:AH4"/>
    <mergeCell ref="AI4:AI5"/>
    <mergeCell ref="CW4:CW5"/>
    <mergeCell ref="BQ4:BS4"/>
    <mergeCell ref="BT4:BZ4"/>
    <mergeCell ref="BP4:BP5"/>
    <mergeCell ref="CB4:CD4"/>
    <mergeCell ref="CE4:CK4"/>
    <mergeCell ref="CL4:CL5"/>
    <mergeCell ref="CM4:CO4"/>
    <mergeCell ref="CP4:CV4"/>
    <mergeCell ref="CA4:CA5"/>
    <mergeCell ref="AX4:BD4"/>
    <mergeCell ref="BF4:BH4"/>
  </mergeCells>
  <phoneticPr fontId="4"/>
  <pageMargins left="0.59055118110236227" right="0.39370078740157483" top="0.74803149606299213" bottom="0.74803149606299213" header="0.31496062992125984" footer="0.31496062992125984"/>
  <pageSetup paperSize="9" scale="33" orientation="landscape" r:id="rId1"/>
  <headerFooter>
    <oddFooter>&amp;L&amp;20&amp;A&amp;C&amp;P/&amp;N</oddFooter>
  </headerFooter>
  <colBreaks count="3" manualBreakCount="3">
    <brk id="46" max="1048575" man="1"/>
    <brk id="90" max="1048575" man="1"/>
    <brk id="134" max="1048575" man="1"/>
  </col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
    <tabColor rgb="FF92D050"/>
  </sheetPr>
  <dimension ref="B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242" customWidth="1"/>
    <col min="2" max="2" width="9.77734375" style="242" customWidth="1"/>
    <col min="3" max="4" width="9" style="242"/>
    <col min="5" max="5" width="10.33203125" style="242" customWidth="1"/>
    <col min="6" max="6" width="7.6640625" style="242" customWidth="1"/>
    <col min="7" max="7" width="10.21875" style="242" customWidth="1"/>
    <col min="8" max="8" width="10.44140625" style="242" customWidth="1"/>
    <col min="9" max="16" width="9" style="242"/>
    <col min="17" max="17" width="7.21875" style="242" customWidth="1"/>
    <col min="18" max="27" width="9" style="242"/>
    <col min="28" max="28" width="7.6640625" style="242" customWidth="1"/>
    <col min="29" max="38" width="9" style="242"/>
    <col min="39" max="39" width="7.6640625" style="242" customWidth="1"/>
    <col min="40" max="49" width="9" style="242"/>
    <col min="50" max="50" width="7.21875" style="242" customWidth="1"/>
    <col min="51" max="60" width="9" style="242"/>
    <col min="61" max="61" width="7.21875" style="242" customWidth="1"/>
    <col min="62" max="71" width="9" style="242"/>
    <col min="72" max="72" width="7.33203125" style="242" customWidth="1"/>
    <col min="73" max="82" width="9" style="242"/>
    <col min="83" max="83" width="7.44140625" style="242" customWidth="1"/>
    <col min="84" max="93" width="9" style="242"/>
    <col min="94" max="94" width="7.6640625" style="242" customWidth="1"/>
    <col min="95" max="104" width="9" style="242"/>
    <col min="105" max="105" width="7.44140625" style="242" customWidth="1"/>
    <col min="106" max="115" width="9" style="242"/>
    <col min="116" max="116" width="7.44140625" style="242" customWidth="1"/>
    <col min="117" max="126" width="9" style="242"/>
    <col min="127" max="127" width="7.44140625" style="242" customWidth="1"/>
    <col min="128" max="137" width="9" style="242"/>
    <col min="138" max="138" width="7.33203125" style="242" customWidth="1"/>
    <col min="139" max="148" width="9" style="242"/>
    <col min="149" max="149" width="7.77734375" style="242" customWidth="1"/>
    <col min="150" max="16384" width="9" style="242"/>
  </cols>
  <sheetData>
    <row r="1" spans="2:156" ht="24" customHeight="1" x14ac:dyDescent="0.2">
      <c r="B1" s="271" t="s">
        <v>121</v>
      </c>
      <c r="I1" s="500">
        <f>第１表!F2</f>
        <v>5</v>
      </c>
      <c r="J1" s="500"/>
      <c r="K1" s="235">
        <f>第１表!G2</f>
        <v>12</v>
      </c>
      <c r="L1" s="505">
        <f>IF(K1&lt;3,K1+12-2,K1-2)</f>
        <v>10</v>
      </c>
      <c r="M1" s="505"/>
    </row>
    <row r="2" spans="2:156" ht="24" customHeight="1" thickBot="1" x14ac:dyDescent="0.25">
      <c r="B2" s="271" t="s">
        <v>129</v>
      </c>
      <c r="G2" s="234"/>
      <c r="H2" s="235"/>
      <c r="J2" s="300"/>
      <c r="K2" s="300"/>
    </row>
    <row r="3" spans="2:156" ht="21" customHeight="1" thickBot="1" x14ac:dyDescent="0.25">
      <c r="B3" s="513"/>
      <c r="C3" s="516" t="s">
        <v>70</v>
      </c>
      <c r="D3" s="517"/>
      <c r="E3" s="517"/>
      <c r="F3" s="517"/>
      <c r="G3" s="517"/>
      <c r="H3" s="517"/>
      <c r="I3" s="517"/>
      <c r="J3" s="517"/>
      <c r="K3" s="517"/>
      <c r="L3" s="517"/>
      <c r="M3" s="518"/>
      <c r="N3" s="516" t="s">
        <v>71</v>
      </c>
      <c r="O3" s="517"/>
      <c r="P3" s="517"/>
      <c r="Q3" s="517"/>
      <c r="R3" s="517"/>
      <c r="S3" s="517"/>
      <c r="T3" s="517"/>
      <c r="U3" s="517"/>
      <c r="V3" s="517"/>
      <c r="W3" s="517"/>
      <c r="X3" s="518"/>
      <c r="Y3" s="516" t="s">
        <v>72</v>
      </c>
      <c r="Z3" s="517"/>
      <c r="AA3" s="517"/>
      <c r="AB3" s="517"/>
      <c r="AC3" s="517"/>
      <c r="AD3" s="517"/>
      <c r="AE3" s="517"/>
      <c r="AF3" s="517"/>
      <c r="AG3" s="517"/>
      <c r="AH3" s="517"/>
      <c r="AI3" s="518"/>
      <c r="AJ3" s="516" t="s">
        <v>73</v>
      </c>
      <c r="AK3" s="517"/>
      <c r="AL3" s="517"/>
      <c r="AM3" s="517"/>
      <c r="AN3" s="517"/>
      <c r="AO3" s="517"/>
      <c r="AP3" s="517"/>
      <c r="AQ3" s="517"/>
      <c r="AR3" s="517"/>
      <c r="AS3" s="517"/>
      <c r="AT3" s="518"/>
      <c r="AU3" s="516" t="s">
        <v>74</v>
      </c>
      <c r="AV3" s="517"/>
      <c r="AW3" s="517"/>
      <c r="AX3" s="517"/>
      <c r="AY3" s="517"/>
      <c r="AZ3" s="517"/>
      <c r="BA3" s="517"/>
      <c r="BB3" s="517"/>
      <c r="BC3" s="517"/>
      <c r="BD3" s="517"/>
      <c r="BE3" s="518"/>
      <c r="BF3" s="516" t="s">
        <v>75</v>
      </c>
      <c r="BG3" s="517"/>
      <c r="BH3" s="517"/>
      <c r="BI3" s="517"/>
      <c r="BJ3" s="517"/>
      <c r="BK3" s="517"/>
      <c r="BL3" s="517"/>
      <c r="BM3" s="517"/>
      <c r="BN3" s="517"/>
      <c r="BO3" s="517"/>
      <c r="BP3" s="518"/>
      <c r="BQ3" s="516" t="s">
        <v>76</v>
      </c>
      <c r="BR3" s="517"/>
      <c r="BS3" s="517"/>
      <c r="BT3" s="517"/>
      <c r="BU3" s="517"/>
      <c r="BV3" s="517"/>
      <c r="BW3" s="517"/>
      <c r="BX3" s="517"/>
      <c r="BY3" s="517"/>
      <c r="BZ3" s="517"/>
      <c r="CA3" s="518"/>
      <c r="CB3" s="516" t="s">
        <v>77</v>
      </c>
      <c r="CC3" s="517"/>
      <c r="CD3" s="517"/>
      <c r="CE3" s="517"/>
      <c r="CF3" s="517"/>
      <c r="CG3" s="517"/>
      <c r="CH3" s="517"/>
      <c r="CI3" s="517"/>
      <c r="CJ3" s="517"/>
      <c r="CK3" s="517"/>
      <c r="CL3" s="518"/>
      <c r="CM3" s="516" t="s">
        <v>78</v>
      </c>
      <c r="CN3" s="517"/>
      <c r="CO3" s="517"/>
      <c r="CP3" s="517"/>
      <c r="CQ3" s="517"/>
      <c r="CR3" s="517"/>
      <c r="CS3" s="517"/>
      <c r="CT3" s="517"/>
      <c r="CU3" s="517"/>
      <c r="CV3" s="517"/>
      <c r="CW3" s="518"/>
      <c r="CX3" s="516" t="s">
        <v>79</v>
      </c>
      <c r="CY3" s="517"/>
      <c r="CZ3" s="517"/>
      <c r="DA3" s="517"/>
      <c r="DB3" s="517"/>
      <c r="DC3" s="517"/>
      <c r="DD3" s="517"/>
      <c r="DE3" s="517"/>
      <c r="DF3" s="517"/>
      <c r="DG3" s="517"/>
      <c r="DH3" s="518"/>
      <c r="DI3" s="516" t="s">
        <v>150</v>
      </c>
      <c r="DJ3" s="517"/>
      <c r="DK3" s="517"/>
      <c r="DL3" s="517"/>
      <c r="DM3" s="517"/>
      <c r="DN3" s="517"/>
      <c r="DO3" s="517"/>
      <c r="DP3" s="517"/>
      <c r="DQ3" s="517"/>
      <c r="DR3" s="517"/>
      <c r="DS3" s="518"/>
      <c r="DT3" s="516" t="s">
        <v>80</v>
      </c>
      <c r="DU3" s="517"/>
      <c r="DV3" s="517"/>
      <c r="DW3" s="517"/>
      <c r="DX3" s="517"/>
      <c r="DY3" s="517"/>
      <c r="DZ3" s="517"/>
      <c r="EA3" s="517"/>
      <c r="EB3" s="517"/>
      <c r="EC3" s="517"/>
      <c r="ED3" s="518"/>
      <c r="EE3" s="516" t="s">
        <v>68</v>
      </c>
      <c r="EF3" s="517"/>
      <c r="EG3" s="517"/>
      <c r="EH3" s="517"/>
      <c r="EI3" s="517"/>
      <c r="EJ3" s="517"/>
      <c r="EK3" s="517"/>
      <c r="EL3" s="517"/>
      <c r="EM3" s="517"/>
      <c r="EN3" s="517"/>
      <c r="EO3" s="518"/>
      <c r="EP3" s="519" t="s">
        <v>69</v>
      </c>
      <c r="EQ3" s="520"/>
      <c r="ER3" s="520"/>
      <c r="ES3" s="520"/>
      <c r="ET3" s="520"/>
      <c r="EU3" s="520"/>
      <c r="EV3" s="520"/>
      <c r="EW3" s="520"/>
      <c r="EX3" s="520"/>
      <c r="EY3" s="520"/>
      <c r="EZ3" s="521"/>
    </row>
    <row r="4" spans="2:156" ht="21" customHeight="1" x14ac:dyDescent="0.2">
      <c r="B4" s="514"/>
      <c r="C4" s="508" t="s">
        <v>61</v>
      </c>
      <c r="D4" s="509"/>
      <c r="E4" s="510"/>
      <c r="F4" s="511" t="s">
        <v>62</v>
      </c>
      <c r="G4" s="509"/>
      <c r="H4" s="509"/>
      <c r="I4" s="509"/>
      <c r="J4" s="509"/>
      <c r="K4" s="509"/>
      <c r="L4" s="512"/>
      <c r="M4" s="506" t="s">
        <v>52</v>
      </c>
      <c r="N4" s="508" t="s">
        <v>61</v>
      </c>
      <c r="O4" s="509"/>
      <c r="P4" s="510"/>
      <c r="Q4" s="511" t="s">
        <v>62</v>
      </c>
      <c r="R4" s="509"/>
      <c r="S4" s="509"/>
      <c r="T4" s="509"/>
      <c r="U4" s="509"/>
      <c r="V4" s="509"/>
      <c r="W4" s="510"/>
      <c r="X4" s="506" t="s">
        <v>52</v>
      </c>
      <c r="Y4" s="508" t="s">
        <v>61</v>
      </c>
      <c r="Z4" s="509"/>
      <c r="AA4" s="510"/>
      <c r="AB4" s="511" t="s">
        <v>62</v>
      </c>
      <c r="AC4" s="509"/>
      <c r="AD4" s="509"/>
      <c r="AE4" s="509"/>
      <c r="AF4" s="509"/>
      <c r="AG4" s="509"/>
      <c r="AH4" s="510"/>
      <c r="AI4" s="506" t="s">
        <v>52</v>
      </c>
      <c r="AJ4" s="508" t="s">
        <v>61</v>
      </c>
      <c r="AK4" s="509"/>
      <c r="AL4" s="510"/>
      <c r="AM4" s="511" t="s">
        <v>62</v>
      </c>
      <c r="AN4" s="509"/>
      <c r="AO4" s="509"/>
      <c r="AP4" s="509"/>
      <c r="AQ4" s="509"/>
      <c r="AR4" s="509"/>
      <c r="AS4" s="510"/>
      <c r="AT4" s="506" t="s">
        <v>52</v>
      </c>
      <c r="AU4" s="508" t="s">
        <v>61</v>
      </c>
      <c r="AV4" s="509"/>
      <c r="AW4" s="510"/>
      <c r="AX4" s="511" t="s">
        <v>62</v>
      </c>
      <c r="AY4" s="509"/>
      <c r="AZ4" s="509"/>
      <c r="BA4" s="509"/>
      <c r="BB4" s="509"/>
      <c r="BC4" s="509"/>
      <c r="BD4" s="512"/>
      <c r="BE4" s="506" t="s">
        <v>52</v>
      </c>
      <c r="BF4" s="508" t="s">
        <v>61</v>
      </c>
      <c r="BG4" s="509"/>
      <c r="BH4" s="510"/>
      <c r="BI4" s="511" t="s">
        <v>62</v>
      </c>
      <c r="BJ4" s="509"/>
      <c r="BK4" s="509"/>
      <c r="BL4" s="509"/>
      <c r="BM4" s="509"/>
      <c r="BN4" s="509"/>
      <c r="BO4" s="510"/>
      <c r="BP4" s="506" t="s">
        <v>52</v>
      </c>
      <c r="BQ4" s="508" t="s">
        <v>61</v>
      </c>
      <c r="BR4" s="509"/>
      <c r="BS4" s="510"/>
      <c r="BT4" s="511" t="s">
        <v>62</v>
      </c>
      <c r="BU4" s="509"/>
      <c r="BV4" s="509"/>
      <c r="BW4" s="509"/>
      <c r="BX4" s="509"/>
      <c r="BY4" s="509"/>
      <c r="BZ4" s="510"/>
      <c r="CA4" s="506" t="s">
        <v>52</v>
      </c>
      <c r="CB4" s="508" t="s">
        <v>61</v>
      </c>
      <c r="CC4" s="509"/>
      <c r="CD4" s="510"/>
      <c r="CE4" s="511" t="s">
        <v>62</v>
      </c>
      <c r="CF4" s="509"/>
      <c r="CG4" s="509"/>
      <c r="CH4" s="509"/>
      <c r="CI4" s="509"/>
      <c r="CJ4" s="509"/>
      <c r="CK4" s="510"/>
      <c r="CL4" s="506" t="s">
        <v>52</v>
      </c>
      <c r="CM4" s="508" t="s">
        <v>61</v>
      </c>
      <c r="CN4" s="509"/>
      <c r="CO4" s="510"/>
      <c r="CP4" s="511" t="s">
        <v>62</v>
      </c>
      <c r="CQ4" s="509"/>
      <c r="CR4" s="509"/>
      <c r="CS4" s="509"/>
      <c r="CT4" s="509"/>
      <c r="CU4" s="509"/>
      <c r="CV4" s="510"/>
      <c r="CW4" s="506" t="s">
        <v>52</v>
      </c>
      <c r="CX4" s="508" t="s">
        <v>61</v>
      </c>
      <c r="CY4" s="509"/>
      <c r="CZ4" s="510"/>
      <c r="DA4" s="511" t="s">
        <v>62</v>
      </c>
      <c r="DB4" s="509"/>
      <c r="DC4" s="509"/>
      <c r="DD4" s="509"/>
      <c r="DE4" s="509"/>
      <c r="DF4" s="509"/>
      <c r="DG4" s="510"/>
      <c r="DH4" s="506" t="s">
        <v>52</v>
      </c>
      <c r="DI4" s="508" t="s">
        <v>61</v>
      </c>
      <c r="DJ4" s="509"/>
      <c r="DK4" s="510"/>
      <c r="DL4" s="511" t="s">
        <v>62</v>
      </c>
      <c r="DM4" s="509"/>
      <c r="DN4" s="509"/>
      <c r="DO4" s="509"/>
      <c r="DP4" s="509"/>
      <c r="DQ4" s="509"/>
      <c r="DR4" s="510"/>
      <c r="DS4" s="506" t="s">
        <v>52</v>
      </c>
      <c r="DT4" s="508" t="s">
        <v>61</v>
      </c>
      <c r="DU4" s="509"/>
      <c r="DV4" s="510"/>
      <c r="DW4" s="511" t="s">
        <v>62</v>
      </c>
      <c r="DX4" s="509"/>
      <c r="DY4" s="509"/>
      <c r="DZ4" s="509"/>
      <c r="EA4" s="509"/>
      <c r="EB4" s="509"/>
      <c r="EC4" s="510"/>
      <c r="ED4" s="506" t="s">
        <v>52</v>
      </c>
      <c r="EE4" s="508" t="s">
        <v>61</v>
      </c>
      <c r="EF4" s="509"/>
      <c r="EG4" s="510"/>
      <c r="EH4" s="511" t="s">
        <v>62</v>
      </c>
      <c r="EI4" s="509"/>
      <c r="EJ4" s="509"/>
      <c r="EK4" s="509"/>
      <c r="EL4" s="509"/>
      <c r="EM4" s="509"/>
      <c r="EN4" s="510"/>
      <c r="EO4" s="506" t="s">
        <v>52</v>
      </c>
      <c r="EP4" s="508" t="s">
        <v>61</v>
      </c>
      <c r="EQ4" s="509"/>
      <c r="ER4" s="510"/>
      <c r="ES4" s="511" t="s">
        <v>62</v>
      </c>
      <c r="ET4" s="509"/>
      <c r="EU4" s="509"/>
      <c r="EV4" s="509"/>
      <c r="EW4" s="509"/>
      <c r="EX4" s="509"/>
      <c r="EY4" s="510"/>
      <c r="EZ4" s="506" t="s">
        <v>52</v>
      </c>
    </row>
    <row r="5" spans="2:156" ht="30" customHeight="1" thickBot="1" x14ac:dyDescent="0.25">
      <c r="B5" s="515"/>
      <c r="C5" s="301" t="s">
        <v>43</v>
      </c>
      <c r="D5" s="243" t="s">
        <v>44</v>
      </c>
      <c r="E5" s="356" t="s">
        <v>45</v>
      </c>
      <c r="F5" s="248" t="s">
        <v>83</v>
      </c>
      <c r="G5" s="243" t="s">
        <v>47</v>
      </c>
      <c r="H5" s="243" t="s">
        <v>48</v>
      </c>
      <c r="I5" s="243" t="s">
        <v>49</v>
      </c>
      <c r="J5" s="243" t="s">
        <v>50</v>
      </c>
      <c r="K5" s="243" t="s">
        <v>51</v>
      </c>
      <c r="L5" s="249" t="s">
        <v>45</v>
      </c>
      <c r="M5" s="507"/>
      <c r="N5" s="301" t="s">
        <v>43</v>
      </c>
      <c r="O5" s="243" t="s">
        <v>44</v>
      </c>
      <c r="P5" s="246" t="s">
        <v>45</v>
      </c>
      <c r="Q5" s="248" t="s">
        <v>83</v>
      </c>
      <c r="R5" s="243" t="s">
        <v>47</v>
      </c>
      <c r="S5" s="243" t="s">
        <v>48</v>
      </c>
      <c r="T5" s="243" t="s">
        <v>49</v>
      </c>
      <c r="U5" s="243" t="s">
        <v>50</v>
      </c>
      <c r="V5" s="243" t="s">
        <v>51</v>
      </c>
      <c r="W5" s="246" t="s">
        <v>45</v>
      </c>
      <c r="X5" s="507"/>
      <c r="Y5" s="301" t="s">
        <v>43</v>
      </c>
      <c r="Z5" s="243" t="s">
        <v>44</v>
      </c>
      <c r="AA5" s="246" t="s">
        <v>45</v>
      </c>
      <c r="AB5" s="248" t="s">
        <v>83</v>
      </c>
      <c r="AC5" s="243" t="s">
        <v>47</v>
      </c>
      <c r="AD5" s="243" t="s">
        <v>48</v>
      </c>
      <c r="AE5" s="243" t="s">
        <v>49</v>
      </c>
      <c r="AF5" s="243" t="s">
        <v>50</v>
      </c>
      <c r="AG5" s="243" t="s">
        <v>51</v>
      </c>
      <c r="AH5" s="246" t="s">
        <v>45</v>
      </c>
      <c r="AI5" s="507"/>
      <c r="AJ5" s="301" t="s">
        <v>43</v>
      </c>
      <c r="AK5" s="243" t="s">
        <v>44</v>
      </c>
      <c r="AL5" s="246" t="s">
        <v>45</v>
      </c>
      <c r="AM5" s="248" t="s">
        <v>83</v>
      </c>
      <c r="AN5" s="243" t="s">
        <v>47</v>
      </c>
      <c r="AO5" s="243" t="s">
        <v>48</v>
      </c>
      <c r="AP5" s="243" t="s">
        <v>49</v>
      </c>
      <c r="AQ5" s="243" t="s">
        <v>50</v>
      </c>
      <c r="AR5" s="243" t="s">
        <v>51</v>
      </c>
      <c r="AS5" s="246" t="s">
        <v>45</v>
      </c>
      <c r="AT5" s="507"/>
      <c r="AU5" s="301" t="s">
        <v>43</v>
      </c>
      <c r="AV5" s="243" t="s">
        <v>44</v>
      </c>
      <c r="AW5" s="246" t="s">
        <v>45</v>
      </c>
      <c r="AX5" s="248" t="s">
        <v>83</v>
      </c>
      <c r="AY5" s="243" t="s">
        <v>47</v>
      </c>
      <c r="AZ5" s="243" t="s">
        <v>48</v>
      </c>
      <c r="BA5" s="243" t="s">
        <v>49</v>
      </c>
      <c r="BB5" s="243" t="s">
        <v>50</v>
      </c>
      <c r="BC5" s="243" t="s">
        <v>51</v>
      </c>
      <c r="BD5" s="249" t="s">
        <v>45</v>
      </c>
      <c r="BE5" s="507"/>
      <c r="BF5" s="301" t="s">
        <v>43</v>
      </c>
      <c r="BG5" s="243" t="s">
        <v>44</v>
      </c>
      <c r="BH5" s="246" t="s">
        <v>45</v>
      </c>
      <c r="BI5" s="248" t="s">
        <v>83</v>
      </c>
      <c r="BJ5" s="243" t="s">
        <v>47</v>
      </c>
      <c r="BK5" s="243" t="s">
        <v>48</v>
      </c>
      <c r="BL5" s="243" t="s">
        <v>49</v>
      </c>
      <c r="BM5" s="243" t="s">
        <v>50</v>
      </c>
      <c r="BN5" s="243" t="s">
        <v>51</v>
      </c>
      <c r="BO5" s="246" t="s">
        <v>45</v>
      </c>
      <c r="BP5" s="507"/>
      <c r="BQ5" s="301" t="s">
        <v>43</v>
      </c>
      <c r="BR5" s="243" t="s">
        <v>44</v>
      </c>
      <c r="BS5" s="246" t="s">
        <v>45</v>
      </c>
      <c r="BT5" s="248" t="s">
        <v>83</v>
      </c>
      <c r="BU5" s="243" t="s">
        <v>47</v>
      </c>
      <c r="BV5" s="243" t="s">
        <v>48</v>
      </c>
      <c r="BW5" s="243" t="s">
        <v>49</v>
      </c>
      <c r="BX5" s="243" t="s">
        <v>50</v>
      </c>
      <c r="BY5" s="243" t="s">
        <v>51</v>
      </c>
      <c r="BZ5" s="246" t="s">
        <v>45</v>
      </c>
      <c r="CA5" s="507"/>
      <c r="CB5" s="301" t="s">
        <v>43</v>
      </c>
      <c r="CC5" s="243" t="s">
        <v>44</v>
      </c>
      <c r="CD5" s="246" t="s">
        <v>45</v>
      </c>
      <c r="CE5" s="248" t="s">
        <v>83</v>
      </c>
      <c r="CF5" s="243" t="s">
        <v>47</v>
      </c>
      <c r="CG5" s="243" t="s">
        <v>48</v>
      </c>
      <c r="CH5" s="243" t="s">
        <v>49</v>
      </c>
      <c r="CI5" s="243" t="s">
        <v>50</v>
      </c>
      <c r="CJ5" s="243" t="s">
        <v>51</v>
      </c>
      <c r="CK5" s="246" t="s">
        <v>45</v>
      </c>
      <c r="CL5" s="507"/>
      <c r="CM5" s="301" t="s">
        <v>43</v>
      </c>
      <c r="CN5" s="243" t="s">
        <v>44</v>
      </c>
      <c r="CO5" s="246" t="s">
        <v>45</v>
      </c>
      <c r="CP5" s="248" t="s">
        <v>83</v>
      </c>
      <c r="CQ5" s="243" t="s">
        <v>47</v>
      </c>
      <c r="CR5" s="243" t="s">
        <v>48</v>
      </c>
      <c r="CS5" s="243" t="s">
        <v>49</v>
      </c>
      <c r="CT5" s="243" t="s">
        <v>50</v>
      </c>
      <c r="CU5" s="243" t="s">
        <v>51</v>
      </c>
      <c r="CV5" s="246" t="s">
        <v>45</v>
      </c>
      <c r="CW5" s="507"/>
      <c r="CX5" s="301" t="s">
        <v>43</v>
      </c>
      <c r="CY5" s="243" t="s">
        <v>44</v>
      </c>
      <c r="CZ5" s="246" t="s">
        <v>45</v>
      </c>
      <c r="DA5" s="248" t="s">
        <v>83</v>
      </c>
      <c r="DB5" s="243" t="s">
        <v>47</v>
      </c>
      <c r="DC5" s="243" t="s">
        <v>48</v>
      </c>
      <c r="DD5" s="243" t="s">
        <v>49</v>
      </c>
      <c r="DE5" s="243" t="s">
        <v>50</v>
      </c>
      <c r="DF5" s="243" t="s">
        <v>51</v>
      </c>
      <c r="DG5" s="246" t="s">
        <v>45</v>
      </c>
      <c r="DH5" s="507"/>
      <c r="DI5" s="321" t="s">
        <v>43</v>
      </c>
      <c r="DJ5" s="243" t="s">
        <v>44</v>
      </c>
      <c r="DK5" s="246" t="s">
        <v>45</v>
      </c>
      <c r="DL5" s="248" t="s">
        <v>83</v>
      </c>
      <c r="DM5" s="243" t="s">
        <v>47</v>
      </c>
      <c r="DN5" s="243" t="s">
        <v>48</v>
      </c>
      <c r="DO5" s="243" t="s">
        <v>49</v>
      </c>
      <c r="DP5" s="243" t="s">
        <v>50</v>
      </c>
      <c r="DQ5" s="243" t="s">
        <v>51</v>
      </c>
      <c r="DR5" s="246" t="s">
        <v>45</v>
      </c>
      <c r="DS5" s="507"/>
      <c r="DT5" s="301" t="s">
        <v>43</v>
      </c>
      <c r="DU5" s="243" t="s">
        <v>44</v>
      </c>
      <c r="DV5" s="246" t="s">
        <v>45</v>
      </c>
      <c r="DW5" s="248" t="s">
        <v>83</v>
      </c>
      <c r="DX5" s="243" t="s">
        <v>47</v>
      </c>
      <c r="DY5" s="243" t="s">
        <v>48</v>
      </c>
      <c r="DZ5" s="243" t="s">
        <v>49</v>
      </c>
      <c r="EA5" s="243" t="s">
        <v>50</v>
      </c>
      <c r="EB5" s="243" t="s">
        <v>51</v>
      </c>
      <c r="EC5" s="246" t="s">
        <v>45</v>
      </c>
      <c r="ED5" s="507"/>
      <c r="EE5" s="301" t="s">
        <v>43</v>
      </c>
      <c r="EF5" s="243" t="s">
        <v>44</v>
      </c>
      <c r="EG5" s="246" t="s">
        <v>45</v>
      </c>
      <c r="EH5" s="248" t="s">
        <v>83</v>
      </c>
      <c r="EI5" s="243" t="s">
        <v>47</v>
      </c>
      <c r="EJ5" s="243" t="s">
        <v>48</v>
      </c>
      <c r="EK5" s="243" t="s">
        <v>49</v>
      </c>
      <c r="EL5" s="243" t="s">
        <v>50</v>
      </c>
      <c r="EM5" s="243" t="s">
        <v>51</v>
      </c>
      <c r="EN5" s="246" t="s">
        <v>45</v>
      </c>
      <c r="EO5" s="507"/>
      <c r="EP5" s="301" t="s">
        <v>43</v>
      </c>
      <c r="EQ5" s="243" t="s">
        <v>44</v>
      </c>
      <c r="ER5" s="246" t="s">
        <v>45</v>
      </c>
      <c r="ES5" s="248" t="s">
        <v>83</v>
      </c>
      <c r="ET5" s="243" t="s">
        <v>47</v>
      </c>
      <c r="EU5" s="243" t="s">
        <v>48</v>
      </c>
      <c r="EV5" s="243" t="s">
        <v>49</v>
      </c>
      <c r="EW5" s="243" t="s">
        <v>50</v>
      </c>
      <c r="EX5" s="243" t="s">
        <v>51</v>
      </c>
      <c r="EY5" s="246" t="s">
        <v>45</v>
      </c>
      <c r="EZ5" s="507"/>
    </row>
    <row r="6" spans="2:156" ht="21" customHeight="1" x14ac:dyDescent="0.2">
      <c r="B6" s="470" t="s">
        <v>4</v>
      </c>
      <c r="C6" s="250">
        <v>0</v>
      </c>
      <c r="D6" s="254">
        <v>0</v>
      </c>
      <c r="E6" s="357">
        <v>0</v>
      </c>
      <c r="F6" s="253">
        <v>0</v>
      </c>
      <c r="G6" s="254">
        <v>1226</v>
      </c>
      <c r="H6" s="254">
        <v>1314</v>
      </c>
      <c r="I6" s="254">
        <v>710</v>
      </c>
      <c r="J6" s="254">
        <v>560</v>
      </c>
      <c r="K6" s="254">
        <v>394</v>
      </c>
      <c r="L6" s="255">
        <v>4204</v>
      </c>
      <c r="M6" s="256">
        <v>4204</v>
      </c>
      <c r="N6" s="250">
        <v>0</v>
      </c>
      <c r="O6" s="254">
        <v>1</v>
      </c>
      <c r="P6" s="251">
        <v>1</v>
      </c>
      <c r="Q6" s="253">
        <v>0</v>
      </c>
      <c r="R6" s="254">
        <v>5</v>
      </c>
      <c r="S6" s="254">
        <v>27</v>
      </c>
      <c r="T6" s="254">
        <v>63</v>
      </c>
      <c r="U6" s="254">
        <v>121</v>
      </c>
      <c r="V6" s="254">
        <v>190</v>
      </c>
      <c r="W6" s="251">
        <v>406</v>
      </c>
      <c r="X6" s="256">
        <v>407</v>
      </c>
      <c r="Y6" s="250">
        <v>213</v>
      </c>
      <c r="Z6" s="254">
        <v>381</v>
      </c>
      <c r="AA6" s="251">
        <v>594</v>
      </c>
      <c r="AB6" s="253">
        <v>0</v>
      </c>
      <c r="AC6" s="254">
        <v>962</v>
      </c>
      <c r="AD6" s="254">
        <v>1282</v>
      </c>
      <c r="AE6" s="254">
        <v>744</v>
      </c>
      <c r="AF6" s="254">
        <v>604</v>
      </c>
      <c r="AG6" s="254">
        <v>374</v>
      </c>
      <c r="AH6" s="251">
        <v>3966</v>
      </c>
      <c r="AI6" s="256">
        <v>4560</v>
      </c>
      <c r="AJ6" s="250">
        <v>25</v>
      </c>
      <c r="AK6" s="254">
        <v>61</v>
      </c>
      <c r="AL6" s="251">
        <v>86</v>
      </c>
      <c r="AM6" s="253">
        <v>0</v>
      </c>
      <c r="AN6" s="254">
        <v>73</v>
      </c>
      <c r="AO6" s="254">
        <v>104</v>
      </c>
      <c r="AP6" s="254">
        <v>85</v>
      </c>
      <c r="AQ6" s="254">
        <v>72</v>
      </c>
      <c r="AR6" s="254">
        <v>32</v>
      </c>
      <c r="AS6" s="251">
        <v>366</v>
      </c>
      <c r="AT6" s="256">
        <v>452</v>
      </c>
      <c r="AU6" s="250">
        <v>295</v>
      </c>
      <c r="AV6" s="254">
        <v>364</v>
      </c>
      <c r="AW6" s="251">
        <v>659</v>
      </c>
      <c r="AX6" s="253">
        <v>0</v>
      </c>
      <c r="AY6" s="254">
        <v>1360</v>
      </c>
      <c r="AZ6" s="254">
        <v>1649</v>
      </c>
      <c r="BA6" s="254">
        <v>1452</v>
      </c>
      <c r="BB6" s="254">
        <v>1303</v>
      </c>
      <c r="BC6" s="254">
        <v>838</v>
      </c>
      <c r="BD6" s="255">
        <v>6602</v>
      </c>
      <c r="BE6" s="256">
        <v>7261</v>
      </c>
      <c r="BF6" s="250">
        <v>0</v>
      </c>
      <c r="BG6" s="254">
        <v>0</v>
      </c>
      <c r="BH6" s="251">
        <v>0</v>
      </c>
      <c r="BI6" s="253">
        <v>0</v>
      </c>
      <c r="BJ6" s="254">
        <v>1587</v>
      </c>
      <c r="BK6" s="254">
        <v>1412</v>
      </c>
      <c r="BL6" s="254">
        <v>715</v>
      </c>
      <c r="BM6" s="254">
        <v>389</v>
      </c>
      <c r="BN6" s="254">
        <v>151</v>
      </c>
      <c r="BO6" s="251">
        <v>4254</v>
      </c>
      <c r="BP6" s="256">
        <v>4254</v>
      </c>
      <c r="BQ6" s="250">
        <v>138</v>
      </c>
      <c r="BR6" s="254">
        <v>187</v>
      </c>
      <c r="BS6" s="251">
        <v>325</v>
      </c>
      <c r="BT6" s="253">
        <v>0</v>
      </c>
      <c r="BU6" s="254">
        <v>351</v>
      </c>
      <c r="BV6" s="254">
        <v>511</v>
      </c>
      <c r="BW6" s="254">
        <v>311</v>
      </c>
      <c r="BX6" s="254">
        <v>174</v>
      </c>
      <c r="BY6" s="254">
        <v>47</v>
      </c>
      <c r="BZ6" s="251">
        <v>1394</v>
      </c>
      <c r="CA6" s="256">
        <v>1719</v>
      </c>
      <c r="CB6" s="250">
        <v>5</v>
      </c>
      <c r="CC6" s="254">
        <v>19</v>
      </c>
      <c r="CD6" s="251">
        <v>24</v>
      </c>
      <c r="CE6" s="253">
        <v>0</v>
      </c>
      <c r="CF6" s="254">
        <v>176</v>
      </c>
      <c r="CG6" s="254">
        <v>284</v>
      </c>
      <c r="CH6" s="254">
        <v>287</v>
      </c>
      <c r="CI6" s="254">
        <v>226</v>
      </c>
      <c r="CJ6" s="254">
        <v>100</v>
      </c>
      <c r="CK6" s="251">
        <v>1073</v>
      </c>
      <c r="CL6" s="256">
        <v>1097</v>
      </c>
      <c r="CM6" s="250">
        <v>1</v>
      </c>
      <c r="CN6" s="254">
        <v>1</v>
      </c>
      <c r="CO6" s="251">
        <v>2</v>
      </c>
      <c r="CP6" s="253">
        <v>0</v>
      </c>
      <c r="CQ6" s="254">
        <v>20</v>
      </c>
      <c r="CR6" s="254">
        <v>47</v>
      </c>
      <c r="CS6" s="254">
        <v>61</v>
      </c>
      <c r="CT6" s="254">
        <v>53</v>
      </c>
      <c r="CU6" s="254">
        <v>23</v>
      </c>
      <c r="CV6" s="251">
        <v>204</v>
      </c>
      <c r="CW6" s="256">
        <v>206</v>
      </c>
      <c r="CX6" s="250">
        <v>0</v>
      </c>
      <c r="CY6" s="254">
        <v>0</v>
      </c>
      <c r="CZ6" s="251">
        <v>0</v>
      </c>
      <c r="DA6" s="253">
        <v>0</v>
      </c>
      <c r="DB6" s="254">
        <v>0</v>
      </c>
      <c r="DC6" s="254">
        <v>0</v>
      </c>
      <c r="DD6" s="254">
        <v>0</v>
      </c>
      <c r="DE6" s="254">
        <v>0</v>
      </c>
      <c r="DF6" s="254">
        <v>0</v>
      </c>
      <c r="DG6" s="251">
        <v>0</v>
      </c>
      <c r="DH6" s="256">
        <v>0</v>
      </c>
      <c r="DI6" s="250">
        <v>0</v>
      </c>
      <c r="DJ6" s="254">
        <v>0</v>
      </c>
      <c r="DK6" s="251">
        <v>0</v>
      </c>
      <c r="DL6" s="253">
        <v>0</v>
      </c>
      <c r="DM6" s="254">
        <v>0</v>
      </c>
      <c r="DN6" s="254">
        <v>0</v>
      </c>
      <c r="DO6" s="254">
        <v>0</v>
      </c>
      <c r="DP6" s="254">
        <v>0</v>
      </c>
      <c r="DQ6" s="254">
        <v>0</v>
      </c>
      <c r="DR6" s="251">
        <v>0</v>
      </c>
      <c r="DS6" s="256">
        <v>0</v>
      </c>
      <c r="DT6" s="250">
        <v>641</v>
      </c>
      <c r="DU6" s="254">
        <v>1338</v>
      </c>
      <c r="DV6" s="251">
        <v>1979</v>
      </c>
      <c r="DW6" s="253">
        <v>0</v>
      </c>
      <c r="DX6" s="254">
        <v>1732</v>
      </c>
      <c r="DY6" s="254">
        <v>3040</v>
      </c>
      <c r="DZ6" s="254">
        <v>1801</v>
      </c>
      <c r="EA6" s="254">
        <v>1289</v>
      </c>
      <c r="EB6" s="254">
        <v>716</v>
      </c>
      <c r="EC6" s="251">
        <v>8578</v>
      </c>
      <c r="ED6" s="256">
        <v>10557</v>
      </c>
      <c r="EE6" s="250">
        <v>179</v>
      </c>
      <c r="EF6" s="254">
        <v>138</v>
      </c>
      <c r="EG6" s="251">
        <v>317</v>
      </c>
      <c r="EH6" s="253">
        <v>0</v>
      </c>
      <c r="EI6" s="254">
        <v>569</v>
      </c>
      <c r="EJ6" s="254">
        <v>514</v>
      </c>
      <c r="EK6" s="254">
        <v>438</v>
      </c>
      <c r="EL6" s="254">
        <v>464</v>
      </c>
      <c r="EM6" s="254">
        <v>226</v>
      </c>
      <c r="EN6" s="251">
        <v>2211</v>
      </c>
      <c r="EO6" s="256">
        <v>2528</v>
      </c>
      <c r="EP6" s="250">
        <v>936</v>
      </c>
      <c r="EQ6" s="254">
        <v>1676</v>
      </c>
      <c r="ER6" s="251">
        <v>2612</v>
      </c>
      <c r="ES6" s="253">
        <v>0</v>
      </c>
      <c r="ET6" s="254">
        <v>4185</v>
      </c>
      <c r="EU6" s="254">
        <v>4209</v>
      </c>
      <c r="EV6" s="254">
        <v>2183</v>
      </c>
      <c r="EW6" s="254">
        <v>1398</v>
      </c>
      <c r="EX6" s="254">
        <v>733</v>
      </c>
      <c r="EY6" s="251">
        <v>12708</v>
      </c>
      <c r="EZ6" s="256">
        <v>15320</v>
      </c>
    </row>
    <row r="7" spans="2:156" ht="21" customHeight="1" x14ac:dyDescent="0.2">
      <c r="B7" s="471" t="s">
        <v>5</v>
      </c>
      <c r="C7" s="257">
        <v>0</v>
      </c>
      <c r="D7" s="261">
        <v>0</v>
      </c>
      <c r="E7" s="358">
        <v>0</v>
      </c>
      <c r="F7" s="260">
        <v>0</v>
      </c>
      <c r="G7" s="261">
        <v>492</v>
      </c>
      <c r="H7" s="261">
        <v>651</v>
      </c>
      <c r="I7" s="261">
        <v>335</v>
      </c>
      <c r="J7" s="261">
        <v>246</v>
      </c>
      <c r="K7" s="261">
        <v>175</v>
      </c>
      <c r="L7" s="262">
        <v>1899</v>
      </c>
      <c r="M7" s="263">
        <v>1899</v>
      </c>
      <c r="N7" s="257">
        <v>0</v>
      </c>
      <c r="O7" s="261">
        <v>1</v>
      </c>
      <c r="P7" s="258">
        <v>1</v>
      </c>
      <c r="Q7" s="260">
        <v>0</v>
      </c>
      <c r="R7" s="261">
        <v>0</v>
      </c>
      <c r="S7" s="261">
        <v>7</v>
      </c>
      <c r="T7" s="261">
        <v>28</v>
      </c>
      <c r="U7" s="261">
        <v>51</v>
      </c>
      <c r="V7" s="261">
        <v>93</v>
      </c>
      <c r="W7" s="258">
        <v>179</v>
      </c>
      <c r="X7" s="263">
        <v>180</v>
      </c>
      <c r="Y7" s="257">
        <v>110</v>
      </c>
      <c r="Z7" s="261">
        <v>215</v>
      </c>
      <c r="AA7" s="258">
        <v>325</v>
      </c>
      <c r="AB7" s="260">
        <v>0</v>
      </c>
      <c r="AC7" s="261">
        <v>381</v>
      </c>
      <c r="AD7" s="261">
        <v>677</v>
      </c>
      <c r="AE7" s="261">
        <v>362</v>
      </c>
      <c r="AF7" s="261">
        <v>297</v>
      </c>
      <c r="AG7" s="261">
        <v>166</v>
      </c>
      <c r="AH7" s="258">
        <v>1883</v>
      </c>
      <c r="AI7" s="263">
        <v>2208</v>
      </c>
      <c r="AJ7" s="257">
        <v>9</v>
      </c>
      <c r="AK7" s="261">
        <v>30</v>
      </c>
      <c r="AL7" s="258">
        <v>39</v>
      </c>
      <c r="AM7" s="260">
        <v>0</v>
      </c>
      <c r="AN7" s="261">
        <v>23</v>
      </c>
      <c r="AO7" s="261">
        <v>37</v>
      </c>
      <c r="AP7" s="261">
        <v>35</v>
      </c>
      <c r="AQ7" s="261">
        <v>28</v>
      </c>
      <c r="AR7" s="261">
        <v>15</v>
      </c>
      <c r="AS7" s="258">
        <v>138</v>
      </c>
      <c r="AT7" s="263">
        <v>177</v>
      </c>
      <c r="AU7" s="257">
        <v>131</v>
      </c>
      <c r="AV7" s="261">
        <v>214</v>
      </c>
      <c r="AW7" s="258">
        <v>345</v>
      </c>
      <c r="AX7" s="260">
        <v>0</v>
      </c>
      <c r="AY7" s="261">
        <v>481</v>
      </c>
      <c r="AZ7" s="261">
        <v>757</v>
      </c>
      <c r="BA7" s="261">
        <v>646</v>
      </c>
      <c r="BB7" s="261">
        <v>573</v>
      </c>
      <c r="BC7" s="261">
        <v>370</v>
      </c>
      <c r="BD7" s="262">
        <v>2827</v>
      </c>
      <c r="BE7" s="263">
        <v>3172</v>
      </c>
      <c r="BF7" s="257">
        <v>0</v>
      </c>
      <c r="BG7" s="261">
        <v>0</v>
      </c>
      <c r="BH7" s="258">
        <v>0</v>
      </c>
      <c r="BI7" s="260">
        <v>0</v>
      </c>
      <c r="BJ7" s="261">
        <v>569</v>
      </c>
      <c r="BK7" s="261">
        <v>609</v>
      </c>
      <c r="BL7" s="261">
        <v>296</v>
      </c>
      <c r="BM7" s="261">
        <v>147</v>
      </c>
      <c r="BN7" s="261">
        <v>63</v>
      </c>
      <c r="BO7" s="258">
        <v>1684</v>
      </c>
      <c r="BP7" s="263">
        <v>1684</v>
      </c>
      <c r="BQ7" s="257">
        <v>70</v>
      </c>
      <c r="BR7" s="261">
        <v>97</v>
      </c>
      <c r="BS7" s="258">
        <v>167</v>
      </c>
      <c r="BT7" s="260">
        <v>0</v>
      </c>
      <c r="BU7" s="261">
        <v>128</v>
      </c>
      <c r="BV7" s="261">
        <v>243</v>
      </c>
      <c r="BW7" s="261">
        <v>155</v>
      </c>
      <c r="BX7" s="261">
        <v>89</v>
      </c>
      <c r="BY7" s="261">
        <v>21</v>
      </c>
      <c r="BZ7" s="258">
        <v>636</v>
      </c>
      <c r="CA7" s="263">
        <v>803</v>
      </c>
      <c r="CB7" s="257">
        <v>3</v>
      </c>
      <c r="CC7" s="261">
        <v>9</v>
      </c>
      <c r="CD7" s="258">
        <v>12</v>
      </c>
      <c r="CE7" s="260">
        <v>0</v>
      </c>
      <c r="CF7" s="261">
        <v>70</v>
      </c>
      <c r="CG7" s="261">
        <v>105</v>
      </c>
      <c r="CH7" s="261">
        <v>114</v>
      </c>
      <c r="CI7" s="261">
        <v>83</v>
      </c>
      <c r="CJ7" s="261">
        <v>38</v>
      </c>
      <c r="CK7" s="258">
        <v>410</v>
      </c>
      <c r="CL7" s="263">
        <v>422</v>
      </c>
      <c r="CM7" s="257">
        <v>1</v>
      </c>
      <c r="CN7" s="261">
        <v>1</v>
      </c>
      <c r="CO7" s="258">
        <v>2</v>
      </c>
      <c r="CP7" s="260">
        <v>0</v>
      </c>
      <c r="CQ7" s="261">
        <v>9</v>
      </c>
      <c r="CR7" s="261">
        <v>27</v>
      </c>
      <c r="CS7" s="261">
        <v>37</v>
      </c>
      <c r="CT7" s="261">
        <v>31</v>
      </c>
      <c r="CU7" s="261">
        <v>15</v>
      </c>
      <c r="CV7" s="258">
        <v>119</v>
      </c>
      <c r="CW7" s="263">
        <v>121</v>
      </c>
      <c r="CX7" s="257">
        <v>0</v>
      </c>
      <c r="CY7" s="261">
        <v>0</v>
      </c>
      <c r="CZ7" s="258">
        <v>0</v>
      </c>
      <c r="DA7" s="260">
        <v>0</v>
      </c>
      <c r="DB7" s="261">
        <v>0</v>
      </c>
      <c r="DC7" s="261">
        <v>0</v>
      </c>
      <c r="DD7" s="261">
        <v>0</v>
      </c>
      <c r="DE7" s="261">
        <v>0</v>
      </c>
      <c r="DF7" s="261">
        <v>0</v>
      </c>
      <c r="DG7" s="258">
        <v>0</v>
      </c>
      <c r="DH7" s="263">
        <v>0</v>
      </c>
      <c r="DI7" s="257">
        <v>0</v>
      </c>
      <c r="DJ7" s="261">
        <v>0</v>
      </c>
      <c r="DK7" s="258">
        <v>0</v>
      </c>
      <c r="DL7" s="260">
        <v>0</v>
      </c>
      <c r="DM7" s="261">
        <v>0</v>
      </c>
      <c r="DN7" s="261">
        <v>0</v>
      </c>
      <c r="DO7" s="261">
        <v>0</v>
      </c>
      <c r="DP7" s="261">
        <v>0</v>
      </c>
      <c r="DQ7" s="261">
        <v>0</v>
      </c>
      <c r="DR7" s="258">
        <v>0</v>
      </c>
      <c r="DS7" s="263">
        <v>0</v>
      </c>
      <c r="DT7" s="257">
        <v>241</v>
      </c>
      <c r="DU7" s="261">
        <v>645</v>
      </c>
      <c r="DV7" s="258">
        <v>886</v>
      </c>
      <c r="DW7" s="260">
        <v>0</v>
      </c>
      <c r="DX7" s="261">
        <v>568</v>
      </c>
      <c r="DY7" s="261">
        <v>1392</v>
      </c>
      <c r="DZ7" s="261">
        <v>811</v>
      </c>
      <c r="EA7" s="261">
        <v>554</v>
      </c>
      <c r="EB7" s="261">
        <v>326</v>
      </c>
      <c r="EC7" s="258">
        <v>3651</v>
      </c>
      <c r="ED7" s="263">
        <v>4537</v>
      </c>
      <c r="EE7" s="257">
        <v>75</v>
      </c>
      <c r="EF7" s="261">
        <v>78</v>
      </c>
      <c r="EG7" s="258">
        <v>153</v>
      </c>
      <c r="EH7" s="260">
        <v>0</v>
      </c>
      <c r="EI7" s="261">
        <v>214</v>
      </c>
      <c r="EJ7" s="261">
        <v>235</v>
      </c>
      <c r="EK7" s="261">
        <v>199</v>
      </c>
      <c r="EL7" s="261">
        <v>218</v>
      </c>
      <c r="EM7" s="261">
        <v>103</v>
      </c>
      <c r="EN7" s="258">
        <v>969</v>
      </c>
      <c r="EO7" s="263">
        <v>1122</v>
      </c>
      <c r="EP7" s="257">
        <v>390</v>
      </c>
      <c r="EQ7" s="261">
        <v>822</v>
      </c>
      <c r="ER7" s="258">
        <v>1212</v>
      </c>
      <c r="ES7" s="260">
        <v>0</v>
      </c>
      <c r="ET7" s="261">
        <v>1562</v>
      </c>
      <c r="EU7" s="261">
        <v>1970</v>
      </c>
      <c r="EV7" s="261">
        <v>991</v>
      </c>
      <c r="EW7" s="261">
        <v>622</v>
      </c>
      <c r="EX7" s="261">
        <v>332</v>
      </c>
      <c r="EY7" s="258">
        <v>5477</v>
      </c>
      <c r="EZ7" s="263">
        <v>6689</v>
      </c>
    </row>
    <row r="8" spans="2:156" ht="21" customHeight="1" x14ac:dyDescent="0.2">
      <c r="B8" s="472" t="s">
        <v>6</v>
      </c>
      <c r="C8" s="257">
        <v>0</v>
      </c>
      <c r="D8" s="261">
        <v>0</v>
      </c>
      <c r="E8" s="358">
        <v>0</v>
      </c>
      <c r="F8" s="260">
        <v>0</v>
      </c>
      <c r="G8" s="261">
        <v>190</v>
      </c>
      <c r="H8" s="261">
        <v>147</v>
      </c>
      <c r="I8" s="261">
        <v>72</v>
      </c>
      <c r="J8" s="261">
        <v>65</v>
      </c>
      <c r="K8" s="261">
        <v>48</v>
      </c>
      <c r="L8" s="262">
        <v>522</v>
      </c>
      <c r="M8" s="263">
        <v>522</v>
      </c>
      <c r="N8" s="257">
        <v>0</v>
      </c>
      <c r="O8" s="261">
        <v>0</v>
      </c>
      <c r="P8" s="258">
        <v>0</v>
      </c>
      <c r="Q8" s="260">
        <v>0</v>
      </c>
      <c r="R8" s="261">
        <v>2</v>
      </c>
      <c r="S8" s="261">
        <v>3</v>
      </c>
      <c r="T8" s="261">
        <v>4</v>
      </c>
      <c r="U8" s="261">
        <v>10</v>
      </c>
      <c r="V8" s="261">
        <v>24</v>
      </c>
      <c r="W8" s="258">
        <v>43</v>
      </c>
      <c r="X8" s="263">
        <v>43</v>
      </c>
      <c r="Y8" s="257">
        <v>18</v>
      </c>
      <c r="Z8" s="261">
        <v>39</v>
      </c>
      <c r="AA8" s="258">
        <v>57</v>
      </c>
      <c r="AB8" s="260">
        <v>0</v>
      </c>
      <c r="AC8" s="261">
        <v>154</v>
      </c>
      <c r="AD8" s="261">
        <v>161</v>
      </c>
      <c r="AE8" s="261">
        <v>71</v>
      </c>
      <c r="AF8" s="261">
        <v>77</v>
      </c>
      <c r="AG8" s="261">
        <v>52</v>
      </c>
      <c r="AH8" s="258">
        <v>515</v>
      </c>
      <c r="AI8" s="263">
        <v>572</v>
      </c>
      <c r="AJ8" s="257">
        <v>4</v>
      </c>
      <c r="AK8" s="261">
        <v>5</v>
      </c>
      <c r="AL8" s="258">
        <v>9</v>
      </c>
      <c r="AM8" s="260">
        <v>0</v>
      </c>
      <c r="AN8" s="261">
        <v>16</v>
      </c>
      <c r="AO8" s="261">
        <v>19</v>
      </c>
      <c r="AP8" s="261">
        <v>10</v>
      </c>
      <c r="AQ8" s="261">
        <v>10</v>
      </c>
      <c r="AR8" s="261">
        <v>4</v>
      </c>
      <c r="AS8" s="258">
        <v>59</v>
      </c>
      <c r="AT8" s="263">
        <v>68</v>
      </c>
      <c r="AU8" s="257">
        <v>45</v>
      </c>
      <c r="AV8" s="261">
        <v>42</v>
      </c>
      <c r="AW8" s="258">
        <v>87</v>
      </c>
      <c r="AX8" s="260">
        <v>0</v>
      </c>
      <c r="AY8" s="261">
        <v>242</v>
      </c>
      <c r="AZ8" s="261">
        <v>215</v>
      </c>
      <c r="BA8" s="261">
        <v>188</v>
      </c>
      <c r="BB8" s="261">
        <v>184</v>
      </c>
      <c r="BC8" s="261">
        <v>116</v>
      </c>
      <c r="BD8" s="262">
        <v>945</v>
      </c>
      <c r="BE8" s="263">
        <v>1032</v>
      </c>
      <c r="BF8" s="257">
        <v>0</v>
      </c>
      <c r="BG8" s="261">
        <v>0</v>
      </c>
      <c r="BH8" s="258">
        <v>0</v>
      </c>
      <c r="BI8" s="260">
        <v>0</v>
      </c>
      <c r="BJ8" s="261">
        <v>228</v>
      </c>
      <c r="BK8" s="261">
        <v>187</v>
      </c>
      <c r="BL8" s="261">
        <v>78</v>
      </c>
      <c r="BM8" s="261">
        <v>50</v>
      </c>
      <c r="BN8" s="261">
        <v>23</v>
      </c>
      <c r="BO8" s="258">
        <v>566</v>
      </c>
      <c r="BP8" s="263">
        <v>566</v>
      </c>
      <c r="BQ8" s="257">
        <v>9</v>
      </c>
      <c r="BR8" s="261">
        <v>13</v>
      </c>
      <c r="BS8" s="258">
        <v>22</v>
      </c>
      <c r="BT8" s="260">
        <v>0</v>
      </c>
      <c r="BU8" s="261">
        <v>43</v>
      </c>
      <c r="BV8" s="261">
        <v>54</v>
      </c>
      <c r="BW8" s="261">
        <v>38</v>
      </c>
      <c r="BX8" s="261">
        <v>19</v>
      </c>
      <c r="BY8" s="261">
        <v>6</v>
      </c>
      <c r="BZ8" s="258">
        <v>160</v>
      </c>
      <c r="CA8" s="263">
        <v>182</v>
      </c>
      <c r="CB8" s="257">
        <v>0</v>
      </c>
      <c r="CC8" s="261">
        <v>3</v>
      </c>
      <c r="CD8" s="258">
        <v>3</v>
      </c>
      <c r="CE8" s="260">
        <v>0</v>
      </c>
      <c r="CF8" s="261">
        <v>16</v>
      </c>
      <c r="CG8" s="261">
        <v>27</v>
      </c>
      <c r="CH8" s="261">
        <v>26</v>
      </c>
      <c r="CI8" s="261">
        <v>23</v>
      </c>
      <c r="CJ8" s="261">
        <v>12</v>
      </c>
      <c r="CK8" s="258">
        <v>104</v>
      </c>
      <c r="CL8" s="263">
        <v>107</v>
      </c>
      <c r="CM8" s="257">
        <v>0</v>
      </c>
      <c r="CN8" s="261">
        <v>0</v>
      </c>
      <c r="CO8" s="258">
        <v>0</v>
      </c>
      <c r="CP8" s="260">
        <v>0</v>
      </c>
      <c r="CQ8" s="261">
        <v>2</v>
      </c>
      <c r="CR8" s="261">
        <v>5</v>
      </c>
      <c r="CS8" s="261">
        <v>4</v>
      </c>
      <c r="CT8" s="261">
        <v>9</v>
      </c>
      <c r="CU8" s="261">
        <v>3</v>
      </c>
      <c r="CV8" s="258">
        <v>23</v>
      </c>
      <c r="CW8" s="263">
        <v>23</v>
      </c>
      <c r="CX8" s="257">
        <v>0</v>
      </c>
      <c r="CY8" s="261">
        <v>0</v>
      </c>
      <c r="CZ8" s="258">
        <v>0</v>
      </c>
      <c r="DA8" s="260">
        <v>0</v>
      </c>
      <c r="DB8" s="261">
        <v>0</v>
      </c>
      <c r="DC8" s="261">
        <v>0</v>
      </c>
      <c r="DD8" s="261">
        <v>0</v>
      </c>
      <c r="DE8" s="261">
        <v>0</v>
      </c>
      <c r="DF8" s="261">
        <v>0</v>
      </c>
      <c r="DG8" s="258">
        <v>0</v>
      </c>
      <c r="DH8" s="263">
        <v>0</v>
      </c>
      <c r="DI8" s="257">
        <v>0</v>
      </c>
      <c r="DJ8" s="261">
        <v>0</v>
      </c>
      <c r="DK8" s="258">
        <v>0</v>
      </c>
      <c r="DL8" s="260">
        <v>0</v>
      </c>
      <c r="DM8" s="261">
        <v>0</v>
      </c>
      <c r="DN8" s="261">
        <v>0</v>
      </c>
      <c r="DO8" s="261">
        <v>0</v>
      </c>
      <c r="DP8" s="261">
        <v>0</v>
      </c>
      <c r="DQ8" s="261">
        <v>0</v>
      </c>
      <c r="DR8" s="258">
        <v>0</v>
      </c>
      <c r="DS8" s="263">
        <v>0</v>
      </c>
      <c r="DT8" s="257">
        <v>76</v>
      </c>
      <c r="DU8" s="261">
        <v>129</v>
      </c>
      <c r="DV8" s="258">
        <v>205</v>
      </c>
      <c r="DW8" s="260">
        <v>0</v>
      </c>
      <c r="DX8" s="261">
        <v>266</v>
      </c>
      <c r="DY8" s="261">
        <v>353</v>
      </c>
      <c r="DZ8" s="261">
        <v>206</v>
      </c>
      <c r="EA8" s="261">
        <v>176</v>
      </c>
      <c r="EB8" s="261">
        <v>91</v>
      </c>
      <c r="EC8" s="258">
        <v>1092</v>
      </c>
      <c r="ED8" s="263">
        <v>1297</v>
      </c>
      <c r="EE8" s="257">
        <v>29</v>
      </c>
      <c r="EF8" s="261">
        <v>14</v>
      </c>
      <c r="EG8" s="258">
        <v>43</v>
      </c>
      <c r="EH8" s="260">
        <v>0</v>
      </c>
      <c r="EI8" s="261">
        <v>88</v>
      </c>
      <c r="EJ8" s="261">
        <v>61</v>
      </c>
      <c r="EK8" s="261">
        <v>60</v>
      </c>
      <c r="EL8" s="261">
        <v>63</v>
      </c>
      <c r="EM8" s="261">
        <v>33</v>
      </c>
      <c r="EN8" s="258">
        <v>305</v>
      </c>
      <c r="EO8" s="263">
        <v>348</v>
      </c>
      <c r="EP8" s="257">
        <v>95</v>
      </c>
      <c r="EQ8" s="261">
        <v>163</v>
      </c>
      <c r="ER8" s="258">
        <v>258</v>
      </c>
      <c r="ES8" s="260">
        <v>0</v>
      </c>
      <c r="ET8" s="261">
        <v>596</v>
      </c>
      <c r="EU8" s="261">
        <v>471</v>
      </c>
      <c r="EV8" s="261">
        <v>239</v>
      </c>
      <c r="EW8" s="261">
        <v>177</v>
      </c>
      <c r="EX8" s="261">
        <v>97</v>
      </c>
      <c r="EY8" s="258">
        <v>1580</v>
      </c>
      <c r="EZ8" s="263">
        <v>1838</v>
      </c>
    </row>
    <row r="9" spans="2:156" ht="21" customHeight="1" x14ac:dyDescent="0.2">
      <c r="B9" s="472" t="s">
        <v>14</v>
      </c>
      <c r="C9" s="257">
        <v>0</v>
      </c>
      <c r="D9" s="261">
        <v>0</v>
      </c>
      <c r="E9" s="358">
        <v>0</v>
      </c>
      <c r="F9" s="260">
        <v>0</v>
      </c>
      <c r="G9" s="261">
        <v>51</v>
      </c>
      <c r="H9" s="261">
        <v>101</v>
      </c>
      <c r="I9" s="261">
        <v>51</v>
      </c>
      <c r="J9" s="261">
        <v>39</v>
      </c>
      <c r="K9" s="261">
        <v>28</v>
      </c>
      <c r="L9" s="262">
        <v>270</v>
      </c>
      <c r="M9" s="263">
        <v>270</v>
      </c>
      <c r="N9" s="257">
        <v>0</v>
      </c>
      <c r="O9" s="261">
        <v>0</v>
      </c>
      <c r="P9" s="258">
        <v>0</v>
      </c>
      <c r="Q9" s="260">
        <v>0</v>
      </c>
      <c r="R9" s="261">
        <v>0</v>
      </c>
      <c r="S9" s="261">
        <v>1</v>
      </c>
      <c r="T9" s="261">
        <v>4</v>
      </c>
      <c r="U9" s="261">
        <v>7</v>
      </c>
      <c r="V9" s="261">
        <v>7</v>
      </c>
      <c r="W9" s="258">
        <v>19</v>
      </c>
      <c r="X9" s="263">
        <v>19</v>
      </c>
      <c r="Y9" s="257">
        <v>10</v>
      </c>
      <c r="Z9" s="261">
        <v>22</v>
      </c>
      <c r="AA9" s="258">
        <v>32</v>
      </c>
      <c r="AB9" s="260">
        <v>0</v>
      </c>
      <c r="AC9" s="261">
        <v>50</v>
      </c>
      <c r="AD9" s="261">
        <v>91</v>
      </c>
      <c r="AE9" s="261">
        <v>59</v>
      </c>
      <c r="AF9" s="261">
        <v>40</v>
      </c>
      <c r="AG9" s="261">
        <v>32</v>
      </c>
      <c r="AH9" s="258">
        <v>272</v>
      </c>
      <c r="AI9" s="263">
        <v>304</v>
      </c>
      <c r="AJ9" s="257">
        <v>1</v>
      </c>
      <c r="AK9" s="261">
        <v>3</v>
      </c>
      <c r="AL9" s="258">
        <v>4</v>
      </c>
      <c r="AM9" s="260">
        <v>0</v>
      </c>
      <c r="AN9" s="261">
        <v>0</v>
      </c>
      <c r="AO9" s="261">
        <v>2</v>
      </c>
      <c r="AP9" s="261">
        <v>4</v>
      </c>
      <c r="AQ9" s="261">
        <v>4</v>
      </c>
      <c r="AR9" s="261">
        <v>1</v>
      </c>
      <c r="AS9" s="258">
        <v>11</v>
      </c>
      <c r="AT9" s="263">
        <v>15</v>
      </c>
      <c r="AU9" s="257">
        <v>18</v>
      </c>
      <c r="AV9" s="261">
        <v>29</v>
      </c>
      <c r="AW9" s="258">
        <v>47</v>
      </c>
      <c r="AX9" s="260">
        <v>0</v>
      </c>
      <c r="AY9" s="261">
        <v>86</v>
      </c>
      <c r="AZ9" s="261">
        <v>120</v>
      </c>
      <c r="BA9" s="261">
        <v>109</v>
      </c>
      <c r="BB9" s="261">
        <v>93</v>
      </c>
      <c r="BC9" s="261">
        <v>55</v>
      </c>
      <c r="BD9" s="262">
        <v>463</v>
      </c>
      <c r="BE9" s="263">
        <v>510</v>
      </c>
      <c r="BF9" s="257">
        <v>0</v>
      </c>
      <c r="BG9" s="261">
        <v>0</v>
      </c>
      <c r="BH9" s="258">
        <v>0</v>
      </c>
      <c r="BI9" s="260">
        <v>0</v>
      </c>
      <c r="BJ9" s="261">
        <v>116</v>
      </c>
      <c r="BK9" s="261">
        <v>120</v>
      </c>
      <c r="BL9" s="261">
        <v>76</v>
      </c>
      <c r="BM9" s="261">
        <v>36</v>
      </c>
      <c r="BN9" s="261">
        <v>16</v>
      </c>
      <c r="BO9" s="258">
        <v>364</v>
      </c>
      <c r="BP9" s="263">
        <v>364</v>
      </c>
      <c r="BQ9" s="257">
        <v>5</v>
      </c>
      <c r="BR9" s="261">
        <v>10</v>
      </c>
      <c r="BS9" s="258">
        <v>15</v>
      </c>
      <c r="BT9" s="260">
        <v>0</v>
      </c>
      <c r="BU9" s="261">
        <v>13</v>
      </c>
      <c r="BV9" s="261">
        <v>30</v>
      </c>
      <c r="BW9" s="261">
        <v>14</v>
      </c>
      <c r="BX9" s="261">
        <v>10</v>
      </c>
      <c r="BY9" s="261">
        <v>0</v>
      </c>
      <c r="BZ9" s="258">
        <v>67</v>
      </c>
      <c r="CA9" s="263">
        <v>82</v>
      </c>
      <c r="CB9" s="257">
        <v>0</v>
      </c>
      <c r="CC9" s="261">
        <v>0</v>
      </c>
      <c r="CD9" s="258">
        <v>0</v>
      </c>
      <c r="CE9" s="260">
        <v>0</v>
      </c>
      <c r="CF9" s="261">
        <v>11</v>
      </c>
      <c r="CG9" s="261">
        <v>22</v>
      </c>
      <c r="CH9" s="261">
        <v>26</v>
      </c>
      <c r="CI9" s="261">
        <v>14</v>
      </c>
      <c r="CJ9" s="261">
        <v>10</v>
      </c>
      <c r="CK9" s="258">
        <v>83</v>
      </c>
      <c r="CL9" s="263">
        <v>83</v>
      </c>
      <c r="CM9" s="257">
        <v>0</v>
      </c>
      <c r="CN9" s="261">
        <v>0</v>
      </c>
      <c r="CO9" s="258">
        <v>0</v>
      </c>
      <c r="CP9" s="260">
        <v>0</v>
      </c>
      <c r="CQ9" s="261">
        <v>0</v>
      </c>
      <c r="CR9" s="261">
        <v>2</v>
      </c>
      <c r="CS9" s="261">
        <v>3</v>
      </c>
      <c r="CT9" s="261">
        <v>2</v>
      </c>
      <c r="CU9" s="261">
        <v>0</v>
      </c>
      <c r="CV9" s="258">
        <v>7</v>
      </c>
      <c r="CW9" s="263">
        <v>7</v>
      </c>
      <c r="CX9" s="257">
        <v>0</v>
      </c>
      <c r="CY9" s="261">
        <v>0</v>
      </c>
      <c r="CZ9" s="258">
        <v>0</v>
      </c>
      <c r="DA9" s="260">
        <v>0</v>
      </c>
      <c r="DB9" s="261">
        <v>0</v>
      </c>
      <c r="DC9" s="261">
        <v>0</v>
      </c>
      <c r="DD9" s="261">
        <v>0</v>
      </c>
      <c r="DE9" s="261">
        <v>0</v>
      </c>
      <c r="DF9" s="261">
        <v>0</v>
      </c>
      <c r="DG9" s="258">
        <v>0</v>
      </c>
      <c r="DH9" s="263">
        <v>0</v>
      </c>
      <c r="DI9" s="257">
        <v>0</v>
      </c>
      <c r="DJ9" s="261">
        <v>0</v>
      </c>
      <c r="DK9" s="258">
        <v>0</v>
      </c>
      <c r="DL9" s="260">
        <v>0</v>
      </c>
      <c r="DM9" s="261">
        <v>0</v>
      </c>
      <c r="DN9" s="261">
        <v>0</v>
      </c>
      <c r="DO9" s="261">
        <v>0</v>
      </c>
      <c r="DP9" s="261">
        <v>0</v>
      </c>
      <c r="DQ9" s="261">
        <v>0</v>
      </c>
      <c r="DR9" s="258">
        <v>0</v>
      </c>
      <c r="DS9" s="263">
        <v>0</v>
      </c>
      <c r="DT9" s="257">
        <v>40</v>
      </c>
      <c r="DU9" s="261">
        <v>95</v>
      </c>
      <c r="DV9" s="258">
        <v>135</v>
      </c>
      <c r="DW9" s="260">
        <v>0</v>
      </c>
      <c r="DX9" s="261">
        <v>110</v>
      </c>
      <c r="DY9" s="261">
        <v>257</v>
      </c>
      <c r="DZ9" s="261">
        <v>144</v>
      </c>
      <c r="EA9" s="261">
        <v>102</v>
      </c>
      <c r="EB9" s="261">
        <v>50</v>
      </c>
      <c r="EC9" s="258">
        <v>663</v>
      </c>
      <c r="ED9" s="263">
        <v>798</v>
      </c>
      <c r="EE9" s="257">
        <v>12</v>
      </c>
      <c r="EF9" s="261">
        <v>10</v>
      </c>
      <c r="EG9" s="258">
        <v>22</v>
      </c>
      <c r="EH9" s="260">
        <v>0</v>
      </c>
      <c r="EI9" s="261">
        <v>37</v>
      </c>
      <c r="EJ9" s="261">
        <v>28</v>
      </c>
      <c r="EK9" s="261">
        <v>27</v>
      </c>
      <c r="EL9" s="261">
        <v>21</v>
      </c>
      <c r="EM9" s="261">
        <v>12</v>
      </c>
      <c r="EN9" s="258">
        <v>125</v>
      </c>
      <c r="EO9" s="263">
        <v>147</v>
      </c>
      <c r="EP9" s="257">
        <v>52</v>
      </c>
      <c r="EQ9" s="261">
        <v>114</v>
      </c>
      <c r="ER9" s="258">
        <v>166</v>
      </c>
      <c r="ES9" s="260">
        <v>0</v>
      </c>
      <c r="ET9" s="261">
        <v>265</v>
      </c>
      <c r="EU9" s="261">
        <v>356</v>
      </c>
      <c r="EV9" s="261">
        <v>184</v>
      </c>
      <c r="EW9" s="261">
        <v>110</v>
      </c>
      <c r="EX9" s="261">
        <v>49</v>
      </c>
      <c r="EY9" s="258">
        <v>964</v>
      </c>
      <c r="EZ9" s="263">
        <v>1130</v>
      </c>
    </row>
    <row r="10" spans="2:156" ht="21" customHeight="1" x14ac:dyDescent="0.2">
      <c r="B10" s="472" t="s">
        <v>7</v>
      </c>
      <c r="C10" s="257">
        <v>0</v>
      </c>
      <c r="D10" s="261">
        <v>0</v>
      </c>
      <c r="E10" s="358">
        <v>0</v>
      </c>
      <c r="F10" s="260">
        <v>0</v>
      </c>
      <c r="G10" s="261">
        <v>122</v>
      </c>
      <c r="H10" s="261">
        <v>90</v>
      </c>
      <c r="I10" s="261">
        <v>35</v>
      </c>
      <c r="J10" s="261">
        <v>38</v>
      </c>
      <c r="K10" s="261">
        <v>28</v>
      </c>
      <c r="L10" s="262">
        <v>313</v>
      </c>
      <c r="M10" s="263">
        <v>313</v>
      </c>
      <c r="N10" s="257">
        <v>0</v>
      </c>
      <c r="O10" s="261">
        <v>0</v>
      </c>
      <c r="P10" s="258">
        <v>0</v>
      </c>
      <c r="Q10" s="260">
        <v>0</v>
      </c>
      <c r="R10" s="261">
        <v>0</v>
      </c>
      <c r="S10" s="261">
        <v>4</v>
      </c>
      <c r="T10" s="261">
        <v>7</v>
      </c>
      <c r="U10" s="261">
        <v>12</v>
      </c>
      <c r="V10" s="261">
        <v>14</v>
      </c>
      <c r="W10" s="258">
        <v>37</v>
      </c>
      <c r="X10" s="263">
        <v>37</v>
      </c>
      <c r="Y10" s="257">
        <v>5</v>
      </c>
      <c r="Z10" s="261">
        <v>2</v>
      </c>
      <c r="AA10" s="258">
        <v>7</v>
      </c>
      <c r="AB10" s="260">
        <v>0</v>
      </c>
      <c r="AC10" s="261">
        <v>52</v>
      </c>
      <c r="AD10" s="261">
        <v>45</v>
      </c>
      <c r="AE10" s="261">
        <v>27</v>
      </c>
      <c r="AF10" s="261">
        <v>23</v>
      </c>
      <c r="AG10" s="261">
        <v>18</v>
      </c>
      <c r="AH10" s="258">
        <v>165</v>
      </c>
      <c r="AI10" s="263">
        <v>172</v>
      </c>
      <c r="AJ10" s="257">
        <v>1</v>
      </c>
      <c r="AK10" s="261">
        <v>0</v>
      </c>
      <c r="AL10" s="258">
        <v>1</v>
      </c>
      <c r="AM10" s="260">
        <v>0</v>
      </c>
      <c r="AN10" s="261">
        <v>6</v>
      </c>
      <c r="AO10" s="261">
        <v>5</v>
      </c>
      <c r="AP10" s="261">
        <v>9</v>
      </c>
      <c r="AQ10" s="261">
        <v>5</v>
      </c>
      <c r="AR10" s="261">
        <v>0</v>
      </c>
      <c r="AS10" s="258">
        <v>25</v>
      </c>
      <c r="AT10" s="263">
        <v>26</v>
      </c>
      <c r="AU10" s="257">
        <v>14</v>
      </c>
      <c r="AV10" s="261">
        <v>14</v>
      </c>
      <c r="AW10" s="258">
        <v>28</v>
      </c>
      <c r="AX10" s="260">
        <v>0</v>
      </c>
      <c r="AY10" s="261">
        <v>108</v>
      </c>
      <c r="AZ10" s="261">
        <v>119</v>
      </c>
      <c r="BA10" s="261">
        <v>99</v>
      </c>
      <c r="BB10" s="261">
        <v>75</v>
      </c>
      <c r="BC10" s="261">
        <v>53</v>
      </c>
      <c r="BD10" s="262">
        <v>454</v>
      </c>
      <c r="BE10" s="263">
        <v>482</v>
      </c>
      <c r="BF10" s="257">
        <v>0</v>
      </c>
      <c r="BG10" s="261">
        <v>0</v>
      </c>
      <c r="BH10" s="258">
        <v>0</v>
      </c>
      <c r="BI10" s="260">
        <v>0</v>
      </c>
      <c r="BJ10" s="261">
        <v>142</v>
      </c>
      <c r="BK10" s="261">
        <v>96</v>
      </c>
      <c r="BL10" s="261">
        <v>38</v>
      </c>
      <c r="BM10" s="261">
        <v>21</v>
      </c>
      <c r="BN10" s="261">
        <v>11</v>
      </c>
      <c r="BO10" s="258">
        <v>308</v>
      </c>
      <c r="BP10" s="263">
        <v>308</v>
      </c>
      <c r="BQ10" s="257">
        <v>1</v>
      </c>
      <c r="BR10" s="261">
        <v>3</v>
      </c>
      <c r="BS10" s="258">
        <v>4</v>
      </c>
      <c r="BT10" s="260">
        <v>0</v>
      </c>
      <c r="BU10" s="261">
        <v>20</v>
      </c>
      <c r="BV10" s="261">
        <v>25</v>
      </c>
      <c r="BW10" s="261">
        <v>10</v>
      </c>
      <c r="BX10" s="261">
        <v>6</v>
      </c>
      <c r="BY10" s="261">
        <v>2</v>
      </c>
      <c r="BZ10" s="258">
        <v>63</v>
      </c>
      <c r="CA10" s="263">
        <v>67</v>
      </c>
      <c r="CB10" s="257">
        <v>0</v>
      </c>
      <c r="CC10" s="261">
        <v>1</v>
      </c>
      <c r="CD10" s="258">
        <v>1</v>
      </c>
      <c r="CE10" s="260">
        <v>0</v>
      </c>
      <c r="CF10" s="261">
        <v>21</v>
      </c>
      <c r="CG10" s="261">
        <v>35</v>
      </c>
      <c r="CH10" s="261">
        <v>28</v>
      </c>
      <c r="CI10" s="261">
        <v>19</v>
      </c>
      <c r="CJ10" s="261">
        <v>8</v>
      </c>
      <c r="CK10" s="258">
        <v>111</v>
      </c>
      <c r="CL10" s="263">
        <v>112</v>
      </c>
      <c r="CM10" s="257">
        <v>0</v>
      </c>
      <c r="CN10" s="261">
        <v>0</v>
      </c>
      <c r="CO10" s="258">
        <v>0</v>
      </c>
      <c r="CP10" s="260">
        <v>0</v>
      </c>
      <c r="CQ10" s="261">
        <v>1</v>
      </c>
      <c r="CR10" s="261">
        <v>3</v>
      </c>
      <c r="CS10" s="261">
        <v>0</v>
      </c>
      <c r="CT10" s="261">
        <v>2</v>
      </c>
      <c r="CU10" s="261">
        <v>0</v>
      </c>
      <c r="CV10" s="258">
        <v>6</v>
      </c>
      <c r="CW10" s="263">
        <v>6</v>
      </c>
      <c r="CX10" s="257">
        <v>0</v>
      </c>
      <c r="CY10" s="261">
        <v>0</v>
      </c>
      <c r="CZ10" s="258">
        <v>0</v>
      </c>
      <c r="DA10" s="260">
        <v>0</v>
      </c>
      <c r="DB10" s="261">
        <v>0</v>
      </c>
      <c r="DC10" s="261">
        <v>0</v>
      </c>
      <c r="DD10" s="261">
        <v>0</v>
      </c>
      <c r="DE10" s="261">
        <v>0</v>
      </c>
      <c r="DF10" s="261">
        <v>0</v>
      </c>
      <c r="DG10" s="258">
        <v>0</v>
      </c>
      <c r="DH10" s="263">
        <v>0</v>
      </c>
      <c r="DI10" s="257">
        <v>0</v>
      </c>
      <c r="DJ10" s="261">
        <v>0</v>
      </c>
      <c r="DK10" s="258">
        <v>0</v>
      </c>
      <c r="DL10" s="260">
        <v>0</v>
      </c>
      <c r="DM10" s="261">
        <v>0</v>
      </c>
      <c r="DN10" s="261">
        <v>0</v>
      </c>
      <c r="DO10" s="261">
        <v>0</v>
      </c>
      <c r="DP10" s="261">
        <v>0</v>
      </c>
      <c r="DQ10" s="261">
        <v>0</v>
      </c>
      <c r="DR10" s="258">
        <v>0</v>
      </c>
      <c r="DS10" s="263">
        <v>0</v>
      </c>
      <c r="DT10" s="257">
        <v>29</v>
      </c>
      <c r="DU10" s="261">
        <v>37</v>
      </c>
      <c r="DV10" s="258">
        <v>66</v>
      </c>
      <c r="DW10" s="260">
        <v>0</v>
      </c>
      <c r="DX10" s="261">
        <v>145</v>
      </c>
      <c r="DY10" s="261">
        <v>199</v>
      </c>
      <c r="DZ10" s="261">
        <v>98</v>
      </c>
      <c r="EA10" s="261">
        <v>74</v>
      </c>
      <c r="EB10" s="261">
        <v>44</v>
      </c>
      <c r="EC10" s="258">
        <v>560</v>
      </c>
      <c r="ED10" s="263">
        <v>626</v>
      </c>
      <c r="EE10" s="257">
        <v>7</v>
      </c>
      <c r="EF10" s="261">
        <v>12</v>
      </c>
      <c r="EG10" s="258">
        <v>19</v>
      </c>
      <c r="EH10" s="260">
        <v>0</v>
      </c>
      <c r="EI10" s="261">
        <v>42</v>
      </c>
      <c r="EJ10" s="261">
        <v>42</v>
      </c>
      <c r="EK10" s="261">
        <v>33</v>
      </c>
      <c r="EL10" s="261">
        <v>24</v>
      </c>
      <c r="EM10" s="261">
        <v>13</v>
      </c>
      <c r="EN10" s="258">
        <v>154</v>
      </c>
      <c r="EO10" s="263">
        <v>173</v>
      </c>
      <c r="EP10" s="257">
        <v>36</v>
      </c>
      <c r="EQ10" s="261">
        <v>40</v>
      </c>
      <c r="ER10" s="258">
        <v>76</v>
      </c>
      <c r="ES10" s="260">
        <v>0</v>
      </c>
      <c r="ET10" s="261">
        <v>356</v>
      </c>
      <c r="EU10" s="261">
        <v>271</v>
      </c>
      <c r="EV10" s="261">
        <v>121</v>
      </c>
      <c r="EW10" s="261">
        <v>79</v>
      </c>
      <c r="EX10" s="261">
        <v>47</v>
      </c>
      <c r="EY10" s="258">
        <v>874</v>
      </c>
      <c r="EZ10" s="263">
        <v>950</v>
      </c>
    </row>
    <row r="11" spans="2:156" ht="21" customHeight="1" x14ac:dyDescent="0.2">
      <c r="B11" s="472" t="s">
        <v>8</v>
      </c>
      <c r="C11" s="257">
        <v>0</v>
      </c>
      <c r="D11" s="261">
        <v>0</v>
      </c>
      <c r="E11" s="358">
        <v>0</v>
      </c>
      <c r="F11" s="260">
        <v>0</v>
      </c>
      <c r="G11" s="261">
        <v>20</v>
      </c>
      <c r="H11" s="261">
        <v>27</v>
      </c>
      <c r="I11" s="261">
        <v>28</v>
      </c>
      <c r="J11" s="261">
        <v>6</v>
      </c>
      <c r="K11" s="261">
        <v>12</v>
      </c>
      <c r="L11" s="262">
        <v>93</v>
      </c>
      <c r="M11" s="263">
        <v>93</v>
      </c>
      <c r="N11" s="257">
        <v>0</v>
      </c>
      <c r="O11" s="261">
        <v>0</v>
      </c>
      <c r="P11" s="258">
        <v>0</v>
      </c>
      <c r="Q11" s="260">
        <v>0</v>
      </c>
      <c r="R11" s="261">
        <v>0</v>
      </c>
      <c r="S11" s="261">
        <v>0</v>
      </c>
      <c r="T11" s="261">
        <v>2</v>
      </c>
      <c r="U11" s="261">
        <v>0</v>
      </c>
      <c r="V11" s="261">
        <v>6</v>
      </c>
      <c r="W11" s="258">
        <v>8</v>
      </c>
      <c r="X11" s="263">
        <v>8</v>
      </c>
      <c r="Y11" s="257">
        <v>3</v>
      </c>
      <c r="Z11" s="261">
        <v>3</v>
      </c>
      <c r="AA11" s="258">
        <v>6</v>
      </c>
      <c r="AB11" s="260">
        <v>0</v>
      </c>
      <c r="AC11" s="261">
        <v>19</v>
      </c>
      <c r="AD11" s="261">
        <v>32</v>
      </c>
      <c r="AE11" s="261">
        <v>27</v>
      </c>
      <c r="AF11" s="261">
        <v>9</v>
      </c>
      <c r="AG11" s="261">
        <v>9</v>
      </c>
      <c r="AH11" s="258">
        <v>96</v>
      </c>
      <c r="AI11" s="263">
        <v>102</v>
      </c>
      <c r="AJ11" s="257">
        <v>0</v>
      </c>
      <c r="AK11" s="261">
        <v>0</v>
      </c>
      <c r="AL11" s="258">
        <v>0</v>
      </c>
      <c r="AM11" s="260">
        <v>0</v>
      </c>
      <c r="AN11" s="261">
        <v>2</v>
      </c>
      <c r="AO11" s="261">
        <v>2</v>
      </c>
      <c r="AP11" s="261">
        <v>5</v>
      </c>
      <c r="AQ11" s="261">
        <v>3</v>
      </c>
      <c r="AR11" s="261">
        <v>0</v>
      </c>
      <c r="AS11" s="258">
        <v>12</v>
      </c>
      <c r="AT11" s="263">
        <v>12</v>
      </c>
      <c r="AU11" s="257">
        <v>12</v>
      </c>
      <c r="AV11" s="261">
        <v>2</v>
      </c>
      <c r="AW11" s="258">
        <v>14</v>
      </c>
      <c r="AX11" s="260">
        <v>0</v>
      </c>
      <c r="AY11" s="261">
        <v>38</v>
      </c>
      <c r="AZ11" s="261">
        <v>32</v>
      </c>
      <c r="BA11" s="261">
        <v>48</v>
      </c>
      <c r="BB11" s="261">
        <v>22</v>
      </c>
      <c r="BC11" s="261">
        <v>23</v>
      </c>
      <c r="BD11" s="262">
        <v>163</v>
      </c>
      <c r="BE11" s="263">
        <v>177</v>
      </c>
      <c r="BF11" s="257">
        <v>0</v>
      </c>
      <c r="BG11" s="261">
        <v>0</v>
      </c>
      <c r="BH11" s="258">
        <v>0</v>
      </c>
      <c r="BI11" s="260">
        <v>0</v>
      </c>
      <c r="BJ11" s="261">
        <v>36</v>
      </c>
      <c r="BK11" s="261">
        <v>31</v>
      </c>
      <c r="BL11" s="261">
        <v>23</v>
      </c>
      <c r="BM11" s="261">
        <v>8</v>
      </c>
      <c r="BN11" s="261">
        <v>4</v>
      </c>
      <c r="BO11" s="258">
        <v>102</v>
      </c>
      <c r="BP11" s="263">
        <v>102</v>
      </c>
      <c r="BQ11" s="257">
        <v>5</v>
      </c>
      <c r="BR11" s="261">
        <v>3</v>
      </c>
      <c r="BS11" s="258">
        <v>8</v>
      </c>
      <c r="BT11" s="260">
        <v>0</v>
      </c>
      <c r="BU11" s="261">
        <v>10</v>
      </c>
      <c r="BV11" s="261">
        <v>7</v>
      </c>
      <c r="BW11" s="261">
        <v>5</v>
      </c>
      <c r="BX11" s="261">
        <v>3</v>
      </c>
      <c r="BY11" s="261">
        <v>0</v>
      </c>
      <c r="BZ11" s="258">
        <v>25</v>
      </c>
      <c r="CA11" s="263">
        <v>33</v>
      </c>
      <c r="CB11" s="257">
        <v>1</v>
      </c>
      <c r="CC11" s="261">
        <v>1</v>
      </c>
      <c r="CD11" s="258">
        <v>2</v>
      </c>
      <c r="CE11" s="260">
        <v>0</v>
      </c>
      <c r="CF11" s="261">
        <v>3</v>
      </c>
      <c r="CG11" s="261">
        <v>5</v>
      </c>
      <c r="CH11" s="261">
        <v>12</v>
      </c>
      <c r="CI11" s="261">
        <v>6</v>
      </c>
      <c r="CJ11" s="261">
        <v>2</v>
      </c>
      <c r="CK11" s="258">
        <v>28</v>
      </c>
      <c r="CL11" s="263">
        <v>30</v>
      </c>
      <c r="CM11" s="257">
        <v>0</v>
      </c>
      <c r="CN11" s="261">
        <v>0</v>
      </c>
      <c r="CO11" s="258">
        <v>0</v>
      </c>
      <c r="CP11" s="260">
        <v>0</v>
      </c>
      <c r="CQ11" s="261">
        <v>0</v>
      </c>
      <c r="CR11" s="261">
        <v>0</v>
      </c>
      <c r="CS11" s="261">
        <v>1</v>
      </c>
      <c r="CT11" s="261">
        <v>0</v>
      </c>
      <c r="CU11" s="261">
        <v>0</v>
      </c>
      <c r="CV11" s="258">
        <v>1</v>
      </c>
      <c r="CW11" s="263">
        <v>1</v>
      </c>
      <c r="CX11" s="257">
        <v>0</v>
      </c>
      <c r="CY11" s="261">
        <v>0</v>
      </c>
      <c r="CZ11" s="258">
        <v>0</v>
      </c>
      <c r="DA11" s="260">
        <v>0</v>
      </c>
      <c r="DB11" s="261">
        <v>0</v>
      </c>
      <c r="DC11" s="261">
        <v>0</v>
      </c>
      <c r="DD11" s="261">
        <v>0</v>
      </c>
      <c r="DE11" s="261">
        <v>0</v>
      </c>
      <c r="DF11" s="261">
        <v>0</v>
      </c>
      <c r="DG11" s="258">
        <v>0</v>
      </c>
      <c r="DH11" s="263">
        <v>0</v>
      </c>
      <c r="DI11" s="257">
        <v>0</v>
      </c>
      <c r="DJ11" s="261">
        <v>0</v>
      </c>
      <c r="DK11" s="258">
        <v>0</v>
      </c>
      <c r="DL11" s="260">
        <v>0</v>
      </c>
      <c r="DM11" s="261">
        <v>0</v>
      </c>
      <c r="DN11" s="261">
        <v>0</v>
      </c>
      <c r="DO11" s="261">
        <v>0</v>
      </c>
      <c r="DP11" s="261">
        <v>0</v>
      </c>
      <c r="DQ11" s="261">
        <v>0</v>
      </c>
      <c r="DR11" s="258">
        <v>0</v>
      </c>
      <c r="DS11" s="263">
        <v>0</v>
      </c>
      <c r="DT11" s="257">
        <v>20</v>
      </c>
      <c r="DU11" s="261">
        <v>25</v>
      </c>
      <c r="DV11" s="258">
        <v>45</v>
      </c>
      <c r="DW11" s="260">
        <v>0</v>
      </c>
      <c r="DX11" s="261">
        <v>51</v>
      </c>
      <c r="DY11" s="261">
        <v>79</v>
      </c>
      <c r="DZ11" s="261">
        <v>60</v>
      </c>
      <c r="EA11" s="261">
        <v>27</v>
      </c>
      <c r="EB11" s="261">
        <v>22</v>
      </c>
      <c r="EC11" s="258">
        <v>239</v>
      </c>
      <c r="ED11" s="263">
        <v>284</v>
      </c>
      <c r="EE11" s="257">
        <v>8</v>
      </c>
      <c r="EF11" s="261">
        <v>1</v>
      </c>
      <c r="EG11" s="258">
        <v>9</v>
      </c>
      <c r="EH11" s="260">
        <v>0</v>
      </c>
      <c r="EI11" s="261">
        <v>20</v>
      </c>
      <c r="EJ11" s="261">
        <v>8</v>
      </c>
      <c r="EK11" s="261">
        <v>8</v>
      </c>
      <c r="EL11" s="261">
        <v>9</v>
      </c>
      <c r="EM11" s="261">
        <v>8</v>
      </c>
      <c r="EN11" s="258">
        <v>53</v>
      </c>
      <c r="EO11" s="263">
        <v>62</v>
      </c>
      <c r="EP11" s="257">
        <v>26</v>
      </c>
      <c r="EQ11" s="261">
        <v>28</v>
      </c>
      <c r="ER11" s="258">
        <v>54</v>
      </c>
      <c r="ES11" s="260">
        <v>0</v>
      </c>
      <c r="ET11" s="261">
        <v>106</v>
      </c>
      <c r="EU11" s="261">
        <v>102</v>
      </c>
      <c r="EV11" s="261">
        <v>68</v>
      </c>
      <c r="EW11" s="261">
        <v>26</v>
      </c>
      <c r="EX11" s="261">
        <v>21</v>
      </c>
      <c r="EY11" s="258">
        <v>323</v>
      </c>
      <c r="EZ11" s="263">
        <v>377</v>
      </c>
    </row>
    <row r="12" spans="2:156" ht="21" customHeight="1" x14ac:dyDescent="0.2">
      <c r="B12" s="472" t="s">
        <v>9</v>
      </c>
      <c r="C12" s="257">
        <v>0</v>
      </c>
      <c r="D12" s="261">
        <v>0</v>
      </c>
      <c r="E12" s="358">
        <v>0</v>
      </c>
      <c r="F12" s="260">
        <v>0</v>
      </c>
      <c r="G12" s="261">
        <v>47</v>
      </c>
      <c r="H12" s="261">
        <v>41</v>
      </c>
      <c r="I12" s="261">
        <v>33</v>
      </c>
      <c r="J12" s="261">
        <v>24</v>
      </c>
      <c r="K12" s="261">
        <v>18</v>
      </c>
      <c r="L12" s="262">
        <v>163</v>
      </c>
      <c r="M12" s="263">
        <v>163</v>
      </c>
      <c r="N12" s="257">
        <v>0</v>
      </c>
      <c r="O12" s="261">
        <v>0</v>
      </c>
      <c r="P12" s="258">
        <v>0</v>
      </c>
      <c r="Q12" s="260">
        <v>0</v>
      </c>
      <c r="R12" s="261">
        <v>0</v>
      </c>
      <c r="S12" s="261">
        <v>2</v>
      </c>
      <c r="T12" s="261">
        <v>3</v>
      </c>
      <c r="U12" s="261">
        <v>2</v>
      </c>
      <c r="V12" s="261">
        <v>3</v>
      </c>
      <c r="W12" s="258">
        <v>10</v>
      </c>
      <c r="X12" s="263">
        <v>10</v>
      </c>
      <c r="Y12" s="257">
        <v>5</v>
      </c>
      <c r="Z12" s="261">
        <v>8</v>
      </c>
      <c r="AA12" s="258">
        <v>13</v>
      </c>
      <c r="AB12" s="260">
        <v>0</v>
      </c>
      <c r="AC12" s="261">
        <v>47</v>
      </c>
      <c r="AD12" s="261">
        <v>29</v>
      </c>
      <c r="AE12" s="261">
        <v>33</v>
      </c>
      <c r="AF12" s="261">
        <v>25</v>
      </c>
      <c r="AG12" s="261">
        <v>15</v>
      </c>
      <c r="AH12" s="258">
        <v>149</v>
      </c>
      <c r="AI12" s="263">
        <v>162</v>
      </c>
      <c r="AJ12" s="257">
        <v>0</v>
      </c>
      <c r="AK12" s="261">
        <v>1</v>
      </c>
      <c r="AL12" s="258">
        <v>1</v>
      </c>
      <c r="AM12" s="260">
        <v>0</v>
      </c>
      <c r="AN12" s="261">
        <v>1</v>
      </c>
      <c r="AO12" s="261">
        <v>3</v>
      </c>
      <c r="AP12" s="261">
        <v>4</v>
      </c>
      <c r="AQ12" s="261">
        <v>3</v>
      </c>
      <c r="AR12" s="261">
        <v>1</v>
      </c>
      <c r="AS12" s="258">
        <v>12</v>
      </c>
      <c r="AT12" s="263">
        <v>13</v>
      </c>
      <c r="AU12" s="257">
        <v>8</v>
      </c>
      <c r="AV12" s="261">
        <v>10</v>
      </c>
      <c r="AW12" s="258">
        <v>18</v>
      </c>
      <c r="AX12" s="260">
        <v>0</v>
      </c>
      <c r="AY12" s="261">
        <v>61</v>
      </c>
      <c r="AZ12" s="261">
        <v>44</v>
      </c>
      <c r="BA12" s="261">
        <v>62</v>
      </c>
      <c r="BB12" s="261">
        <v>48</v>
      </c>
      <c r="BC12" s="261">
        <v>31</v>
      </c>
      <c r="BD12" s="262">
        <v>246</v>
      </c>
      <c r="BE12" s="263">
        <v>264</v>
      </c>
      <c r="BF12" s="257">
        <v>0</v>
      </c>
      <c r="BG12" s="261">
        <v>0</v>
      </c>
      <c r="BH12" s="258">
        <v>0</v>
      </c>
      <c r="BI12" s="260">
        <v>0</v>
      </c>
      <c r="BJ12" s="261">
        <v>46</v>
      </c>
      <c r="BK12" s="261">
        <v>34</v>
      </c>
      <c r="BL12" s="261">
        <v>20</v>
      </c>
      <c r="BM12" s="261">
        <v>18</v>
      </c>
      <c r="BN12" s="261">
        <v>3</v>
      </c>
      <c r="BO12" s="258">
        <v>121</v>
      </c>
      <c r="BP12" s="263">
        <v>121</v>
      </c>
      <c r="BQ12" s="257">
        <v>3</v>
      </c>
      <c r="BR12" s="261">
        <v>4</v>
      </c>
      <c r="BS12" s="258">
        <v>7</v>
      </c>
      <c r="BT12" s="260">
        <v>0</v>
      </c>
      <c r="BU12" s="261">
        <v>14</v>
      </c>
      <c r="BV12" s="261">
        <v>14</v>
      </c>
      <c r="BW12" s="261">
        <v>12</v>
      </c>
      <c r="BX12" s="261">
        <v>6</v>
      </c>
      <c r="BY12" s="261">
        <v>2</v>
      </c>
      <c r="BZ12" s="258">
        <v>48</v>
      </c>
      <c r="CA12" s="263">
        <v>55</v>
      </c>
      <c r="CB12" s="257">
        <v>0</v>
      </c>
      <c r="CC12" s="261">
        <v>0</v>
      </c>
      <c r="CD12" s="258">
        <v>0</v>
      </c>
      <c r="CE12" s="260">
        <v>0</v>
      </c>
      <c r="CF12" s="261">
        <v>6</v>
      </c>
      <c r="CG12" s="261">
        <v>9</v>
      </c>
      <c r="CH12" s="261">
        <v>15</v>
      </c>
      <c r="CI12" s="261">
        <v>8</v>
      </c>
      <c r="CJ12" s="261">
        <v>4</v>
      </c>
      <c r="CK12" s="258">
        <v>42</v>
      </c>
      <c r="CL12" s="263">
        <v>42</v>
      </c>
      <c r="CM12" s="257">
        <v>0</v>
      </c>
      <c r="CN12" s="261">
        <v>0</v>
      </c>
      <c r="CO12" s="258">
        <v>0</v>
      </c>
      <c r="CP12" s="260">
        <v>0</v>
      </c>
      <c r="CQ12" s="261">
        <v>0</v>
      </c>
      <c r="CR12" s="261">
        <v>4</v>
      </c>
      <c r="CS12" s="261">
        <v>1</v>
      </c>
      <c r="CT12" s="261">
        <v>1</v>
      </c>
      <c r="CU12" s="261">
        <v>0</v>
      </c>
      <c r="CV12" s="258">
        <v>6</v>
      </c>
      <c r="CW12" s="263">
        <v>6</v>
      </c>
      <c r="CX12" s="257">
        <v>0</v>
      </c>
      <c r="CY12" s="261">
        <v>0</v>
      </c>
      <c r="CZ12" s="258">
        <v>0</v>
      </c>
      <c r="DA12" s="260">
        <v>0</v>
      </c>
      <c r="DB12" s="261">
        <v>0</v>
      </c>
      <c r="DC12" s="261">
        <v>0</v>
      </c>
      <c r="DD12" s="261">
        <v>0</v>
      </c>
      <c r="DE12" s="261">
        <v>0</v>
      </c>
      <c r="DF12" s="261">
        <v>0</v>
      </c>
      <c r="DG12" s="258">
        <v>0</v>
      </c>
      <c r="DH12" s="263">
        <v>0</v>
      </c>
      <c r="DI12" s="257">
        <v>0</v>
      </c>
      <c r="DJ12" s="261">
        <v>0</v>
      </c>
      <c r="DK12" s="258">
        <v>0</v>
      </c>
      <c r="DL12" s="260">
        <v>0</v>
      </c>
      <c r="DM12" s="261">
        <v>0</v>
      </c>
      <c r="DN12" s="261">
        <v>0</v>
      </c>
      <c r="DO12" s="261">
        <v>0</v>
      </c>
      <c r="DP12" s="261">
        <v>0</v>
      </c>
      <c r="DQ12" s="261">
        <v>0</v>
      </c>
      <c r="DR12" s="258">
        <v>0</v>
      </c>
      <c r="DS12" s="263">
        <v>0</v>
      </c>
      <c r="DT12" s="257">
        <v>25</v>
      </c>
      <c r="DU12" s="261">
        <v>30</v>
      </c>
      <c r="DV12" s="258">
        <v>55</v>
      </c>
      <c r="DW12" s="260">
        <v>0</v>
      </c>
      <c r="DX12" s="261">
        <v>79</v>
      </c>
      <c r="DY12" s="261">
        <v>71</v>
      </c>
      <c r="DZ12" s="261">
        <v>68</v>
      </c>
      <c r="EA12" s="261">
        <v>41</v>
      </c>
      <c r="EB12" s="261">
        <v>28</v>
      </c>
      <c r="EC12" s="258">
        <v>287</v>
      </c>
      <c r="ED12" s="263">
        <v>342</v>
      </c>
      <c r="EE12" s="257">
        <v>5</v>
      </c>
      <c r="EF12" s="261">
        <v>2</v>
      </c>
      <c r="EG12" s="258">
        <v>7</v>
      </c>
      <c r="EH12" s="260">
        <v>0</v>
      </c>
      <c r="EI12" s="261">
        <v>23</v>
      </c>
      <c r="EJ12" s="261">
        <v>15</v>
      </c>
      <c r="EK12" s="261">
        <v>16</v>
      </c>
      <c r="EL12" s="261">
        <v>15</v>
      </c>
      <c r="EM12" s="261">
        <v>8</v>
      </c>
      <c r="EN12" s="258">
        <v>77</v>
      </c>
      <c r="EO12" s="263">
        <v>84</v>
      </c>
      <c r="EP12" s="257">
        <v>31</v>
      </c>
      <c r="EQ12" s="261">
        <v>40</v>
      </c>
      <c r="ER12" s="258">
        <v>71</v>
      </c>
      <c r="ES12" s="260">
        <v>0</v>
      </c>
      <c r="ET12" s="261">
        <v>153</v>
      </c>
      <c r="EU12" s="261">
        <v>107</v>
      </c>
      <c r="EV12" s="261">
        <v>83</v>
      </c>
      <c r="EW12" s="261">
        <v>50</v>
      </c>
      <c r="EX12" s="261">
        <v>27</v>
      </c>
      <c r="EY12" s="258">
        <v>420</v>
      </c>
      <c r="EZ12" s="263">
        <v>491</v>
      </c>
    </row>
    <row r="13" spans="2:156" ht="21" customHeight="1" x14ac:dyDescent="0.2">
      <c r="B13" s="472" t="s">
        <v>10</v>
      </c>
      <c r="C13" s="257">
        <v>0</v>
      </c>
      <c r="D13" s="261">
        <v>0</v>
      </c>
      <c r="E13" s="358">
        <v>0</v>
      </c>
      <c r="F13" s="260">
        <v>0</v>
      </c>
      <c r="G13" s="261">
        <v>81</v>
      </c>
      <c r="H13" s="261">
        <v>43</v>
      </c>
      <c r="I13" s="261">
        <v>28</v>
      </c>
      <c r="J13" s="261">
        <v>33</v>
      </c>
      <c r="K13" s="261">
        <v>17</v>
      </c>
      <c r="L13" s="262">
        <v>202</v>
      </c>
      <c r="M13" s="263">
        <v>202</v>
      </c>
      <c r="N13" s="257">
        <v>0</v>
      </c>
      <c r="O13" s="261">
        <v>0</v>
      </c>
      <c r="P13" s="258">
        <v>0</v>
      </c>
      <c r="Q13" s="260">
        <v>0</v>
      </c>
      <c r="R13" s="261">
        <v>1</v>
      </c>
      <c r="S13" s="261">
        <v>2</v>
      </c>
      <c r="T13" s="261">
        <v>2</v>
      </c>
      <c r="U13" s="261">
        <v>11</v>
      </c>
      <c r="V13" s="261">
        <v>13</v>
      </c>
      <c r="W13" s="258">
        <v>29</v>
      </c>
      <c r="X13" s="263">
        <v>29</v>
      </c>
      <c r="Y13" s="257">
        <v>16</v>
      </c>
      <c r="Z13" s="261">
        <v>22</v>
      </c>
      <c r="AA13" s="258">
        <v>38</v>
      </c>
      <c r="AB13" s="260">
        <v>0</v>
      </c>
      <c r="AC13" s="261">
        <v>59</v>
      </c>
      <c r="AD13" s="261">
        <v>30</v>
      </c>
      <c r="AE13" s="261">
        <v>25</v>
      </c>
      <c r="AF13" s="261">
        <v>29</v>
      </c>
      <c r="AG13" s="261">
        <v>18</v>
      </c>
      <c r="AH13" s="258">
        <v>161</v>
      </c>
      <c r="AI13" s="263">
        <v>199</v>
      </c>
      <c r="AJ13" s="257">
        <v>3</v>
      </c>
      <c r="AK13" s="261">
        <v>3</v>
      </c>
      <c r="AL13" s="258">
        <v>6</v>
      </c>
      <c r="AM13" s="260">
        <v>0</v>
      </c>
      <c r="AN13" s="261">
        <v>6</v>
      </c>
      <c r="AO13" s="261">
        <v>4</v>
      </c>
      <c r="AP13" s="261">
        <v>4</v>
      </c>
      <c r="AQ13" s="261">
        <v>5</v>
      </c>
      <c r="AR13" s="261">
        <v>5</v>
      </c>
      <c r="AS13" s="258">
        <v>24</v>
      </c>
      <c r="AT13" s="263">
        <v>30</v>
      </c>
      <c r="AU13" s="257">
        <v>16</v>
      </c>
      <c r="AV13" s="261">
        <v>11</v>
      </c>
      <c r="AW13" s="258">
        <v>27</v>
      </c>
      <c r="AX13" s="260">
        <v>0</v>
      </c>
      <c r="AY13" s="261">
        <v>83</v>
      </c>
      <c r="AZ13" s="261">
        <v>68</v>
      </c>
      <c r="BA13" s="261">
        <v>64</v>
      </c>
      <c r="BB13" s="261">
        <v>80</v>
      </c>
      <c r="BC13" s="261">
        <v>45</v>
      </c>
      <c r="BD13" s="262">
        <v>340</v>
      </c>
      <c r="BE13" s="263">
        <v>367</v>
      </c>
      <c r="BF13" s="257">
        <v>0</v>
      </c>
      <c r="BG13" s="261">
        <v>0</v>
      </c>
      <c r="BH13" s="258">
        <v>0</v>
      </c>
      <c r="BI13" s="260">
        <v>0</v>
      </c>
      <c r="BJ13" s="261">
        <v>114</v>
      </c>
      <c r="BK13" s="261">
        <v>58</v>
      </c>
      <c r="BL13" s="261">
        <v>39</v>
      </c>
      <c r="BM13" s="261">
        <v>22</v>
      </c>
      <c r="BN13" s="261">
        <v>7</v>
      </c>
      <c r="BO13" s="258">
        <v>240</v>
      </c>
      <c r="BP13" s="263">
        <v>240</v>
      </c>
      <c r="BQ13" s="257">
        <v>4</v>
      </c>
      <c r="BR13" s="261">
        <v>6</v>
      </c>
      <c r="BS13" s="258">
        <v>10</v>
      </c>
      <c r="BT13" s="260">
        <v>0</v>
      </c>
      <c r="BU13" s="261">
        <v>21</v>
      </c>
      <c r="BV13" s="261">
        <v>12</v>
      </c>
      <c r="BW13" s="261">
        <v>5</v>
      </c>
      <c r="BX13" s="261">
        <v>7</v>
      </c>
      <c r="BY13" s="261">
        <v>3</v>
      </c>
      <c r="BZ13" s="258">
        <v>48</v>
      </c>
      <c r="CA13" s="263">
        <v>58</v>
      </c>
      <c r="CB13" s="257">
        <v>0</v>
      </c>
      <c r="CC13" s="261">
        <v>0</v>
      </c>
      <c r="CD13" s="258">
        <v>0</v>
      </c>
      <c r="CE13" s="260">
        <v>0</v>
      </c>
      <c r="CF13" s="261">
        <v>11</v>
      </c>
      <c r="CG13" s="261">
        <v>14</v>
      </c>
      <c r="CH13" s="261">
        <v>13</v>
      </c>
      <c r="CI13" s="261">
        <v>10</v>
      </c>
      <c r="CJ13" s="261">
        <v>5</v>
      </c>
      <c r="CK13" s="258">
        <v>53</v>
      </c>
      <c r="CL13" s="263">
        <v>53</v>
      </c>
      <c r="CM13" s="257">
        <v>0</v>
      </c>
      <c r="CN13" s="261">
        <v>0</v>
      </c>
      <c r="CO13" s="258">
        <v>0</v>
      </c>
      <c r="CP13" s="260">
        <v>0</v>
      </c>
      <c r="CQ13" s="261">
        <v>2</v>
      </c>
      <c r="CR13" s="261">
        <v>2</v>
      </c>
      <c r="CS13" s="261">
        <v>3</v>
      </c>
      <c r="CT13" s="261">
        <v>3</v>
      </c>
      <c r="CU13" s="261">
        <v>1</v>
      </c>
      <c r="CV13" s="258">
        <v>11</v>
      </c>
      <c r="CW13" s="263">
        <v>11</v>
      </c>
      <c r="CX13" s="257">
        <v>0</v>
      </c>
      <c r="CY13" s="261">
        <v>0</v>
      </c>
      <c r="CZ13" s="258">
        <v>0</v>
      </c>
      <c r="DA13" s="260">
        <v>0</v>
      </c>
      <c r="DB13" s="261">
        <v>0</v>
      </c>
      <c r="DC13" s="261">
        <v>0</v>
      </c>
      <c r="DD13" s="261">
        <v>0</v>
      </c>
      <c r="DE13" s="261">
        <v>0</v>
      </c>
      <c r="DF13" s="261">
        <v>0</v>
      </c>
      <c r="DG13" s="258">
        <v>0</v>
      </c>
      <c r="DH13" s="263">
        <v>0</v>
      </c>
      <c r="DI13" s="257">
        <v>0</v>
      </c>
      <c r="DJ13" s="261">
        <v>0</v>
      </c>
      <c r="DK13" s="258">
        <v>0</v>
      </c>
      <c r="DL13" s="260">
        <v>0</v>
      </c>
      <c r="DM13" s="261">
        <v>0</v>
      </c>
      <c r="DN13" s="261">
        <v>0</v>
      </c>
      <c r="DO13" s="261">
        <v>0</v>
      </c>
      <c r="DP13" s="261">
        <v>0</v>
      </c>
      <c r="DQ13" s="261">
        <v>0</v>
      </c>
      <c r="DR13" s="258">
        <v>0</v>
      </c>
      <c r="DS13" s="263">
        <v>0</v>
      </c>
      <c r="DT13" s="257">
        <v>72</v>
      </c>
      <c r="DU13" s="261">
        <v>80</v>
      </c>
      <c r="DV13" s="258">
        <v>152</v>
      </c>
      <c r="DW13" s="260">
        <v>0</v>
      </c>
      <c r="DX13" s="261">
        <v>128</v>
      </c>
      <c r="DY13" s="261">
        <v>100</v>
      </c>
      <c r="DZ13" s="261">
        <v>66</v>
      </c>
      <c r="EA13" s="261">
        <v>70</v>
      </c>
      <c r="EB13" s="261">
        <v>36</v>
      </c>
      <c r="EC13" s="258">
        <v>400</v>
      </c>
      <c r="ED13" s="263">
        <v>552</v>
      </c>
      <c r="EE13" s="257">
        <v>6</v>
      </c>
      <c r="EF13" s="261">
        <v>0</v>
      </c>
      <c r="EG13" s="258">
        <v>6</v>
      </c>
      <c r="EH13" s="260">
        <v>0</v>
      </c>
      <c r="EI13" s="261">
        <v>27</v>
      </c>
      <c r="EJ13" s="261">
        <v>17</v>
      </c>
      <c r="EK13" s="261">
        <v>16</v>
      </c>
      <c r="EL13" s="261">
        <v>22</v>
      </c>
      <c r="EM13" s="261">
        <v>8</v>
      </c>
      <c r="EN13" s="258">
        <v>90</v>
      </c>
      <c r="EO13" s="263">
        <v>96</v>
      </c>
      <c r="EP13" s="257">
        <v>88</v>
      </c>
      <c r="EQ13" s="261">
        <v>96</v>
      </c>
      <c r="ER13" s="258">
        <v>184</v>
      </c>
      <c r="ES13" s="260">
        <v>0</v>
      </c>
      <c r="ET13" s="261">
        <v>252</v>
      </c>
      <c r="EU13" s="261">
        <v>131</v>
      </c>
      <c r="EV13" s="261">
        <v>75</v>
      </c>
      <c r="EW13" s="261">
        <v>71</v>
      </c>
      <c r="EX13" s="261">
        <v>37</v>
      </c>
      <c r="EY13" s="258">
        <v>566</v>
      </c>
      <c r="EZ13" s="263">
        <v>750</v>
      </c>
    </row>
    <row r="14" spans="2:156" ht="21" customHeight="1" x14ac:dyDescent="0.2">
      <c r="B14" s="472" t="s">
        <v>11</v>
      </c>
      <c r="C14" s="257">
        <v>0</v>
      </c>
      <c r="D14" s="261">
        <v>0</v>
      </c>
      <c r="E14" s="358">
        <v>0</v>
      </c>
      <c r="F14" s="260">
        <v>0</v>
      </c>
      <c r="G14" s="261">
        <v>11</v>
      </c>
      <c r="H14" s="261">
        <v>18</v>
      </c>
      <c r="I14" s="261">
        <v>9</v>
      </c>
      <c r="J14" s="261">
        <v>17</v>
      </c>
      <c r="K14" s="261">
        <v>10</v>
      </c>
      <c r="L14" s="262">
        <v>65</v>
      </c>
      <c r="M14" s="263">
        <v>65</v>
      </c>
      <c r="N14" s="257">
        <v>0</v>
      </c>
      <c r="O14" s="261">
        <v>0</v>
      </c>
      <c r="P14" s="258">
        <v>0</v>
      </c>
      <c r="Q14" s="260">
        <v>0</v>
      </c>
      <c r="R14" s="261">
        <v>0</v>
      </c>
      <c r="S14" s="261">
        <v>3</v>
      </c>
      <c r="T14" s="261">
        <v>2</v>
      </c>
      <c r="U14" s="261">
        <v>2</v>
      </c>
      <c r="V14" s="261">
        <v>2</v>
      </c>
      <c r="W14" s="258">
        <v>9</v>
      </c>
      <c r="X14" s="263">
        <v>9</v>
      </c>
      <c r="Y14" s="257">
        <v>7</v>
      </c>
      <c r="Z14" s="261">
        <v>5</v>
      </c>
      <c r="AA14" s="258">
        <v>12</v>
      </c>
      <c r="AB14" s="260">
        <v>0</v>
      </c>
      <c r="AC14" s="261">
        <v>22</v>
      </c>
      <c r="AD14" s="261">
        <v>13</v>
      </c>
      <c r="AE14" s="261">
        <v>15</v>
      </c>
      <c r="AF14" s="261">
        <v>15</v>
      </c>
      <c r="AG14" s="261">
        <v>7</v>
      </c>
      <c r="AH14" s="258">
        <v>72</v>
      </c>
      <c r="AI14" s="263">
        <v>84</v>
      </c>
      <c r="AJ14" s="257">
        <v>0</v>
      </c>
      <c r="AK14" s="261">
        <v>2</v>
      </c>
      <c r="AL14" s="258">
        <v>2</v>
      </c>
      <c r="AM14" s="260">
        <v>0</v>
      </c>
      <c r="AN14" s="261">
        <v>2</v>
      </c>
      <c r="AO14" s="261">
        <v>0</v>
      </c>
      <c r="AP14" s="261">
        <v>1</v>
      </c>
      <c r="AQ14" s="261">
        <v>3</v>
      </c>
      <c r="AR14" s="261">
        <v>1</v>
      </c>
      <c r="AS14" s="258">
        <v>7</v>
      </c>
      <c r="AT14" s="263">
        <v>9</v>
      </c>
      <c r="AU14" s="257">
        <v>4</v>
      </c>
      <c r="AV14" s="261">
        <v>4</v>
      </c>
      <c r="AW14" s="258">
        <v>8</v>
      </c>
      <c r="AX14" s="260">
        <v>0</v>
      </c>
      <c r="AY14" s="261">
        <v>18</v>
      </c>
      <c r="AZ14" s="261">
        <v>38</v>
      </c>
      <c r="BA14" s="261">
        <v>18</v>
      </c>
      <c r="BB14" s="261">
        <v>30</v>
      </c>
      <c r="BC14" s="261">
        <v>15</v>
      </c>
      <c r="BD14" s="262">
        <v>119</v>
      </c>
      <c r="BE14" s="263">
        <v>127</v>
      </c>
      <c r="BF14" s="257">
        <v>0</v>
      </c>
      <c r="BG14" s="261">
        <v>0</v>
      </c>
      <c r="BH14" s="258">
        <v>0</v>
      </c>
      <c r="BI14" s="260">
        <v>0</v>
      </c>
      <c r="BJ14" s="261">
        <v>42</v>
      </c>
      <c r="BK14" s="261">
        <v>21</v>
      </c>
      <c r="BL14" s="261">
        <v>13</v>
      </c>
      <c r="BM14" s="261">
        <v>12</v>
      </c>
      <c r="BN14" s="261">
        <v>2</v>
      </c>
      <c r="BO14" s="258">
        <v>90</v>
      </c>
      <c r="BP14" s="263">
        <v>90</v>
      </c>
      <c r="BQ14" s="257">
        <v>8</v>
      </c>
      <c r="BR14" s="261">
        <v>6</v>
      </c>
      <c r="BS14" s="258">
        <v>14</v>
      </c>
      <c r="BT14" s="260">
        <v>0</v>
      </c>
      <c r="BU14" s="261">
        <v>18</v>
      </c>
      <c r="BV14" s="261">
        <v>10</v>
      </c>
      <c r="BW14" s="261">
        <v>7</v>
      </c>
      <c r="BX14" s="261">
        <v>8</v>
      </c>
      <c r="BY14" s="261">
        <v>1</v>
      </c>
      <c r="BZ14" s="258">
        <v>44</v>
      </c>
      <c r="CA14" s="263">
        <v>58</v>
      </c>
      <c r="CB14" s="257">
        <v>1</v>
      </c>
      <c r="CC14" s="261">
        <v>0</v>
      </c>
      <c r="CD14" s="258">
        <v>1</v>
      </c>
      <c r="CE14" s="260">
        <v>0</v>
      </c>
      <c r="CF14" s="261">
        <v>7</v>
      </c>
      <c r="CG14" s="261">
        <v>8</v>
      </c>
      <c r="CH14" s="261">
        <v>0</v>
      </c>
      <c r="CI14" s="261">
        <v>6</v>
      </c>
      <c r="CJ14" s="261">
        <v>1</v>
      </c>
      <c r="CK14" s="258">
        <v>22</v>
      </c>
      <c r="CL14" s="263">
        <v>23</v>
      </c>
      <c r="CM14" s="257">
        <v>0</v>
      </c>
      <c r="CN14" s="261">
        <v>0</v>
      </c>
      <c r="CO14" s="258">
        <v>0</v>
      </c>
      <c r="CP14" s="260">
        <v>0</v>
      </c>
      <c r="CQ14" s="261">
        <v>2</v>
      </c>
      <c r="CR14" s="261">
        <v>1</v>
      </c>
      <c r="CS14" s="261">
        <v>0</v>
      </c>
      <c r="CT14" s="261">
        <v>1</v>
      </c>
      <c r="CU14" s="261">
        <v>0</v>
      </c>
      <c r="CV14" s="258">
        <v>4</v>
      </c>
      <c r="CW14" s="263">
        <v>4</v>
      </c>
      <c r="CX14" s="257">
        <v>0</v>
      </c>
      <c r="CY14" s="261">
        <v>0</v>
      </c>
      <c r="CZ14" s="258">
        <v>0</v>
      </c>
      <c r="DA14" s="260">
        <v>0</v>
      </c>
      <c r="DB14" s="261">
        <v>0</v>
      </c>
      <c r="DC14" s="261">
        <v>0</v>
      </c>
      <c r="DD14" s="261">
        <v>0</v>
      </c>
      <c r="DE14" s="261">
        <v>0</v>
      </c>
      <c r="DF14" s="261">
        <v>0</v>
      </c>
      <c r="DG14" s="258">
        <v>0</v>
      </c>
      <c r="DH14" s="263">
        <v>0</v>
      </c>
      <c r="DI14" s="257">
        <v>0</v>
      </c>
      <c r="DJ14" s="261">
        <v>0</v>
      </c>
      <c r="DK14" s="258">
        <v>0</v>
      </c>
      <c r="DL14" s="260">
        <v>0</v>
      </c>
      <c r="DM14" s="261">
        <v>0</v>
      </c>
      <c r="DN14" s="261">
        <v>0</v>
      </c>
      <c r="DO14" s="261">
        <v>0</v>
      </c>
      <c r="DP14" s="261">
        <v>0</v>
      </c>
      <c r="DQ14" s="261">
        <v>0</v>
      </c>
      <c r="DR14" s="258">
        <v>0</v>
      </c>
      <c r="DS14" s="263">
        <v>0</v>
      </c>
      <c r="DT14" s="257">
        <v>14</v>
      </c>
      <c r="DU14" s="261">
        <v>33</v>
      </c>
      <c r="DV14" s="258">
        <v>47</v>
      </c>
      <c r="DW14" s="260">
        <v>0</v>
      </c>
      <c r="DX14" s="261">
        <v>44</v>
      </c>
      <c r="DY14" s="261">
        <v>50</v>
      </c>
      <c r="DZ14" s="261">
        <v>29</v>
      </c>
      <c r="EA14" s="261">
        <v>34</v>
      </c>
      <c r="EB14" s="261">
        <v>12</v>
      </c>
      <c r="EC14" s="258">
        <v>169</v>
      </c>
      <c r="ED14" s="263">
        <v>216</v>
      </c>
      <c r="EE14" s="257">
        <v>5</v>
      </c>
      <c r="EF14" s="261">
        <v>2</v>
      </c>
      <c r="EG14" s="258">
        <v>7</v>
      </c>
      <c r="EH14" s="260">
        <v>0</v>
      </c>
      <c r="EI14" s="261">
        <v>17</v>
      </c>
      <c r="EJ14" s="261">
        <v>12</v>
      </c>
      <c r="EK14" s="261">
        <v>6</v>
      </c>
      <c r="EL14" s="261">
        <v>17</v>
      </c>
      <c r="EM14" s="261">
        <v>4</v>
      </c>
      <c r="EN14" s="258">
        <v>56</v>
      </c>
      <c r="EO14" s="263">
        <v>63</v>
      </c>
      <c r="EP14" s="257">
        <v>28</v>
      </c>
      <c r="EQ14" s="261">
        <v>37</v>
      </c>
      <c r="ER14" s="258">
        <v>65</v>
      </c>
      <c r="ES14" s="260">
        <v>0</v>
      </c>
      <c r="ET14" s="261">
        <v>95</v>
      </c>
      <c r="EU14" s="261">
        <v>71</v>
      </c>
      <c r="EV14" s="261">
        <v>36</v>
      </c>
      <c r="EW14" s="261">
        <v>34</v>
      </c>
      <c r="EX14" s="261">
        <v>13</v>
      </c>
      <c r="EY14" s="258">
        <v>249</v>
      </c>
      <c r="EZ14" s="263">
        <v>314</v>
      </c>
    </row>
    <row r="15" spans="2:156" ht="21" customHeight="1" x14ac:dyDescent="0.2">
      <c r="B15" s="472" t="s">
        <v>12</v>
      </c>
      <c r="C15" s="257">
        <v>0</v>
      </c>
      <c r="D15" s="261">
        <v>0</v>
      </c>
      <c r="E15" s="358">
        <v>0</v>
      </c>
      <c r="F15" s="260">
        <v>0</v>
      </c>
      <c r="G15" s="261">
        <v>37</v>
      </c>
      <c r="H15" s="261">
        <v>40</v>
      </c>
      <c r="I15" s="261">
        <v>22</v>
      </c>
      <c r="J15" s="261">
        <v>24</v>
      </c>
      <c r="K15" s="261">
        <v>6</v>
      </c>
      <c r="L15" s="262">
        <v>129</v>
      </c>
      <c r="M15" s="263">
        <v>129</v>
      </c>
      <c r="N15" s="257">
        <v>0</v>
      </c>
      <c r="O15" s="261">
        <v>0</v>
      </c>
      <c r="P15" s="258">
        <v>0</v>
      </c>
      <c r="Q15" s="260">
        <v>0</v>
      </c>
      <c r="R15" s="261">
        <v>0</v>
      </c>
      <c r="S15" s="261">
        <v>0</v>
      </c>
      <c r="T15" s="261">
        <v>1</v>
      </c>
      <c r="U15" s="261">
        <v>7</v>
      </c>
      <c r="V15" s="261">
        <v>3</v>
      </c>
      <c r="W15" s="258">
        <v>11</v>
      </c>
      <c r="X15" s="263">
        <v>11</v>
      </c>
      <c r="Y15" s="257">
        <v>14</v>
      </c>
      <c r="Z15" s="261">
        <v>22</v>
      </c>
      <c r="AA15" s="258">
        <v>36</v>
      </c>
      <c r="AB15" s="260">
        <v>0</v>
      </c>
      <c r="AC15" s="261">
        <v>21</v>
      </c>
      <c r="AD15" s="261">
        <v>35</v>
      </c>
      <c r="AE15" s="261">
        <v>17</v>
      </c>
      <c r="AF15" s="261">
        <v>18</v>
      </c>
      <c r="AG15" s="261">
        <v>7</v>
      </c>
      <c r="AH15" s="258">
        <v>98</v>
      </c>
      <c r="AI15" s="263">
        <v>134</v>
      </c>
      <c r="AJ15" s="257">
        <v>0</v>
      </c>
      <c r="AK15" s="261">
        <v>3</v>
      </c>
      <c r="AL15" s="258">
        <v>3</v>
      </c>
      <c r="AM15" s="260">
        <v>0</v>
      </c>
      <c r="AN15" s="261">
        <v>2</v>
      </c>
      <c r="AO15" s="261">
        <v>4</v>
      </c>
      <c r="AP15" s="261">
        <v>1</v>
      </c>
      <c r="AQ15" s="261">
        <v>1</v>
      </c>
      <c r="AR15" s="261">
        <v>0</v>
      </c>
      <c r="AS15" s="258">
        <v>8</v>
      </c>
      <c r="AT15" s="263">
        <v>11</v>
      </c>
      <c r="AU15" s="257">
        <v>7</v>
      </c>
      <c r="AV15" s="261">
        <v>6</v>
      </c>
      <c r="AW15" s="258">
        <v>13</v>
      </c>
      <c r="AX15" s="260">
        <v>0</v>
      </c>
      <c r="AY15" s="261">
        <v>24</v>
      </c>
      <c r="AZ15" s="261">
        <v>39</v>
      </c>
      <c r="BA15" s="261">
        <v>28</v>
      </c>
      <c r="BB15" s="261">
        <v>39</v>
      </c>
      <c r="BC15" s="261">
        <v>9</v>
      </c>
      <c r="BD15" s="262">
        <v>139</v>
      </c>
      <c r="BE15" s="263">
        <v>152</v>
      </c>
      <c r="BF15" s="257">
        <v>0</v>
      </c>
      <c r="BG15" s="261">
        <v>0</v>
      </c>
      <c r="BH15" s="258">
        <v>0</v>
      </c>
      <c r="BI15" s="260">
        <v>0</v>
      </c>
      <c r="BJ15" s="261">
        <v>52</v>
      </c>
      <c r="BK15" s="261">
        <v>33</v>
      </c>
      <c r="BL15" s="261">
        <v>21</v>
      </c>
      <c r="BM15" s="261">
        <v>17</v>
      </c>
      <c r="BN15" s="261">
        <v>1</v>
      </c>
      <c r="BO15" s="258">
        <v>124</v>
      </c>
      <c r="BP15" s="263">
        <v>124</v>
      </c>
      <c r="BQ15" s="257">
        <v>7</v>
      </c>
      <c r="BR15" s="261">
        <v>11</v>
      </c>
      <c r="BS15" s="258">
        <v>18</v>
      </c>
      <c r="BT15" s="260">
        <v>0</v>
      </c>
      <c r="BU15" s="261">
        <v>8</v>
      </c>
      <c r="BV15" s="261">
        <v>14</v>
      </c>
      <c r="BW15" s="261">
        <v>13</v>
      </c>
      <c r="BX15" s="261">
        <v>7</v>
      </c>
      <c r="BY15" s="261">
        <v>0</v>
      </c>
      <c r="BZ15" s="258">
        <v>42</v>
      </c>
      <c r="CA15" s="263">
        <v>60</v>
      </c>
      <c r="CB15" s="257">
        <v>0</v>
      </c>
      <c r="CC15" s="261">
        <v>2</v>
      </c>
      <c r="CD15" s="258">
        <v>2</v>
      </c>
      <c r="CE15" s="260">
        <v>0</v>
      </c>
      <c r="CF15" s="261">
        <v>6</v>
      </c>
      <c r="CG15" s="261">
        <v>8</v>
      </c>
      <c r="CH15" s="261">
        <v>8</v>
      </c>
      <c r="CI15" s="261">
        <v>13</v>
      </c>
      <c r="CJ15" s="261">
        <v>0</v>
      </c>
      <c r="CK15" s="258">
        <v>35</v>
      </c>
      <c r="CL15" s="263">
        <v>37</v>
      </c>
      <c r="CM15" s="257">
        <v>0</v>
      </c>
      <c r="CN15" s="261">
        <v>0</v>
      </c>
      <c r="CO15" s="258">
        <v>0</v>
      </c>
      <c r="CP15" s="260">
        <v>0</v>
      </c>
      <c r="CQ15" s="261">
        <v>0</v>
      </c>
      <c r="CR15" s="261">
        <v>0</v>
      </c>
      <c r="CS15" s="261">
        <v>1</v>
      </c>
      <c r="CT15" s="261">
        <v>1</v>
      </c>
      <c r="CU15" s="261">
        <v>0</v>
      </c>
      <c r="CV15" s="258">
        <v>2</v>
      </c>
      <c r="CW15" s="263">
        <v>2</v>
      </c>
      <c r="CX15" s="257">
        <v>0</v>
      </c>
      <c r="CY15" s="261">
        <v>0</v>
      </c>
      <c r="CZ15" s="258">
        <v>0</v>
      </c>
      <c r="DA15" s="260">
        <v>0</v>
      </c>
      <c r="DB15" s="261">
        <v>0</v>
      </c>
      <c r="DC15" s="261">
        <v>0</v>
      </c>
      <c r="DD15" s="261">
        <v>0</v>
      </c>
      <c r="DE15" s="261">
        <v>0</v>
      </c>
      <c r="DF15" s="261">
        <v>0</v>
      </c>
      <c r="DG15" s="258">
        <v>0</v>
      </c>
      <c r="DH15" s="263">
        <v>0</v>
      </c>
      <c r="DI15" s="257">
        <v>0</v>
      </c>
      <c r="DJ15" s="261">
        <v>0</v>
      </c>
      <c r="DK15" s="258">
        <v>0</v>
      </c>
      <c r="DL15" s="260">
        <v>0</v>
      </c>
      <c r="DM15" s="261">
        <v>0</v>
      </c>
      <c r="DN15" s="261">
        <v>0</v>
      </c>
      <c r="DO15" s="261">
        <v>0</v>
      </c>
      <c r="DP15" s="261">
        <v>0</v>
      </c>
      <c r="DQ15" s="261">
        <v>0</v>
      </c>
      <c r="DR15" s="258">
        <v>0</v>
      </c>
      <c r="DS15" s="263">
        <v>0</v>
      </c>
      <c r="DT15" s="257">
        <v>24</v>
      </c>
      <c r="DU15" s="261">
        <v>58</v>
      </c>
      <c r="DV15" s="258">
        <v>82</v>
      </c>
      <c r="DW15" s="260">
        <v>0</v>
      </c>
      <c r="DX15" s="261">
        <v>31</v>
      </c>
      <c r="DY15" s="261">
        <v>94</v>
      </c>
      <c r="DZ15" s="261">
        <v>50</v>
      </c>
      <c r="EA15" s="261">
        <v>50</v>
      </c>
      <c r="EB15" s="261">
        <v>10</v>
      </c>
      <c r="EC15" s="258">
        <v>235</v>
      </c>
      <c r="ED15" s="263">
        <v>317</v>
      </c>
      <c r="EE15" s="257">
        <v>4</v>
      </c>
      <c r="EF15" s="261">
        <v>3</v>
      </c>
      <c r="EG15" s="258">
        <v>7</v>
      </c>
      <c r="EH15" s="260">
        <v>0</v>
      </c>
      <c r="EI15" s="261">
        <v>9</v>
      </c>
      <c r="EJ15" s="261">
        <v>14</v>
      </c>
      <c r="EK15" s="261">
        <v>11</v>
      </c>
      <c r="EL15" s="261">
        <v>14</v>
      </c>
      <c r="EM15" s="261">
        <v>1</v>
      </c>
      <c r="EN15" s="258">
        <v>49</v>
      </c>
      <c r="EO15" s="263">
        <v>56</v>
      </c>
      <c r="EP15" s="257">
        <v>42</v>
      </c>
      <c r="EQ15" s="261">
        <v>81</v>
      </c>
      <c r="ER15" s="258">
        <v>123</v>
      </c>
      <c r="ES15" s="260">
        <v>0</v>
      </c>
      <c r="ET15" s="261">
        <v>117</v>
      </c>
      <c r="EU15" s="261">
        <v>111</v>
      </c>
      <c r="EV15" s="261">
        <v>55</v>
      </c>
      <c r="EW15" s="261">
        <v>50</v>
      </c>
      <c r="EX15" s="261">
        <v>8</v>
      </c>
      <c r="EY15" s="258">
        <v>341</v>
      </c>
      <c r="EZ15" s="263">
        <v>464</v>
      </c>
    </row>
    <row r="16" spans="2:156" ht="21" customHeight="1" x14ac:dyDescent="0.2">
      <c r="B16" s="472" t="s">
        <v>13</v>
      </c>
      <c r="C16" s="257">
        <v>0</v>
      </c>
      <c r="D16" s="261">
        <v>0</v>
      </c>
      <c r="E16" s="358">
        <v>0</v>
      </c>
      <c r="F16" s="260">
        <v>0</v>
      </c>
      <c r="G16" s="261">
        <v>18</v>
      </c>
      <c r="H16" s="261">
        <v>18</v>
      </c>
      <c r="I16" s="261">
        <v>10</v>
      </c>
      <c r="J16" s="261">
        <v>17</v>
      </c>
      <c r="K16" s="261">
        <v>9</v>
      </c>
      <c r="L16" s="262">
        <v>72</v>
      </c>
      <c r="M16" s="263">
        <v>72</v>
      </c>
      <c r="N16" s="257">
        <v>0</v>
      </c>
      <c r="O16" s="261">
        <v>0</v>
      </c>
      <c r="P16" s="258">
        <v>0</v>
      </c>
      <c r="Q16" s="260">
        <v>0</v>
      </c>
      <c r="R16" s="261">
        <v>0</v>
      </c>
      <c r="S16" s="261">
        <v>1</v>
      </c>
      <c r="T16" s="261">
        <v>1</v>
      </c>
      <c r="U16" s="261">
        <v>3</v>
      </c>
      <c r="V16" s="261">
        <v>3</v>
      </c>
      <c r="W16" s="258">
        <v>8</v>
      </c>
      <c r="X16" s="263">
        <v>8</v>
      </c>
      <c r="Y16" s="257">
        <v>0</v>
      </c>
      <c r="Z16" s="261">
        <v>1</v>
      </c>
      <c r="AA16" s="258">
        <v>1</v>
      </c>
      <c r="AB16" s="260">
        <v>0</v>
      </c>
      <c r="AC16" s="261">
        <v>9</v>
      </c>
      <c r="AD16" s="261">
        <v>21</v>
      </c>
      <c r="AE16" s="261">
        <v>10</v>
      </c>
      <c r="AF16" s="261">
        <v>8</v>
      </c>
      <c r="AG16" s="261">
        <v>9</v>
      </c>
      <c r="AH16" s="258">
        <v>57</v>
      </c>
      <c r="AI16" s="263">
        <v>58</v>
      </c>
      <c r="AJ16" s="257">
        <v>1</v>
      </c>
      <c r="AK16" s="261">
        <v>0</v>
      </c>
      <c r="AL16" s="258">
        <v>1</v>
      </c>
      <c r="AM16" s="260">
        <v>0</v>
      </c>
      <c r="AN16" s="261">
        <v>2</v>
      </c>
      <c r="AO16" s="261">
        <v>1</v>
      </c>
      <c r="AP16" s="261">
        <v>1</v>
      </c>
      <c r="AQ16" s="261">
        <v>2</v>
      </c>
      <c r="AR16" s="261">
        <v>1</v>
      </c>
      <c r="AS16" s="258">
        <v>7</v>
      </c>
      <c r="AT16" s="263">
        <v>8</v>
      </c>
      <c r="AU16" s="257">
        <v>1</v>
      </c>
      <c r="AV16" s="261">
        <v>0</v>
      </c>
      <c r="AW16" s="258">
        <v>1</v>
      </c>
      <c r="AX16" s="260">
        <v>0</v>
      </c>
      <c r="AY16" s="261">
        <v>18</v>
      </c>
      <c r="AZ16" s="261">
        <v>24</v>
      </c>
      <c r="BA16" s="261">
        <v>16</v>
      </c>
      <c r="BB16" s="261">
        <v>19</v>
      </c>
      <c r="BC16" s="261">
        <v>12</v>
      </c>
      <c r="BD16" s="262">
        <v>89</v>
      </c>
      <c r="BE16" s="263">
        <v>90</v>
      </c>
      <c r="BF16" s="257">
        <v>0</v>
      </c>
      <c r="BG16" s="261">
        <v>0</v>
      </c>
      <c r="BH16" s="258">
        <v>0</v>
      </c>
      <c r="BI16" s="260">
        <v>0</v>
      </c>
      <c r="BJ16" s="261">
        <v>16</v>
      </c>
      <c r="BK16" s="261">
        <v>13</v>
      </c>
      <c r="BL16" s="261">
        <v>13</v>
      </c>
      <c r="BM16" s="261">
        <v>9</v>
      </c>
      <c r="BN16" s="261">
        <v>2</v>
      </c>
      <c r="BO16" s="258">
        <v>53</v>
      </c>
      <c r="BP16" s="263">
        <v>53</v>
      </c>
      <c r="BQ16" s="257">
        <v>0</v>
      </c>
      <c r="BR16" s="261">
        <v>1</v>
      </c>
      <c r="BS16" s="258">
        <v>1</v>
      </c>
      <c r="BT16" s="260">
        <v>0</v>
      </c>
      <c r="BU16" s="261">
        <v>3</v>
      </c>
      <c r="BV16" s="261">
        <v>2</v>
      </c>
      <c r="BW16" s="261">
        <v>4</v>
      </c>
      <c r="BX16" s="261">
        <v>2</v>
      </c>
      <c r="BY16" s="261">
        <v>3</v>
      </c>
      <c r="BZ16" s="258">
        <v>14</v>
      </c>
      <c r="CA16" s="263">
        <v>15</v>
      </c>
      <c r="CB16" s="257">
        <v>0</v>
      </c>
      <c r="CC16" s="261">
        <v>0</v>
      </c>
      <c r="CD16" s="258">
        <v>0</v>
      </c>
      <c r="CE16" s="260">
        <v>0</v>
      </c>
      <c r="CF16" s="261">
        <v>1</v>
      </c>
      <c r="CG16" s="261">
        <v>4</v>
      </c>
      <c r="CH16" s="261">
        <v>2</v>
      </c>
      <c r="CI16" s="261">
        <v>3</v>
      </c>
      <c r="CJ16" s="261">
        <v>2</v>
      </c>
      <c r="CK16" s="258">
        <v>12</v>
      </c>
      <c r="CL16" s="263">
        <v>12</v>
      </c>
      <c r="CM16" s="257">
        <v>0</v>
      </c>
      <c r="CN16" s="261">
        <v>0</v>
      </c>
      <c r="CO16" s="258">
        <v>0</v>
      </c>
      <c r="CP16" s="260">
        <v>0</v>
      </c>
      <c r="CQ16" s="261">
        <v>0</v>
      </c>
      <c r="CR16" s="261">
        <v>0</v>
      </c>
      <c r="CS16" s="261">
        <v>0</v>
      </c>
      <c r="CT16" s="261">
        <v>0</v>
      </c>
      <c r="CU16" s="261">
        <v>1</v>
      </c>
      <c r="CV16" s="258">
        <v>1</v>
      </c>
      <c r="CW16" s="263">
        <v>1</v>
      </c>
      <c r="CX16" s="257">
        <v>0</v>
      </c>
      <c r="CY16" s="261">
        <v>0</v>
      </c>
      <c r="CZ16" s="258">
        <v>0</v>
      </c>
      <c r="DA16" s="260">
        <v>0</v>
      </c>
      <c r="DB16" s="261">
        <v>0</v>
      </c>
      <c r="DC16" s="261">
        <v>0</v>
      </c>
      <c r="DD16" s="261">
        <v>0</v>
      </c>
      <c r="DE16" s="261">
        <v>0</v>
      </c>
      <c r="DF16" s="261">
        <v>0</v>
      </c>
      <c r="DG16" s="258">
        <v>0</v>
      </c>
      <c r="DH16" s="263">
        <v>0</v>
      </c>
      <c r="DI16" s="257">
        <v>0</v>
      </c>
      <c r="DJ16" s="261">
        <v>0</v>
      </c>
      <c r="DK16" s="258">
        <v>0</v>
      </c>
      <c r="DL16" s="260">
        <v>0</v>
      </c>
      <c r="DM16" s="261">
        <v>0</v>
      </c>
      <c r="DN16" s="261">
        <v>0</v>
      </c>
      <c r="DO16" s="261">
        <v>0</v>
      </c>
      <c r="DP16" s="261">
        <v>0</v>
      </c>
      <c r="DQ16" s="261">
        <v>0</v>
      </c>
      <c r="DR16" s="258">
        <v>0</v>
      </c>
      <c r="DS16" s="263">
        <v>0</v>
      </c>
      <c r="DT16" s="257">
        <v>2</v>
      </c>
      <c r="DU16" s="261">
        <v>11</v>
      </c>
      <c r="DV16" s="258">
        <v>13</v>
      </c>
      <c r="DW16" s="260">
        <v>0</v>
      </c>
      <c r="DX16" s="261">
        <v>22</v>
      </c>
      <c r="DY16" s="261">
        <v>30</v>
      </c>
      <c r="DZ16" s="261">
        <v>23</v>
      </c>
      <c r="EA16" s="261">
        <v>23</v>
      </c>
      <c r="EB16" s="261">
        <v>13</v>
      </c>
      <c r="EC16" s="258">
        <v>111</v>
      </c>
      <c r="ED16" s="263">
        <v>124</v>
      </c>
      <c r="EE16" s="257">
        <v>1</v>
      </c>
      <c r="EF16" s="261">
        <v>0</v>
      </c>
      <c r="EG16" s="258">
        <v>1</v>
      </c>
      <c r="EH16" s="260">
        <v>0</v>
      </c>
      <c r="EI16" s="261">
        <v>7</v>
      </c>
      <c r="EJ16" s="261">
        <v>11</v>
      </c>
      <c r="EK16" s="261">
        <v>7</v>
      </c>
      <c r="EL16" s="261">
        <v>6</v>
      </c>
      <c r="EM16" s="261">
        <v>3</v>
      </c>
      <c r="EN16" s="258">
        <v>34</v>
      </c>
      <c r="EO16" s="263">
        <v>35</v>
      </c>
      <c r="EP16" s="257">
        <v>3</v>
      </c>
      <c r="EQ16" s="261">
        <v>12</v>
      </c>
      <c r="ER16" s="258">
        <v>15</v>
      </c>
      <c r="ES16" s="260">
        <v>0</v>
      </c>
      <c r="ET16" s="261">
        <v>55</v>
      </c>
      <c r="EU16" s="261">
        <v>46</v>
      </c>
      <c r="EV16" s="261">
        <v>32</v>
      </c>
      <c r="EW16" s="261">
        <v>25</v>
      </c>
      <c r="EX16" s="261">
        <v>13</v>
      </c>
      <c r="EY16" s="258">
        <v>171</v>
      </c>
      <c r="EZ16" s="263">
        <v>186</v>
      </c>
    </row>
    <row r="17" spans="2:156" ht="21" customHeight="1" x14ac:dyDescent="0.2">
      <c r="B17" s="472" t="s">
        <v>15</v>
      </c>
      <c r="C17" s="257">
        <v>0</v>
      </c>
      <c r="D17" s="261">
        <v>0</v>
      </c>
      <c r="E17" s="358">
        <v>0</v>
      </c>
      <c r="F17" s="260">
        <v>0</v>
      </c>
      <c r="G17" s="261">
        <v>5</v>
      </c>
      <c r="H17" s="261">
        <v>4</v>
      </c>
      <c r="I17" s="261">
        <v>4</v>
      </c>
      <c r="J17" s="261">
        <v>5</v>
      </c>
      <c r="K17" s="261">
        <v>1</v>
      </c>
      <c r="L17" s="262">
        <v>19</v>
      </c>
      <c r="M17" s="263">
        <v>19</v>
      </c>
      <c r="N17" s="257">
        <v>0</v>
      </c>
      <c r="O17" s="261">
        <v>0</v>
      </c>
      <c r="P17" s="258">
        <v>0</v>
      </c>
      <c r="Q17" s="260">
        <v>0</v>
      </c>
      <c r="R17" s="261">
        <v>0</v>
      </c>
      <c r="S17" s="261">
        <v>1</v>
      </c>
      <c r="T17" s="261">
        <v>0</v>
      </c>
      <c r="U17" s="261">
        <v>1</v>
      </c>
      <c r="V17" s="261">
        <v>0</v>
      </c>
      <c r="W17" s="258">
        <v>2</v>
      </c>
      <c r="X17" s="263">
        <v>2</v>
      </c>
      <c r="Y17" s="257">
        <v>0</v>
      </c>
      <c r="Z17" s="261">
        <v>1</v>
      </c>
      <c r="AA17" s="258">
        <v>1</v>
      </c>
      <c r="AB17" s="260">
        <v>0</v>
      </c>
      <c r="AC17" s="261">
        <v>7</v>
      </c>
      <c r="AD17" s="261">
        <v>4</v>
      </c>
      <c r="AE17" s="261">
        <v>6</v>
      </c>
      <c r="AF17" s="261">
        <v>3</v>
      </c>
      <c r="AG17" s="261">
        <v>0</v>
      </c>
      <c r="AH17" s="258">
        <v>20</v>
      </c>
      <c r="AI17" s="263">
        <v>21</v>
      </c>
      <c r="AJ17" s="257">
        <v>0</v>
      </c>
      <c r="AK17" s="261">
        <v>0</v>
      </c>
      <c r="AL17" s="258">
        <v>0</v>
      </c>
      <c r="AM17" s="260">
        <v>0</v>
      </c>
      <c r="AN17" s="261">
        <v>2</v>
      </c>
      <c r="AO17" s="261">
        <v>1</v>
      </c>
      <c r="AP17" s="261">
        <v>0</v>
      </c>
      <c r="AQ17" s="261">
        <v>0</v>
      </c>
      <c r="AR17" s="261">
        <v>0</v>
      </c>
      <c r="AS17" s="258">
        <v>3</v>
      </c>
      <c r="AT17" s="263">
        <v>3</v>
      </c>
      <c r="AU17" s="257">
        <v>0</v>
      </c>
      <c r="AV17" s="261">
        <v>1</v>
      </c>
      <c r="AW17" s="258">
        <v>1</v>
      </c>
      <c r="AX17" s="260">
        <v>0</v>
      </c>
      <c r="AY17" s="261">
        <v>10</v>
      </c>
      <c r="AZ17" s="261">
        <v>8</v>
      </c>
      <c r="BA17" s="261">
        <v>12</v>
      </c>
      <c r="BB17" s="261">
        <v>5</v>
      </c>
      <c r="BC17" s="261">
        <v>4</v>
      </c>
      <c r="BD17" s="262">
        <v>39</v>
      </c>
      <c r="BE17" s="263">
        <v>40</v>
      </c>
      <c r="BF17" s="257">
        <v>0</v>
      </c>
      <c r="BG17" s="261">
        <v>0</v>
      </c>
      <c r="BH17" s="258">
        <v>0</v>
      </c>
      <c r="BI17" s="260">
        <v>0</v>
      </c>
      <c r="BJ17" s="261">
        <v>1</v>
      </c>
      <c r="BK17" s="261">
        <v>5</v>
      </c>
      <c r="BL17" s="261">
        <v>4</v>
      </c>
      <c r="BM17" s="261">
        <v>2</v>
      </c>
      <c r="BN17" s="261">
        <v>0</v>
      </c>
      <c r="BO17" s="258">
        <v>12</v>
      </c>
      <c r="BP17" s="263">
        <v>12</v>
      </c>
      <c r="BQ17" s="257">
        <v>0</v>
      </c>
      <c r="BR17" s="261">
        <v>0</v>
      </c>
      <c r="BS17" s="258">
        <v>0</v>
      </c>
      <c r="BT17" s="260">
        <v>0</v>
      </c>
      <c r="BU17" s="261">
        <v>1</v>
      </c>
      <c r="BV17" s="261">
        <v>2</v>
      </c>
      <c r="BW17" s="261">
        <v>3</v>
      </c>
      <c r="BX17" s="261">
        <v>0</v>
      </c>
      <c r="BY17" s="261">
        <v>0</v>
      </c>
      <c r="BZ17" s="258">
        <v>6</v>
      </c>
      <c r="CA17" s="263">
        <v>6</v>
      </c>
      <c r="CB17" s="257">
        <v>0</v>
      </c>
      <c r="CC17" s="261">
        <v>0</v>
      </c>
      <c r="CD17" s="258">
        <v>0</v>
      </c>
      <c r="CE17" s="260">
        <v>0</v>
      </c>
      <c r="CF17" s="261">
        <v>1</v>
      </c>
      <c r="CG17" s="261">
        <v>2</v>
      </c>
      <c r="CH17" s="261">
        <v>2</v>
      </c>
      <c r="CI17" s="261">
        <v>2</v>
      </c>
      <c r="CJ17" s="261">
        <v>0</v>
      </c>
      <c r="CK17" s="258">
        <v>7</v>
      </c>
      <c r="CL17" s="263">
        <v>7</v>
      </c>
      <c r="CM17" s="257">
        <v>0</v>
      </c>
      <c r="CN17" s="261">
        <v>0</v>
      </c>
      <c r="CO17" s="258">
        <v>0</v>
      </c>
      <c r="CP17" s="260">
        <v>0</v>
      </c>
      <c r="CQ17" s="261">
        <v>0</v>
      </c>
      <c r="CR17" s="261">
        <v>0</v>
      </c>
      <c r="CS17" s="261">
        <v>1</v>
      </c>
      <c r="CT17" s="261">
        <v>0</v>
      </c>
      <c r="CU17" s="261">
        <v>0</v>
      </c>
      <c r="CV17" s="258">
        <v>1</v>
      </c>
      <c r="CW17" s="263">
        <v>1</v>
      </c>
      <c r="CX17" s="257">
        <v>0</v>
      </c>
      <c r="CY17" s="261">
        <v>0</v>
      </c>
      <c r="CZ17" s="258">
        <v>0</v>
      </c>
      <c r="DA17" s="260">
        <v>0</v>
      </c>
      <c r="DB17" s="261">
        <v>0</v>
      </c>
      <c r="DC17" s="261">
        <v>0</v>
      </c>
      <c r="DD17" s="261">
        <v>0</v>
      </c>
      <c r="DE17" s="261">
        <v>0</v>
      </c>
      <c r="DF17" s="261">
        <v>0</v>
      </c>
      <c r="DG17" s="258">
        <v>0</v>
      </c>
      <c r="DH17" s="263">
        <v>0</v>
      </c>
      <c r="DI17" s="257">
        <v>0</v>
      </c>
      <c r="DJ17" s="261">
        <v>0</v>
      </c>
      <c r="DK17" s="258">
        <v>0</v>
      </c>
      <c r="DL17" s="260">
        <v>0</v>
      </c>
      <c r="DM17" s="261">
        <v>0</v>
      </c>
      <c r="DN17" s="261">
        <v>0</v>
      </c>
      <c r="DO17" s="261">
        <v>0</v>
      </c>
      <c r="DP17" s="261">
        <v>0</v>
      </c>
      <c r="DQ17" s="261">
        <v>0</v>
      </c>
      <c r="DR17" s="258">
        <v>0</v>
      </c>
      <c r="DS17" s="263">
        <v>0</v>
      </c>
      <c r="DT17" s="257">
        <v>2</v>
      </c>
      <c r="DU17" s="261">
        <v>6</v>
      </c>
      <c r="DV17" s="258">
        <v>8</v>
      </c>
      <c r="DW17" s="260">
        <v>0</v>
      </c>
      <c r="DX17" s="261">
        <v>6</v>
      </c>
      <c r="DY17" s="261">
        <v>14</v>
      </c>
      <c r="DZ17" s="261">
        <v>14</v>
      </c>
      <c r="EA17" s="261">
        <v>7</v>
      </c>
      <c r="EB17" s="261">
        <v>3</v>
      </c>
      <c r="EC17" s="258">
        <v>44</v>
      </c>
      <c r="ED17" s="263">
        <v>52</v>
      </c>
      <c r="EE17" s="257">
        <v>3</v>
      </c>
      <c r="EF17" s="261">
        <v>2</v>
      </c>
      <c r="EG17" s="258">
        <v>5</v>
      </c>
      <c r="EH17" s="260">
        <v>0</v>
      </c>
      <c r="EI17" s="261">
        <v>7</v>
      </c>
      <c r="EJ17" s="261">
        <v>3</v>
      </c>
      <c r="EK17" s="261">
        <v>6</v>
      </c>
      <c r="EL17" s="261">
        <v>0</v>
      </c>
      <c r="EM17" s="261">
        <v>1</v>
      </c>
      <c r="EN17" s="258">
        <v>17</v>
      </c>
      <c r="EO17" s="263">
        <v>22</v>
      </c>
      <c r="EP17" s="257">
        <v>2</v>
      </c>
      <c r="EQ17" s="261">
        <v>6</v>
      </c>
      <c r="ER17" s="258">
        <v>8</v>
      </c>
      <c r="ES17" s="260">
        <v>0</v>
      </c>
      <c r="ET17" s="261">
        <v>21</v>
      </c>
      <c r="EU17" s="261">
        <v>19</v>
      </c>
      <c r="EV17" s="261">
        <v>15</v>
      </c>
      <c r="EW17" s="261">
        <v>10</v>
      </c>
      <c r="EX17" s="261">
        <v>2</v>
      </c>
      <c r="EY17" s="258">
        <v>67</v>
      </c>
      <c r="EZ17" s="263">
        <v>75</v>
      </c>
    </row>
    <row r="18" spans="2:156" ht="21" customHeight="1" x14ac:dyDescent="0.2">
      <c r="B18" s="472" t="s">
        <v>16</v>
      </c>
      <c r="C18" s="257">
        <v>0</v>
      </c>
      <c r="D18" s="261">
        <v>0</v>
      </c>
      <c r="E18" s="358">
        <v>0</v>
      </c>
      <c r="F18" s="260">
        <v>0</v>
      </c>
      <c r="G18" s="261">
        <v>15</v>
      </c>
      <c r="H18" s="261">
        <v>11</v>
      </c>
      <c r="I18" s="261">
        <v>8</v>
      </c>
      <c r="J18" s="261">
        <v>3</v>
      </c>
      <c r="K18" s="261">
        <v>1</v>
      </c>
      <c r="L18" s="262">
        <v>38</v>
      </c>
      <c r="M18" s="263">
        <v>38</v>
      </c>
      <c r="N18" s="257">
        <v>0</v>
      </c>
      <c r="O18" s="261">
        <v>0</v>
      </c>
      <c r="P18" s="258">
        <v>0</v>
      </c>
      <c r="Q18" s="260">
        <v>0</v>
      </c>
      <c r="R18" s="261">
        <v>0</v>
      </c>
      <c r="S18" s="261">
        <v>1</v>
      </c>
      <c r="T18" s="261">
        <v>0</v>
      </c>
      <c r="U18" s="261">
        <v>2</v>
      </c>
      <c r="V18" s="261">
        <v>4</v>
      </c>
      <c r="W18" s="258">
        <v>7</v>
      </c>
      <c r="X18" s="263">
        <v>7</v>
      </c>
      <c r="Y18" s="257">
        <v>5</v>
      </c>
      <c r="Z18" s="261">
        <v>4</v>
      </c>
      <c r="AA18" s="258">
        <v>9</v>
      </c>
      <c r="AB18" s="260">
        <v>0</v>
      </c>
      <c r="AC18" s="261">
        <v>14</v>
      </c>
      <c r="AD18" s="261">
        <v>21</v>
      </c>
      <c r="AE18" s="261">
        <v>7</v>
      </c>
      <c r="AF18" s="261">
        <v>9</v>
      </c>
      <c r="AG18" s="261">
        <v>2</v>
      </c>
      <c r="AH18" s="258">
        <v>53</v>
      </c>
      <c r="AI18" s="263">
        <v>62</v>
      </c>
      <c r="AJ18" s="257">
        <v>0</v>
      </c>
      <c r="AK18" s="261">
        <v>1</v>
      </c>
      <c r="AL18" s="258">
        <v>1</v>
      </c>
      <c r="AM18" s="260">
        <v>0</v>
      </c>
      <c r="AN18" s="261">
        <v>1</v>
      </c>
      <c r="AO18" s="261">
        <v>2</v>
      </c>
      <c r="AP18" s="261">
        <v>0</v>
      </c>
      <c r="AQ18" s="261">
        <v>0</v>
      </c>
      <c r="AR18" s="261">
        <v>0</v>
      </c>
      <c r="AS18" s="258">
        <v>3</v>
      </c>
      <c r="AT18" s="263">
        <v>4</v>
      </c>
      <c r="AU18" s="257">
        <v>4</v>
      </c>
      <c r="AV18" s="261">
        <v>6</v>
      </c>
      <c r="AW18" s="258">
        <v>10</v>
      </c>
      <c r="AX18" s="260">
        <v>0</v>
      </c>
      <c r="AY18" s="261">
        <v>17</v>
      </c>
      <c r="AZ18" s="261">
        <v>25</v>
      </c>
      <c r="BA18" s="261">
        <v>12</v>
      </c>
      <c r="BB18" s="261">
        <v>16</v>
      </c>
      <c r="BC18" s="261">
        <v>11</v>
      </c>
      <c r="BD18" s="262">
        <v>81</v>
      </c>
      <c r="BE18" s="263">
        <v>91</v>
      </c>
      <c r="BF18" s="257">
        <v>0</v>
      </c>
      <c r="BG18" s="261">
        <v>0</v>
      </c>
      <c r="BH18" s="258">
        <v>0</v>
      </c>
      <c r="BI18" s="260">
        <v>0</v>
      </c>
      <c r="BJ18" s="261">
        <v>20</v>
      </c>
      <c r="BK18" s="261">
        <v>27</v>
      </c>
      <c r="BL18" s="261">
        <v>10</v>
      </c>
      <c r="BM18" s="261">
        <v>9</v>
      </c>
      <c r="BN18" s="261">
        <v>1</v>
      </c>
      <c r="BO18" s="258">
        <v>67</v>
      </c>
      <c r="BP18" s="263">
        <v>67</v>
      </c>
      <c r="BQ18" s="257">
        <v>2</v>
      </c>
      <c r="BR18" s="261">
        <v>8</v>
      </c>
      <c r="BS18" s="258">
        <v>10</v>
      </c>
      <c r="BT18" s="260">
        <v>0</v>
      </c>
      <c r="BU18" s="261">
        <v>9</v>
      </c>
      <c r="BV18" s="261">
        <v>27</v>
      </c>
      <c r="BW18" s="261">
        <v>9</v>
      </c>
      <c r="BX18" s="261">
        <v>3</v>
      </c>
      <c r="BY18" s="261">
        <v>0</v>
      </c>
      <c r="BZ18" s="258">
        <v>48</v>
      </c>
      <c r="CA18" s="263">
        <v>58</v>
      </c>
      <c r="CB18" s="257">
        <v>0</v>
      </c>
      <c r="CC18" s="261">
        <v>1</v>
      </c>
      <c r="CD18" s="258">
        <v>1</v>
      </c>
      <c r="CE18" s="260">
        <v>0</v>
      </c>
      <c r="CF18" s="261">
        <v>0</v>
      </c>
      <c r="CG18" s="261">
        <v>7</v>
      </c>
      <c r="CH18" s="261">
        <v>4</v>
      </c>
      <c r="CI18" s="261">
        <v>5</v>
      </c>
      <c r="CJ18" s="261">
        <v>0</v>
      </c>
      <c r="CK18" s="258">
        <v>16</v>
      </c>
      <c r="CL18" s="263">
        <v>17</v>
      </c>
      <c r="CM18" s="257">
        <v>0</v>
      </c>
      <c r="CN18" s="261">
        <v>0</v>
      </c>
      <c r="CO18" s="258">
        <v>0</v>
      </c>
      <c r="CP18" s="260">
        <v>0</v>
      </c>
      <c r="CQ18" s="261">
        <v>1</v>
      </c>
      <c r="CR18" s="261">
        <v>1</v>
      </c>
      <c r="CS18" s="261">
        <v>2</v>
      </c>
      <c r="CT18" s="261">
        <v>0</v>
      </c>
      <c r="CU18" s="261">
        <v>0</v>
      </c>
      <c r="CV18" s="258">
        <v>4</v>
      </c>
      <c r="CW18" s="263">
        <v>4</v>
      </c>
      <c r="CX18" s="257">
        <v>0</v>
      </c>
      <c r="CY18" s="261">
        <v>0</v>
      </c>
      <c r="CZ18" s="258">
        <v>0</v>
      </c>
      <c r="DA18" s="260">
        <v>0</v>
      </c>
      <c r="DB18" s="261">
        <v>0</v>
      </c>
      <c r="DC18" s="261">
        <v>0</v>
      </c>
      <c r="DD18" s="261">
        <v>0</v>
      </c>
      <c r="DE18" s="261">
        <v>0</v>
      </c>
      <c r="DF18" s="261">
        <v>0</v>
      </c>
      <c r="DG18" s="258">
        <v>0</v>
      </c>
      <c r="DH18" s="263">
        <v>0</v>
      </c>
      <c r="DI18" s="257">
        <v>0</v>
      </c>
      <c r="DJ18" s="261">
        <v>0</v>
      </c>
      <c r="DK18" s="258">
        <v>0</v>
      </c>
      <c r="DL18" s="260">
        <v>0</v>
      </c>
      <c r="DM18" s="261">
        <v>0</v>
      </c>
      <c r="DN18" s="261">
        <v>0</v>
      </c>
      <c r="DO18" s="261">
        <v>0</v>
      </c>
      <c r="DP18" s="261">
        <v>0</v>
      </c>
      <c r="DQ18" s="261">
        <v>0</v>
      </c>
      <c r="DR18" s="258">
        <v>0</v>
      </c>
      <c r="DS18" s="263">
        <v>0</v>
      </c>
      <c r="DT18" s="257">
        <v>10</v>
      </c>
      <c r="DU18" s="261">
        <v>19</v>
      </c>
      <c r="DV18" s="258">
        <v>29</v>
      </c>
      <c r="DW18" s="260">
        <v>0</v>
      </c>
      <c r="DX18" s="261">
        <v>21</v>
      </c>
      <c r="DY18" s="261">
        <v>53</v>
      </c>
      <c r="DZ18" s="261">
        <v>31</v>
      </c>
      <c r="EA18" s="261">
        <v>18</v>
      </c>
      <c r="EB18" s="261">
        <v>6</v>
      </c>
      <c r="EC18" s="258">
        <v>129</v>
      </c>
      <c r="ED18" s="263">
        <v>158</v>
      </c>
      <c r="EE18" s="257">
        <v>2</v>
      </c>
      <c r="EF18" s="261">
        <v>0</v>
      </c>
      <c r="EG18" s="258">
        <v>2</v>
      </c>
      <c r="EH18" s="260">
        <v>0</v>
      </c>
      <c r="EI18" s="261">
        <v>9</v>
      </c>
      <c r="EJ18" s="261">
        <v>15</v>
      </c>
      <c r="EK18" s="261">
        <v>7</v>
      </c>
      <c r="EL18" s="261">
        <v>12</v>
      </c>
      <c r="EM18" s="261">
        <v>4</v>
      </c>
      <c r="EN18" s="258">
        <v>47</v>
      </c>
      <c r="EO18" s="263">
        <v>49</v>
      </c>
      <c r="EP18" s="257">
        <v>16</v>
      </c>
      <c r="EQ18" s="261">
        <v>27</v>
      </c>
      <c r="ER18" s="258">
        <v>43</v>
      </c>
      <c r="ES18" s="260">
        <v>0</v>
      </c>
      <c r="ET18" s="261">
        <v>47</v>
      </c>
      <c r="EU18" s="261">
        <v>73</v>
      </c>
      <c r="EV18" s="261">
        <v>35</v>
      </c>
      <c r="EW18" s="261">
        <v>20</v>
      </c>
      <c r="EX18" s="261">
        <v>6</v>
      </c>
      <c r="EY18" s="258">
        <v>181</v>
      </c>
      <c r="EZ18" s="263">
        <v>224</v>
      </c>
    </row>
    <row r="19" spans="2:156" ht="21" customHeight="1" x14ac:dyDescent="0.2">
      <c r="B19" s="472" t="s">
        <v>17</v>
      </c>
      <c r="C19" s="257">
        <v>0</v>
      </c>
      <c r="D19" s="261">
        <v>0</v>
      </c>
      <c r="E19" s="358">
        <v>0</v>
      </c>
      <c r="F19" s="260">
        <v>0</v>
      </c>
      <c r="G19" s="261">
        <v>10</v>
      </c>
      <c r="H19" s="261">
        <v>19</v>
      </c>
      <c r="I19" s="261">
        <v>12</v>
      </c>
      <c r="J19" s="261">
        <v>1</v>
      </c>
      <c r="K19" s="261">
        <v>3</v>
      </c>
      <c r="L19" s="262">
        <v>45</v>
      </c>
      <c r="M19" s="263">
        <v>45</v>
      </c>
      <c r="N19" s="257">
        <v>0</v>
      </c>
      <c r="O19" s="261">
        <v>0</v>
      </c>
      <c r="P19" s="258">
        <v>0</v>
      </c>
      <c r="Q19" s="260">
        <v>0</v>
      </c>
      <c r="R19" s="261">
        <v>0</v>
      </c>
      <c r="S19" s="261">
        <v>0</v>
      </c>
      <c r="T19" s="261">
        <v>1</v>
      </c>
      <c r="U19" s="261">
        <v>1</v>
      </c>
      <c r="V19" s="261">
        <v>2</v>
      </c>
      <c r="W19" s="258">
        <v>4</v>
      </c>
      <c r="X19" s="263">
        <v>4</v>
      </c>
      <c r="Y19" s="257">
        <v>0</v>
      </c>
      <c r="Z19" s="261">
        <v>2</v>
      </c>
      <c r="AA19" s="258">
        <v>2</v>
      </c>
      <c r="AB19" s="260">
        <v>0</v>
      </c>
      <c r="AC19" s="261">
        <v>14</v>
      </c>
      <c r="AD19" s="261">
        <v>10</v>
      </c>
      <c r="AE19" s="261">
        <v>15</v>
      </c>
      <c r="AF19" s="261">
        <v>4</v>
      </c>
      <c r="AG19" s="261">
        <v>7</v>
      </c>
      <c r="AH19" s="258">
        <v>50</v>
      </c>
      <c r="AI19" s="263">
        <v>52</v>
      </c>
      <c r="AJ19" s="257">
        <v>0</v>
      </c>
      <c r="AK19" s="261">
        <v>1</v>
      </c>
      <c r="AL19" s="258">
        <v>1</v>
      </c>
      <c r="AM19" s="260">
        <v>0</v>
      </c>
      <c r="AN19" s="261">
        <v>0</v>
      </c>
      <c r="AO19" s="261">
        <v>1</v>
      </c>
      <c r="AP19" s="261">
        <v>1</v>
      </c>
      <c r="AQ19" s="261">
        <v>0</v>
      </c>
      <c r="AR19" s="261">
        <v>0</v>
      </c>
      <c r="AS19" s="258">
        <v>2</v>
      </c>
      <c r="AT19" s="263">
        <v>3</v>
      </c>
      <c r="AU19" s="257">
        <v>6</v>
      </c>
      <c r="AV19" s="261">
        <v>5</v>
      </c>
      <c r="AW19" s="258">
        <v>11</v>
      </c>
      <c r="AX19" s="260">
        <v>0</v>
      </c>
      <c r="AY19" s="261">
        <v>18</v>
      </c>
      <c r="AZ19" s="261">
        <v>24</v>
      </c>
      <c r="BA19" s="261">
        <v>25</v>
      </c>
      <c r="BB19" s="261">
        <v>8</v>
      </c>
      <c r="BC19" s="261">
        <v>14</v>
      </c>
      <c r="BD19" s="262">
        <v>89</v>
      </c>
      <c r="BE19" s="263">
        <v>100</v>
      </c>
      <c r="BF19" s="257">
        <v>0</v>
      </c>
      <c r="BG19" s="261">
        <v>0</v>
      </c>
      <c r="BH19" s="258">
        <v>0</v>
      </c>
      <c r="BI19" s="260">
        <v>0</v>
      </c>
      <c r="BJ19" s="261">
        <v>17</v>
      </c>
      <c r="BK19" s="261">
        <v>27</v>
      </c>
      <c r="BL19" s="261">
        <v>8</v>
      </c>
      <c r="BM19" s="261">
        <v>6</v>
      </c>
      <c r="BN19" s="261">
        <v>4</v>
      </c>
      <c r="BO19" s="258">
        <v>62</v>
      </c>
      <c r="BP19" s="263">
        <v>62</v>
      </c>
      <c r="BQ19" s="257">
        <v>3</v>
      </c>
      <c r="BR19" s="261">
        <v>4</v>
      </c>
      <c r="BS19" s="258">
        <v>7</v>
      </c>
      <c r="BT19" s="260">
        <v>0</v>
      </c>
      <c r="BU19" s="261">
        <v>2</v>
      </c>
      <c r="BV19" s="261">
        <v>12</v>
      </c>
      <c r="BW19" s="261">
        <v>4</v>
      </c>
      <c r="BX19" s="261">
        <v>1</v>
      </c>
      <c r="BY19" s="261">
        <v>2</v>
      </c>
      <c r="BZ19" s="258">
        <v>21</v>
      </c>
      <c r="CA19" s="263">
        <v>28</v>
      </c>
      <c r="CB19" s="257">
        <v>0</v>
      </c>
      <c r="CC19" s="261">
        <v>0</v>
      </c>
      <c r="CD19" s="258">
        <v>0</v>
      </c>
      <c r="CE19" s="260">
        <v>0</v>
      </c>
      <c r="CF19" s="261">
        <v>4</v>
      </c>
      <c r="CG19" s="261">
        <v>12</v>
      </c>
      <c r="CH19" s="261">
        <v>4</v>
      </c>
      <c r="CI19" s="261">
        <v>6</v>
      </c>
      <c r="CJ19" s="261">
        <v>5</v>
      </c>
      <c r="CK19" s="258">
        <v>31</v>
      </c>
      <c r="CL19" s="263">
        <v>31</v>
      </c>
      <c r="CM19" s="257">
        <v>0</v>
      </c>
      <c r="CN19" s="261">
        <v>0</v>
      </c>
      <c r="CO19" s="258">
        <v>0</v>
      </c>
      <c r="CP19" s="260">
        <v>0</v>
      </c>
      <c r="CQ19" s="261">
        <v>0</v>
      </c>
      <c r="CR19" s="261">
        <v>1</v>
      </c>
      <c r="CS19" s="261">
        <v>3</v>
      </c>
      <c r="CT19" s="261">
        <v>1</v>
      </c>
      <c r="CU19" s="261">
        <v>0</v>
      </c>
      <c r="CV19" s="258">
        <v>5</v>
      </c>
      <c r="CW19" s="263">
        <v>5</v>
      </c>
      <c r="CX19" s="257">
        <v>0</v>
      </c>
      <c r="CY19" s="261">
        <v>0</v>
      </c>
      <c r="CZ19" s="258">
        <v>0</v>
      </c>
      <c r="DA19" s="260">
        <v>0</v>
      </c>
      <c r="DB19" s="261">
        <v>0</v>
      </c>
      <c r="DC19" s="261">
        <v>0</v>
      </c>
      <c r="DD19" s="261">
        <v>0</v>
      </c>
      <c r="DE19" s="261">
        <v>0</v>
      </c>
      <c r="DF19" s="261">
        <v>0</v>
      </c>
      <c r="DG19" s="258">
        <v>0</v>
      </c>
      <c r="DH19" s="263">
        <v>0</v>
      </c>
      <c r="DI19" s="257">
        <v>0</v>
      </c>
      <c r="DJ19" s="261">
        <v>0</v>
      </c>
      <c r="DK19" s="258">
        <v>0</v>
      </c>
      <c r="DL19" s="260">
        <v>0</v>
      </c>
      <c r="DM19" s="261">
        <v>0</v>
      </c>
      <c r="DN19" s="261">
        <v>0</v>
      </c>
      <c r="DO19" s="261">
        <v>0</v>
      </c>
      <c r="DP19" s="261">
        <v>0</v>
      </c>
      <c r="DQ19" s="261">
        <v>0</v>
      </c>
      <c r="DR19" s="258">
        <v>0</v>
      </c>
      <c r="DS19" s="263">
        <v>0</v>
      </c>
      <c r="DT19" s="257">
        <v>10</v>
      </c>
      <c r="DU19" s="261">
        <v>22</v>
      </c>
      <c r="DV19" s="258">
        <v>32</v>
      </c>
      <c r="DW19" s="260">
        <v>0</v>
      </c>
      <c r="DX19" s="261">
        <v>21</v>
      </c>
      <c r="DY19" s="261">
        <v>66</v>
      </c>
      <c r="DZ19" s="261">
        <v>31</v>
      </c>
      <c r="EA19" s="261">
        <v>13</v>
      </c>
      <c r="EB19" s="261">
        <v>14</v>
      </c>
      <c r="EC19" s="258">
        <v>145</v>
      </c>
      <c r="ED19" s="263">
        <v>177</v>
      </c>
      <c r="EE19" s="257">
        <v>5</v>
      </c>
      <c r="EF19" s="261">
        <v>2</v>
      </c>
      <c r="EG19" s="258">
        <v>7</v>
      </c>
      <c r="EH19" s="260">
        <v>0</v>
      </c>
      <c r="EI19" s="261">
        <v>7</v>
      </c>
      <c r="EJ19" s="261">
        <v>7</v>
      </c>
      <c r="EK19" s="261">
        <v>9</v>
      </c>
      <c r="EL19" s="261">
        <v>4</v>
      </c>
      <c r="EM19" s="261">
        <v>3</v>
      </c>
      <c r="EN19" s="258">
        <v>30</v>
      </c>
      <c r="EO19" s="263">
        <v>37</v>
      </c>
      <c r="EP19" s="257">
        <v>13</v>
      </c>
      <c r="EQ19" s="261">
        <v>27</v>
      </c>
      <c r="ER19" s="258">
        <v>40</v>
      </c>
      <c r="ES19" s="260">
        <v>0</v>
      </c>
      <c r="ET19" s="261">
        <v>67</v>
      </c>
      <c r="EU19" s="261">
        <v>86</v>
      </c>
      <c r="EV19" s="261">
        <v>36</v>
      </c>
      <c r="EW19" s="261">
        <v>15</v>
      </c>
      <c r="EX19" s="261">
        <v>14</v>
      </c>
      <c r="EY19" s="258">
        <v>218</v>
      </c>
      <c r="EZ19" s="263">
        <v>258</v>
      </c>
    </row>
    <row r="20" spans="2:156" ht="21" customHeight="1" x14ac:dyDescent="0.2">
      <c r="B20" s="472" t="s">
        <v>18</v>
      </c>
      <c r="C20" s="257">
        <v>0</v>
      </c>
      <c r="D20" s="261">
        <v>0</v>
      </c>
      <c r="E20" s="358">
        <v>0</v>
      </c>
      <c r="F20" s="260">
        <v>0</v>
      </c>
      <c r="G20" s="261">
        <v>29</v>
      </c>
      <c r="H20" s="261">
        <v>30</v>
      </c>
      <c r="I20" s="261">
        <v>15</v>
      </c>
      <c r="J20" s="261">
        <v>10</v>
      </c>
      <c r="K20" s="261">
        <v>6</v>
      </c>
      <c r="L20" s="262">
        <v>90</v>
      </c>
      <c r="M20" s="263">
        <v>90</v>
      </c>
      <c r="N20" s="257">
        <v>0</v>
      </c>
      <c r="O20" s="261">
        <v>0</v>
      </c>
      <c r="P20" s="258">
        <v>0</v>
      </c>
      <c r="Q20" s="260">
        <v>0</v>
      </c>
      <c r="R20" s="261">
        <v>1</v>
      </c>
      <c r="S20" s="261">
        <v>0</v>
      </c>
      <c r="T20" s="261">
        <v>1</v>
      </c>
      <c r="U20" s="261">
        <v>0</v>
      </c>
      <c r="V20" s="261">
        <v>5</v>
      </c>
      <c r="W20" s="258">
        <v>7</v>
      </c>
      <c r="X20" s="263">
        <v>7</v>
      </c>
      <c r="Y20" s="257">
        <v>3</v>
      </c>
      <c r="Z20" s="261">
        <v>10</v>
      </c>
      <c r="AA20" s="258">
        <v>13</v>
      </c>
      <c r="AB20" s="260">
        <v>0</v>
      </c>
      <c r="AC20" s="261">
        <v>23</v>
      </c>
      <c r="AD20" s="261">
        <v>22</v>
      </c>
      <c r="AE20" s="261">
        <v>17</v>
      </c>
      <c r="AF20" s="261">
        <v>10</v>
      </c>
      <c r="AG20" s="261">
        <v>4</v>
      </c>
      <c r="AH20" s="258">
        <v>76</v>
      </c>
      <c r="AI20" s="263">
        <v>89</v>
      </c>
      <c r="AJ20" s="257">
        <v>0</v>
      </c>
      <c r="AK20" s="261">
        <v>1</v>
      </c>
      <c r="AL20" s="258">
        <v>1</v>
      </c>
      <c r="AM20" s="260">
        <v>0</v>
      </c>
      <c r="AN20" s="261">
        <v>3</v>
      </c>
      <c r="AO20" s="261">
        <v>3</v>
      </c>
      <c r="AP20" s="261">
        <v>0</v>
      </c>
      <c r="AQ20" s="261">
        <v>5</v>
      </c>
      <c r="AR20" s="261">
        <v>0</v>
      </c>
      <c r="AS20" s="258">
        <v>11</v>
      </c>
      <c r="AT20" s="263">
        <v>12</v>
      </c>
      <c r="AU20" s="257">
        <v>4</v>
      </c>
      <c r="AV20" s="261">
        <v>6</v>
      </c>
      <c r="AW20" s="258">
        <v>10</v>
      </c>
      <c r="AX20" s="260">
        <v>0</v>
      </c>
      <c r="AY20" s="261">
        <v>39</v>
      </c>
      <c r="AZ20" s="261">
        <v>31</v>
      </c>
      <c r="BA20" s="261">
        <v>33</v>
      </c>
      <c r="BB20" s="261">
        <v>27</v>
      </c>
      <c r="BC20" s="261">
        <v>12</v>
      </c>
      <c r="BD20" s="262">
        <v>142</v>
      </c>
      <c r="BE20" s="263">
        <v>152</v>
      </c>
      <c r="BF20" s="257">
        <v>0</v>
      </c>
      <c r="BG20" s="261">
        <v>0</v>
      </c>
      <c r="BH20" s="258">
        <v>0</v>
      </c>
      <c r="BI20" s="260">
        <v>0</v>
      </c>
      <c r="BJ20" s="261">
        <v>45</v>
      </c>
      <c r="BK20" s="261">
        <v>40</v>
      </c>
      <c r="BL20" s="261">
        <v>19</v>
      </c>
      <c r="BM20" s="261">
        <v>9</v>
      </c>
      <c r="BN20" s="261">
        <v>2</v>
      </c>
      <c r="BO20" s="258">
        <v>115</v>
      </c>
      <c r="BP20" s="263">
        <v>115</v>
      </c>
      <c r="BQ20" s="257">
        <v>3</v>
      </c>
      <c r="BR20" s="261">
        <v>8</v>
      </c>
      <c r="BS20" s="258">
        <v>11</v>
      </c>
      <c r="BT20" s="260">
        <v>0</v>
      </c>
      <c r="BU20" s="261">
        <v>14</v>
      </c>
      <c r="BV20" s="261">
        <v>15</v>
      </c>
      <c r="BW20" s="261">
        <v>5</v>
      </c>
      <c r="BX20" s="261">
        <v>1</v>
      </c>
      <c r="BY20" s="261">
        <v>1</v>
      </c>
      <c r="BZ20" s="258">
        <v>36</v>
      </c>
      <c r="CA20" s="263">
        <v>47</v>
      </c>
      <c r="CB20" s="257">
        <v>0</v>
      </c>
      <c r="CC20" s="261">
        <v>1</v>
      </c>
      <c r="CD20" s="258">
        <v>1</v>
      </c>
      <c r="CE20" s="260">
        <v>0</v>
      </c>
      <c r="CF20" s="261">
        <v>4</v>
      </c>
      <c r="CG20" s="261">
        <v>7</v>
      </c>
      <c r="CH20" s="261">
        <v>14</v>
      </c>
      <c r="CI20" s="261">
        <v>7</v>
      </c>
      <c r="CJ20" s="261">
        <v>1</v>
      </c>
      <c r="CK20" s="258">
        <v>33</v>
      </c>
      <c r="CL20" s="263">
        <v>34</v>
      </c>
      <c r="CM20" s="257">
        <v>0</v>
      </c>
      <c r="CN20" s="261">
        <v>0</v>
      </c>
      <c r="CO20" s="258">
        <v>0</v>
      </c>
      <c r="CP20" s="260">
        <v>0</v>
      </c>
      <c r="CQ20" s="261">
        <v>0</v>
      </c>
      <c r="CR20" s="261">
        <v>0</v>
      </c>
      <c r="CS20" s="261">
        <v>0</v>
      </c>
      <c r="CT20" s="261">
        <v>0</v>
      </c>
      <c r="CU20" s="261">
        <v>0</v>
      </c>
      <c r="CV20" s="258">
        <v>0</v>
      </c>
      <c r="CW20" s="263">
        <v>0</v>
      </c>
      <c r="CX20" s="257">
        <v>0</v>
      </c>
      <c r="CY20" s="261">
        <v>0</v>
      </c>
      <c r="CZ20" s="258">
        <v>0</v>
      </c>
      <c r="DA20" s="260">
        <v>0</v>
      </c>
      <c r="DB20" s="261">
        <v>0</v>
      </c>
      <c r="DC20" s="261">
        <v>0</v>
      </c>
      <c r="DD20" s="261">
        <v>0</v>
      </c>
      <c r="DE20" s="261">
        <v>0</v>
      </c>
      <c r="DF20" s="261">
        <v>0</v>
      </c>
      <c r="DG20" s="258">
        <v>0</v>
      </c>
      <c r="DH20" s="263">
        <v>0</v>
      </c>
      <c r="DI20" s="257">
        <v>0</v>
      </c>
      <c r="DJ20" s="261">
        <v>0</v>
      </c>
      <c r="DK20" s="258">
        <v>0</v>
      </c>
      <c r="DL20" s="260">
        <v>0</v>
      </c>
      <c r="DM20" s="261">
        <v>0</v>
      </c>
      <c r="DN20" s="261">
        <v>0</v>
      </c>
      <c r="DO20" s="261">
        <v>0</v>
      </c>
      <c r="DP20" s="261">
        <v>0</v>
      </c>
      <c r="DQ20" s="261">
        <v>0</v>
      </c>
      <c r="DR20" s="258">
        <v>0</v>
      </c>
      <c r="DS20" s="263">
        <v>0</v>
      </c>
      <c r="DT20" s="257">
        <v>7</v>
      </c>
      <c r="DU20" s="261">
        <v>34</v>
      </c>
      <c r="DV20" s="258">
        <v>41</v>
      </c>
      <c r="DW20" s="260">
        <v>0</v>
      </c>
      <c r="DX20" s="261">
        <v>49</v>
      </c>
      <c r="DY20" s="261">
        <v>57</v>
      </c>
      <c r="DZ20" s="261">
        <v>40</v>
      </c>
      <c r="EA20" s="261">
        <v>25</v>
      </c>
      <c r="EB20" s="261">
        <v>10</v>
      </c>
      <c r="EC20" s="258">
        <v>181</v>
      </c>
      <c r="ED20" s="263">
        <v>222</v>
      </c>
      <c r="EE20" s="257">
        <v>3</v>
      </c>
      <c r="EF20" s="261">
        <v>0</v>
      </c>
      <c r="EG20" s="258">
        <v>3</v>
      </c>
      <c r="EH20" s="260">
        <v>0</v>
      </c>
      <c r="EI20" s="261">
        <v>11</v>
      </c>
      <c r="EJ20" s="261">
        <v>12</v>
      </c>
      <c r="EK20" s="261">
        <v>9</v>
      </c>
      <c r="EL20" s="261">
        <v>10</v>
      </c>
      <c r="EM20" s="261">
        <v>3</v>
      </c>
      <c r="EN20" s="258">
        <v>45</v>
      </c>
      <c r="EO20" s="263">
        <v>48</v>
      </c>
      <c r="EP20" s="257">
        <v>13</v>
      </c>
      <c r="EQ20" s="261">
        <v>42</v>
      </c>
      <c r="ER20" s="258">
        <v>55</v>
      </c>
      <c r="ES20" s="260">
        <v>0</v>
      </c>
      <c r="ET20" s="261">
        <v>114</v>
      </c>
      <c r="EU20" s="261">
        <v>88</v>
      </c>
      <c r="EV20" s="261">
        <v>51</v>
      </c>
      <c r="EW20" s="261">
        <v>29</v>
      </c>
      <c r="EX20" s="261">
        <v>10</v>
      </c>
      <c r="EY20" s="258">
        <v>292</v>
      </c>
      <c r="EZ20" s="263">
        <v>347</v>
      </c>
    </row>
    <row r="21" spans="2:156" ht="21" customHeight="1" x14ac:dyDescent="0.2">
      <c r="B21" s="472" t="s">
        <v>19</v>
      </c>
      <c r="C21" s="257">
        <v>0</v>
      </c>
      <c r="D21" s="261">
        <v>0</v>
      </c>
      <c r="E21" s="358">
        <v>0</v>
      </c>
      <c r="F21" s="260">
        <v>0</v>
      </c>
      <c r="G21" s="261">
        <v>10</v>
      </c>
      <c r="H21" s="261">
        <v>6</v>
      </c>
      <c r="I21" s="261">
        <v>6</v>
      </c>
      <c r="J21" s="261">
        <v>1</v>
      </c>
      <c r="K21" s="261">
        <v>4</v>
      </c>
      <c r="L21" s="262">
        <v>27</v>
      </c>
      <c r="M21" s="263">
        <v>27</v>
      </c>
      <c r="N21" s="257">
        <v>0</v>
      </c>
      <c r="O21" s="261">
        <v>0</v>
      </c>
      <c r="P21" s="258">
        <v>0</v>
      </c>
      <c r="Q21" s="260">
        <v>0</v>
      </c>
      <c r="R21" s="261">
        <v>0</v>
      </c>
      <c r="S21" s="261">
        <v>1</v>
      </c>
      <c r="T21" s="261">
        <v>2</v>
      </c>
      <c r="U21" s="261">
        <v>2</v>
      </c>
      <c r="V21" s="261">
        <v>1</v>
      </c>
      <c r="W21" s="258">
        <v>6</v>
      </c>
      <c r="X21" s="263">
        <v>6</v>
      </c>
      <c r="Y21" s="257">
        <v>1</v>
      </c>
      <c r="Z21" s="261">
        <v>2</v>
      </c>
      <c r="AA21" s="258">
        <v>3</v>
      </c>
      <c r="AB21" s="260">
        <v>0</v>
      </c>
      <c r="AC21" s="261">
        <v>12</v>
      </c>
      <c r="AD21" s="261">
        <v>9</v>
      </c>
      <c r="AE21" s="261">
        <v>8</v>
      </c>
      <c r="AF21" s="261">
        <v>5</v>
      </c>
      <c r="AG21" s="261">
        <v>4</v>
      </c>
      <c r="AH21" s="258">
        <v>38</v>
      </c>
      <c r="AI21" s="263">
        <v>41</v>
      </c>
      <c r="AJ21" s="257">
        <v>0</v>
      </c>
      <c r="AK21" s="261">
        <v>1</v>
      </c>
      <c r="AL21" s="258">
        <v>1</v>
      </c>
      <c r="AM21" s="260">
        <v>0</v>
      </c>
      <c r="AN21" s="261">
        <v>1</v>
      </c>
      <c r="AO21" s="261">
        <v>1</v>
      </c>
      <c r="AP21" s="261">
        <v>0</v>
      </c>
      <c r="AQ21" s="261">
        <v>0</v>
      </c>
      <c r="AR21" s="261">
        <v>0</v>
      </c>
      <c r="AS21" s="258">
        <v>2</v>
      </c>
      <c r="AT21" s="263">
        <v>3</v>
      </c>
      <c r="AU21" s="257">
        <v>9</v>
      </c>
      <c r="AV21" s="261">
        <v>1</v>
      </c>
      <c r="AW21" s="258">
        <v>10</v>
      </c>
      <c r="AX21" s="260">
        <v>0</v>
      </c>
      <c r="AY21" s="261">
        <v>18</v>
      </c>
      <c r="AZ21" s="261">
        <v>20</v>
      </c>
      <c r="BA21" s="261">
        <v>10</v>
      </c>
      <c r="BB21" s="261">
        <v>7</v>
      </c>
      <c r="BC21" s="261">
        <v>12</v>
      </c>
      <c r="BD21" s="262">
        <v>67</v>
      </c>
      <c r="BE21" s="263">
        <v>77</v>
      </c>
      <c r="BF21" s="257">
        <v>0</v>
      </c>
      <c r="BG21" s="261">
        <v>0</v>
      </c>
      <c r="BH21" s="258">
        <v>0</v>
      </c>
      <c r="BI21" s="260">
        <v>0</v>
      </c>
      <c r="BJ21" s="261">
        <v>24</v>
      </c>
      <c r="BK21" s="261">
        <v>13</v>
      </c>
      <c r="BL21" s="261">
        <v>7</v>
      </c>
      <c r="BM21" s="261">
        <v>2</v>
      </c>
      <c r="BN21" s="261">
        <v>1</v>
      </c>
      <c r="BO21" s="258">
        <v>47</v>
      </c>
      <c r="BP21" s="263">
        <v>47</v>
      </c>
      <c r="BQ21" s="257">
        <v>2</v>
      </c>
      <c r="BR21" s="261">
        <v>3</v>
      </c>
      <c r="BS21" s="258">
        <v>5</v>
      </c>
      <c r="BT21" s="260">
        <v>0</v>
      </c>
      <c r="BU21" s="261">
        <v>11</v>
      </c>
      <c r="BV21" s="261">
        <v>6</v>
      </c>
      <c r="BW21" s="261">
        <v>2</v>
      </c>
      <c r="BX21" s="261">
        <v>1</v>
      </c>
      <c r="BY21" s="261">
        <v>0</v>
      </c>
      <c r="BZ21" s="258">
        <v>20</v>
      </c>
      <c r="CA21" s="263">
        <v>25</v>
      </c>
      <c r="CB21" s="257">
        <v>0</v>
      </c>
      <c r="CC21" s="261">
        <v>0</v>
      </c>
      <c r="CD21" s="258">
        <v>0</v>
      </c>
      <c r="CE21" s="260">
        <v>0</v>
      </c>
      <c r="CF21" s="261">
        <v>1</v>
      </c>
      <c r="CG21" s="261">
        <v>0</v>
      </c>
      <c r="CH21" s="261">
        <v>2</v>
      </c>
      <c r="CI21" s="261">
        <v>2</v>
      </c>
      <c r="CJ21" s="261">
        <v>1</v>
      </c>
      <c r="CK21" s="258">
        <v>6</v>
      </c>
      <c r="CL21" s="263">
        <v>6</v>
      </c>
      <c r="CM21" s="257">
        <v>0</v>
      </c>
      <c r="CN21" s="261">
        <v>0</v>
      </c>
      <c r="CO21" s="258">
        <v>0</v>
      </c>
      <c r="CP21" s="260">
        <v>0</v>
      </c>
      <c r="CQ21" s="261">
        <v>0</v>
      </c>
      <c r="CR21" s="261">
        <v>1</v>
      </c>
      <c r="CS21" s="261">
        <v>0</v>
      </c>
      <c r="CT21" s="261">
        <v>0</v>
      </c>
      <c r="CU21" s="261">
        <v>0</v>
      </c>
      <c r="CV21" s="258">
        <v>1</v>
      </c>
      <c r="CW21" s="263">
        <v>1</v>
      </c>
      <c r="CX21" s="257">
        <v>0</v>
      </c>
      <c r="CY21" s="261">
        <v>0</v>
      </c>
      <c r="CZ21" s="258">
        <v>0</v>
      </c>
      <c r="DA21" s="260">
        <v>0</v>
      </c>
      <c r="DB21" s="261">
        <v>0</v>
      </c>
      <c r="DC21" s="261">
        <v>0</v>
      </c>
      <c r="DD21" s="261">
        <v>0</v>
      </c>
      <c r="DE21" s="261">
        <v>0</v>
      </c>
      <c r="DF21" s="261">
        <v>0</v>
      </c>
      <c r="DG21" s="258">
        <v>0</v>
      </c>
      <c r="DH21" s="263">
        <v>0</v>
      </c>
      <c r="DI21" s="257">
        <v>0</v>
      </c>
      <c r="DJ21" s="261">
        <v>0</v>
      </c>
      <c r="DK21" s="258">
        <v>0</v>
      </c>
      <c r="DL21" s="260">
        <v>0</v>
      </c>
      <c r="DM21" s="261">
        <v>0</v>
      </c>
      <c r="DN21" s="261">
        <v>0</v>
      </c>
      <c r="DO21" s="261">
        <v>0</v>
      </c>
      <c r="DP21" s="261">
        <v>0</v>
      </c>
      <c r="DQ21" s="261">
        <v>0</v>
      </c>
      <c r="DR21" s="258">
        <v>0</v>
      </c>
      <c r="DS21" s="263">
        <v>0</v>
      </c>
      <c r="DT21" s="257">
        <v>3</v>
      </c>
      <c r="DU21" s="261">
        <v>11</v>
      </c>
      <c r="DV21" s="258">
        <v>14</v>
      </c>
      <c r="DW21" s="260">
        <v>0</v>
      </c>
      <c r="DX21" s="261">
        <v>35</v>
      </c>
      <c r="DY21" s="261">
        <v>25</v>
      </c>
      <c r="DZ21" s="261">
        <v>14</v>
      </c>
      <c r="EA21" s="261">
        <v>7</v>
      </c>
      <c r="EB21" s="261">
        <v>11</v>
      </c>
      <c r="EC21" s="258">
        <v>92</v>
      </c>
      <c r="ED21" s="263">
        <v>106</v>
      </c>
      <c r="EE21" s="257">
        <v>4</v>
      </c>
      <c r="EF21" s="261">
        <v>1</v>
      </c>
      <c r="EG21" s="258">
        <v>5</v>
      </c>
      <c r="EH21" s="260">
        <v>0</v>
      </c>
      <c r="EI21" s="261">
        <v>6</v>
      </c>
      <c r="EJ21" s="261">
        <v>8</v>
      </c>
      <c r="EK21" s="261">
        <v>2</v>
      </c>
      <c r="EL21" s="261">
        <v>1</v>
      </c>
      <c r="EM21" s="261">
        <v>2</v>
      </c>
      <c r="EN21" s="258">
        <v>19</v>
      </c>
      <c r="EO21" s="263">
        <v>24</v>
      </c>
      <c r="EP21" s="257">
        <v>7</v>
      </c>
      <c r="EQ21" s="261">
        <v>15</v>
      </c>
      <c r="ER21" s="258">
        <v>22</v>
      </c>
      <c r="ES21" s="260">
        <v>0</v>
      </c>
      <c r="ET21" s="261">
        <v>55</v>
      </c>
      <c r="EU21" s="261">
        <v>32</v>
      </c>
      <c r="EV21" s="261">
        <v>16</v>
      </c>
      <c r="EW21" s="261">
        <v>7</v>
      </c>
      <c r="EX21" s="261">
        <v>9</v>
      </c>
      <c r="EY21" s="258">
        <v>119</v>
      </c>
      <c r="EZ21" s="263">
        <v>141</v>
      </c>
    </row>
    <row r="22" spans="2:156" ht="21" customHeight="1" x14ac:dyDescent="0.2">
      <c r="B22" s="472" t="s">
        <v>20</v>
      </c>
      <c r="C22" s="257">
        <v>0</v>
      </c>
      <c r="D22" s="261">
        <v>0</v>
      </c>
      <c r="E22" s="358">
        <v>0</v>
      </c>
      <c r="F22" s="260">
        <v>0</v>
      </c>
      <c r="G22" s="261">
        <v>24</v>
      </c>
      <c r="H22" s="261">
        <v>17</v>
      </c>
      <c r="I22" s="261">
        <v>6</v>
      </c>
      <c r="J22" s="261">
        <v>8</v>
      </c>
      <c r="K22" s="261">
        <v>8</v>
      </c>
      <c r="L22" s="262">
        <v>63</v>
      </c>
      <c r="M22" s="263">
        <v>63</v>
      </c>
      <c r="N22" s="257">
        <v>0</v>
      </c>
      <c r="O22" s="261">
        <v>0</v>
      </c>
      <c r="P22" s="258">
        <v>0</v>
      </c>
      <c r="Q22" s="260">
        <v>0</v>
      </c>
      <c r="R22" s="261">
        <v>0</v>
      </c>
      <c r="S22" s="261">
        <v>0</v>
      </c>
      <c r="T22" s="261">
        <v>1</v>
      </c>
      <c r="U22" s="261">
        <v>0</v>
      </c>
      <c r="V22" s="261">
        <v>3</v>
      </c>
      <c r="W22" s="258">
        <v>4</v>
      </c>
      <c r="X22" s="263">
        <v>4</v>
      </c>
      <c r="Y22" s="257">
        <v>3</v>
      </c>
      <c r="Z22" s="261">
        <v>1</v>
      </c>
      <c r="AA22" s="258">
        <v>4</v>
      </c>
      <c r="AB22" s="260">
        <v>0</v>
      </c>
      <c r="AC22" s="261">
        <v>22</v>
      </c>
      <c r="AD22" s="261">
        <v>13</v>
      </c>
      <c r="AE22" s="261">
        <v>12</v>
      </c>
      <c r="AF22" s="261">
        <v>6</v>
      </c>
      <c r="AG22" s="261">
        <v>6</v>
      </c>
      <c r="AH22" s="258">
        <v>59</v>
      </c>
      <c r="AI22" s="263">
        <v>63</v>
      </c>
      <c r="AJ22" s="257">
        <v>2</v>
      </c>
      <c r="AK22" s="261">
        <v>4</v>
      </c>
      <c r="AL22" s="258">
        <v>6</v>
      </c>
      <c r="AM22" s="260">
        <v>0</v>
      </c>
      <c r="AN22" s="261">
        <v>2</v>
      </c>
      <c r="AO22" s="261">
        <v>8</v>
      </c>
      <c r="AP22" s="261">
        <v>5</v>
      </c>
      <c r="AQ22" s="261">
        <v>2</v>
      </c>
      <c r="AR22" s="261">
        <v>2</v>
      </c>
      <c r="AS22" s="258">
        <v>19</v>
      </c>
      <c r="AT22" s="263">
        <v>25</v>
      </c>
      <c r="AU22" s="257">
        <v>1</v>
      </c>
      <c r="AV22" s="261">
        <v>5</v>
      </c>
      <c r="AW22" s="258">
        <v>6</v>
      </c>
      <c r="AX22" s="260">
        <v>0</v>
      </c>
      <c r="AY22" s="261">
        <v>19</v>
      </c>
      <c r="AZ22" s="261">
        <v>17</v>
      </c>
      <c r="BA22" s="261">
        <v>22</v>
      </c>
      <c r="BB22" s="261">
        <v>21</v>
      </c>
      <c r="BC22" s="261">
        <v>11</v>
      </c>
      <c r="BD22" s="262">
        <v>90</v>
      </c>
      <c r="BE22" s="263">
        <v>96</v>
      </c>
      <c r="BF22" s="257">
        <v>0</v>
      </c>
      <c r="BG22" s="261">
        <v>0</v>
      </c>
      <c r="BH22" s="258">
        <v>0</v>
      </c>
      <c r="BI22" s="260">
        <v>0</v>
      </c>
      <c r="BJ22" s="261">
        <v>29</v>
      </c>
      <c r="BK22" s="261">
        <v>19</v>
      </c>
      <c r="BL22" s="261">
        <v>13</v>
      </c>
      <c r="BM22" s="261">
        <v>5</v>
      </c>
      <c r="BN22" s="261">
        <v>3</v>
      </c>
      <c r="BO22" s="258">
        <v>69</v>
      </c>
      <c r="BP22" s="263">
        <v>69</v>
      </c>
      <c r="BQ22" s="257">
        <v>3</v>
      </c>
      <c r="BR22" s="261">
        <v>1</v>
      </c>
      <c r="BS22" s="258">
        <v>4</v>
      </c>
      <c r="BT22" s="260">
        <v>0</v>
      </c>
      <c r="BU22" s="261">
        <v>11</v>
      </c>
      <c r="BV22" s="261">
        <v>10</v>
      </c>
      <c r="BW22" s="261">
        <v>4</v>
      </c>
      <c r="BX22" s="261">
        <v>2</v>
      </c>
      <c r="BY22" s="261">
        <v>1</v>
      </c>
      <c r="BZ22" s="258">
        <v>28</v>
      </c>
      <c r="CA22" s="263">
        <v>32</v>
      </c>
      <c r="CB22" s="257">
        <v>0</v>
      </c>
      <c r="CC22" s="261">
        <v>0</v>
      </c>
      <c r="CD22" s="258">
        <v>0</v>
      </c>
      <c r="CE22" s="260">
        <v>0</v>
      </c>
      <c r="CF22" s="261">
        <v>1</v>
      </c>
      <c r="CG22" s="261">
        <v>0</v>
      </c>
      <c r="CH22" s="261">
        <v>3</v>
      </c>
      <c r="CI22" s="261">
        <v>6</v>
      </c>
      <c r="CJ22" s="261">
        <v>1</v>
      </c>
      <c r="CK22" s="258">
        <v>11</v>
      </c>
      <c r="CL22" s="263">
        <v>11</v>
      </c>
      <c r="CM22" s="257">
        <v>0</v>
      </c>
      <c r="CN22" s="261">
        <v>0</v>
      </c>
      <c r="CO22" s="258">
        <v>0</v>
      </c>
      <c r="CP22" s="260">
        <v>0</v>
      </c>
      <c r="CQ22" s="261">
        <v>0</v>
      </c>
      <c r="CR22" s="261">
        <v>0</v>
      </c>
      <c r="CS22" s="261">
        <v>1</v>
      </c>
      <c r="CT22" s="261">
        <v>1</v>
      </c>
      <c r="CU22" s="261">
        <v>0</v>
      </c>
      <c r="CV22" s="258">
        <v>2</v>
      </c>
      <c r="CW22" s="263">
        <v>2</v>
      </c>
      <c r="CX22" s="257">
        <v>0</v>
      </c>
      <c r="CY22" s="261">
        <v>0</v>
      </c>
      <c r="CZ22" s="258">
        <v>0</v>
      </c>
      <c r="DA22" s="260">
        <v>0</v>
      </c>
      <c r="DB22" s="261">
        <v>0</v>
      </c>
      <c r="DC22" s="261">
        <v>0</v>
      </c>
      <c r="DD22" s="261">
        <v>0</v>
      </c>
      <c r="DE22" s="261">
        <v>0</v>
      </c>
      <c r="DF22" s="261">
        <v>0</v>
      </c>
      <c r="DG22" s="258">
        <v>0</v>
      </c>
      <c r="DH22" s="263">
        <v>0</v>
      </c>
      <c r="DI22" s="257">
        <v>0</v>
      </c>
      <c r="DJ22" s="261">
        <v>0</v>
      </c>
      <c r="DK22" s="258">
        <v>0</v>
      </c>
      <c r="DL22" s="260">
        <v>0</v>
      </c>
      <c r="DM22" s="261">
        <v>0</v>
      </c>
      <c r="DN22" s="261">
        <v>0</v>
      </c>
      <c r="DO22" s="261">
        <v>0</v>
      </c>
      <c r="DP22" s="261">
        <v>0</v>
      </c>
      <c r="DQ22" s="261">
        <v>0</v>
      </c>
      <c r="DR22" s="258">
        <v>0</v>
      </c>
      <c r="DS22" s="263">
        <v>0</v>
      </c>
      <c r="DT22" s="257">
        <v>10</v>
      </c>
      <c r="DU22" s="261">
        <v>25</v>
      </c>
      <c r="DV22" s="258">
        <v>35</v>
      </c>
      <c r="DW22" s="260">
        <v>0</v>
      </c>
      <c r="DX22" s="261">
        <v>38</v>
      </c>
      <c r="DY22" s="261">
        <v>33</v>
      </c>
      <c r="DZ22" s="261">
        <v>25</v>
      </c>
      <c r="EA22" s="261">
        <v>17</v>
      </c>
      <c r="EB22" s="261">
        <v>12</v>
      </c>
      <c r="EC22" s="258">
        <v>125</v>
      </c>
      <c r="ED22" s="263">
        <v>160</v>
      </c>
      <c r="EE22" s="257">
        <v>1</v>
      </c>
      <c r="EF22" s="261">
        <v>2</v>
      </c>
      <c r="EG22" s="258">
        <v>3</v>
      </c>
      <c r="EH22" s="260">
        <v>0</v>
      </c>
      <c r="EI22" s="261">
        <v>4</v>
      </c>
      <c r="EJ22" s="261">
        <v>3</v>
      </c>
      <c r="EK22" s="261">
        <v>7</v>
      </c>
      <c r="EL22" s="261">
        <v>5</v>
      </c>
      <c r="EM22" s="261">
        <v>3</v>
      </c>
      <c r="EN22" s="258">
        <v>22</v>
      </c>
      <c r="EO22" s="263">
        <v>25</v>
      </c>
      <c r="EP22" s="257">
        <v>16</v>
      </c>
      <c r="EQ22" s="261">
        <v>31</v>
      </c>
      <c r="ER22" s="258">
        <v>47</v>
      </c>
      <c r="ES22" s="260">
        <v>0</v>
      </c>
      <c r="ET22" s="261">
        <v>76</v>
      </c>
      <c r="EU22" s="261">
        <v>53</v>
      </c>
      <c r="EV22" s="261">
        <v>29</v>
      </c>
      <c r="EW22" s="261">
        <v>18</v>
      </c>
      <c r="EX22" s="261">
        <v>12</v>
      </c>
      <c r="EY22" s="258">
        <v>188</v>
      </c>
      <c r="EZ22" s="263">
        <v>235</v>
      </c>
    </row>
    <row r="23" spans="2:156" ht="21" customHeight="1" x14ac:dyDescent="0.2">
      <c r="B23" s="472" t="s">
        <v>21</v>
      </c>
      <c r="C23" s="257">
        <v>0</v>
      </c>
      <c r="D23" s="261">
        <v>0</v>
      </c>
      <c r="E23" s="358">
        <v>0</v>
      </c>
      <c r="F23" s="260">
        <v>0</v>
      </c>
      <c r="G23" s="261">
        <v>17</v>
      </c>
      <c r="H23" s="261">
        <v>15</v>
      </c>
      <c r="I23" s="261">
        <v>6</v>
      </c>
      <c r="J23" s="261">
        <v>6</v>
      </c>
      <c r="K23" s="261">
        <v>6</v>
      </c>
      <c r="L23" s="262">
        <v>50</v>
      </c>
      <c r="M23" s="263">
        <v>50</v>
      </c>
      <c r="N23" s="257">
        <v>0</v>
      </c>
      <c r="O23" s="261">
        <v>0</v>
      </c>
      <c r="P23" s="258">
        <v>0</v>
      </c>
      <c r="Q23" s="260">
        <v>0</v>
      </c>
      <c r="R23" s="261">
        <v>0</v>
      </c>
      <c r="S23" s="261">
        <v>0</v>
      </c>
      <c r="T23" s="261">
        <v>0</v>
      </c>
      <c r="U23" s="261">
        <v>0</v>
      </c>
      <c r="V23" s="261">
        <v>3</v>
      </c>
      <c r="W23" s="258">
        <v>3</v>
      </c>
      <c r="X23" s="263">
        <v>3</v>
      </c>
      <c r="Y23" s="257">
        <v>6</v>
      </c>
      <c r="Z23" s="261">
        <v>3</v>
      </c>
      <c r="AA23" s="258">
        <v>9</v>
      </c>
      <c r="AB23" s="260">
        <v>0</v>
      </c>
      <c r="AC23" s="261">
        <v>14</v>
      </c>
      <c r="AD23" s="261">
        <v>21</v>
      </c>
      <c r="AE23" s="261">
        <v>5</v>
      </c>
      <c r="AF23" s="261">
        <v>8</v>
      </c>
      <c r="AG23" s="261">
        <v>3</v>
      </c>
      <c r="AH23" s="258">
        <v>51</v>
      </c>
      <c r="AI23" s="263">
        <v>60</v>
      </c>
      <c r="AJ23" s="257">
        <v>1</v>
      </c>
      <c r="AK23" s="261">
        <v>0</v>
      </c>
      <c r="AL23" s="258">
        <v>1</v>
      </c>
      <c r="AM23" s="260">
        <v>0</v>
      </c>
      <c r="AN23" s="261">
        <v>2</v>
      </c>
      <c r="AO23" s="261">
        <v>2</v>
      </c>
      <c r="AP23" s="261">
        <v>0</v>
      </c>
      <c r="AQ23" s="261">
        <v>0</v>
      </c>
      <c r="AR23" s="261">
        <v>1</v>
      </c>
      <c r="AS23" s="258">
        <v>5</v>
      </c>
      <c r="AT23" s="263">
        <v>6</v>
      </c>
      <c r="AU23" s="257">
        <v>4</v>
      </c>
      <c r="AV23" s="261">
        <v>5</v>
      </c>
      <c r="AW23" s="258">
        <v>9</v>
      </c>
      <c r="AX23" s="260">
        <v>0</v>
      </c>
      <c r="AY23" s="261">
        <v>11</v>
      </c>
      <c r="AZ23" s="261">
        <v>20</v>
      </c>
      <c r="BA23" s="261">
        <v>11</v>
      </c>
      <c r="BB23" s="261">
        <v>10</v>
      </c>
      <c r="BC23" s="261">
        <v>14</v>
      </c>
      <c r="BD23" s="262">
        <v>66</v>
      </c>
      <c r="BE23" s="263">
        <v>75</v>
      </c>
      <c r="BF23" s="257">
        <v>0</v>
      </c>
      <c r="BG23" s="261">
        <v>0</v>
      </c>
      <c r="BH23" s="258">
        <v>0</v>
      </c>
      <c r="BI23" s="260">
        <v>0</v>
      </c>
      <c r="BJ23" s="261">
        <v>19</v>
      </c>
      <c r="BK23" s="261">
        <v>16</v>
      </c>
      <c r="BL23" s="261">
        <v>9</v>
      </c>
      <c r="BM23" s="261">
        <v>3</v>
      </c>
      <c r="BN23" s="261">
        <v>2</v>
      </c>
      <c r="BO23" s="258">
        <v>49</v>
      </c>
      <c r="BP23" s="263">
        <v>49</v>
      </c>
      <c r="BQ23" s="257">
        <v>4</v>
      </c>
      <c r="BR23" s="261">
        <v>1</v>
      </c>
      <c r="BS23" s="258">
        <v>5</v>
      </c>
      <c r="BT23" s="260">
        <v>0</v>
      </c>
      <c r="BU23" s="261">
        <v>6</v>
      </c>
      <c r="BV23" s="261">
        <v>9</v>
      </c>
      <c r="BW23" s="261">
        <v>2</v>
      </c>
      <c r="BX23" s="261">
        <v>0</v>
      </c>
      <c r="BY23" s="261">
        <v>1</v>
      </c>
      <c r="BZ23" s="258">
        <v>18</v>
      </c>
      <c r="CA23" s="263">
        <v>23</v>
      </c>
      <c r="CB23" s="257">
        <v>0</v>
      </c>
      <c r="CC23" s="261">
        <v>0</v>
      </c>
      <c r="CD23" s="258">
        <v>0</v>
      </c>
      <c r="CE23" s="260">
        <v>0</v>
      </c>
      <c r="CF23" s="261">
        <v>4</v>
      </c>
      <c r="CG23" s="261">
        <v>3</v>
      </c>
      <c r="CH23" s="261">
        <v>5</v>
      </c>
      <c r="CI23" s="261">
        <v>4</v>
      </c>
      <c r="CJ23" s="261">
        <v>3</v>
      </c>
      <c r="CK23" s="258">
        <v>19</v>
      </c>
      <c r="CL23" s="263">
        <v>19</v>
      </c>
      <c r="CM23" s="257">
        <v>0</v>
      </c>
      <c r="CN23" s="261">
        <v>0</v>
      </c>
      <c r="CO23" s="258">
        <v>0</v>
      </c>
      <c r="CP23" s="260">
        <v>0</v>
      </c>
      <c r="CQ23" s="261">
        <v>0</v>
      </c>
      <c r="CR23" s="261">
        <v>0</v>
      </c>
      <c r="CS23" s="261">
        <v>0</v>
      </c>
      <c r="CT23" s="261">
        <v>0</v>
      </c>
      <c r="CU23" s="261">
        <v>0</v>
      </c>
      <c r="CV23" s="258">
        <v>0</v>
      </c>
      <c r="CW23" s="263">
        <v>0</v>
      </c>
      <c r="CX23" s="257">
        <v>0</v>
      </c>
      <c r="CY23" s="261">
        <v>0</v>
      </c>
      <c r="CZ23" s="258">
        <v>0</v>
      </c>
      <c r="DA23" s="260">
        <v>0</v>
      </c>
      <c r="DB23" s="261">
        <v>0</v>
      </c>
      <c r="DC23" s="261">
        <v>0</v>
      </c>
      <c r="DD23" s="261">
        <v>0</v>
      </c>
      <c r="DE23" s="261">
        <v>0</v>
      </c>
      <c r="DF23" s="261">
        <v>0</v>
      </c>
      <c r="DG23" s="258">
        <v>0</v>
      </c>
      <c r="DH23" s="263">
        <v>0</v>
      </c>
      <c r="DI23" s="257">
        <v>0</v>
      </c>
      <c r="DJ23" s="261">
        <v>0</v>
      </c>
      <c r="DK23" s="258">
        <v>0</v>
      </c>
      <c r="DL23" s="260">
        <v>0</v>
      </c>
      <c r="DM23" s="261">
        <v>0</v>
      </c>
      <c r="DN23" s="261">
        <v>0</v>
      </c>
      <c r="DO23" s="261">
        <v>0</v>
      </c>
      <c r="DP23" s="261">
        <v>0</v>
      </c>
      <c r="DQ23" s="261">
        <v>0</v>
      </c>
      <c r="DR23" s="258">
        <v>0</v>
      </c>
      <c r="DS23" s="263">
        <v>0</v>
      </c>
      <c r="DT23" s="257">
        <v>12</v>
      </c>
      <c r="DU23" s="261">
        <v>17</v>
      </c>
      <c r="DV23" s="258">
        <v>29</v>
      </c>
      <c r="DW23" s="260">
        <v>0</v>
      </c>
      <c r="DX23" s="261">
        <v>20</v>
      </c>
      <c r="DY23" s="261">
        <v>43</v>
      </c>
      <c r="DZ23" s="261">
        <v>16</v>
      </c>
      <c r="EA23" s="261">
        <v>12</v>
      </c>
      <c r="EB23" s="261">
        <v>7</v>
      </c>
      <c r="EC23" s="258">
        <v>98</v>
      </c>
      <c r="ED23" s="263">
        <v>127</v>
      </c>
      <c r="EE23" s="257">
        <v>0</v>
      </c>
      <c r="EF23" s="261">
        <v>4</v>
      </c>
      <c r="EG23" s="258">
        <v>4</v>
      </c>
      <c r="EH23" s="260">
        <v>0</v>
      </c>
      <c r="EI23" s="261">
        <v>3</v>
      </c>
      <c r="EJ23" s="261">
        <v>5</v>
      </c>
      <c r="EK23" s="261">
        <v>3</v>
      </c>
      <c r="EL23" s="261">
        <v>3</v>
      </c>
      <c r="EM23" s="261">
        <v>5</v>
      </c>
      <c r="EN23" s="258">
        <v>19</v>
      </c>
      <c r="EO23" s="263">
        <v>23</v>
      </c>
      <c r="EP23" s="257">
        <v>21</v>
      </c>
      <c r="EQ23" s="261">
        <v>17</v>
      </c>
      <c r="ER23" s="258">
        <v>38</v>
      </c>
      <c r="ES23" s="260">
        <v>0</v>
      </c>
      <c r="ET23" s="261">
        <v>54</v>
      </c>
      <c r="EU23" s="261">
        <v>56</v>
      </c>
      <c r="EV23" s="261">
        <v>22</v>
      </c>
      <c r="EW23" s="261">
        <v>12</v>
      </c>
      <c r="EX23" s="261">
        <v>10</v>
      </c>
      <c r="EY23" s="258">
        <v>154</v>
      </c>
      <c r="EZ23" s="263">
        <v>192</v>
      </c>
    </row>
    <row r="24" spans="2:156" ht="21" customHeight="1" x14ac:dyDescent="0.2">
      <c r="B24" s="472" t="s">
        <v>22</v>
      </c>
      <c r="C24" s="257">
        <v>0</v>
      </c>
      <c r="D24" s="261">
        <v>0</v>
      </c>
      <c r="E24" s="358">
        <v>0</v>
      </c>
      <c r="F24" s="260">
        <v>0</v>
      </c>
      <c r="G24" s="261">
        <v>7</v>
      </c>
      <c r="H24" s="261">
        <v>5</v>
      </c>
      <c r="I24" s="261">
        <v>1</v>
      </c>
      <c r="J24" s="261">
        <v>2</v>
      </c>
      <c r="K24" s="261">
        <v>2</v>
      </c>
      <c r="L24" s="262">
        <v>17</v>
      </c>
      <c r="M24" s="263">
        <v>17</v>
      </c>
      <c r="N24" s="257">
        <v>0</v>
      </c>
      <c r="O24" s="261">
        <v>0</v>
      </c>
      <c r="P24" s="258">
        <v>0</v>
      </c>
      <c r="Q24" s="260">
        <v>0</v>
      </c>
      <c r="R24" s="261">
        <v>1</v>
      </c>
      <c r="S24" s="261">
        <v>0</v>
      </c>
      <c r="T24" s="261">
        <v>0</v>
      </c>
      <c r="U24" s="261">
        <v>0</v>
      </c>
      <c r="V24" s="261">
        <v>0</v>
      </c>
      <c r="W24" s="258">
        <v>1</v>
      </c>
      <c r="X24" s="263">
        <v>1</v>
      </c>
      <c r="Y24" s="257">
        <v>0</v>
      </c>
      <c r="Z24" s="261">
        <v>2</v>
      </c>
      <c r="AA24" s="258">
        <v>2</v>
      </c>
      <c r="AB24" s="260">
        <v>0</v>
      </c>
      <c r="AC24" s="261">
        <v>5</v>
      </c>
      <c r="AD24" s="261">
        <v>6</v>
      </c>
      <c r="AE24" s="261">
        <v>3</v>
      </c>
      <c r="AF24" s="261">
        <v>0</v>
      </c>
      <c r="AG24" s="261">
        <v>3</v>
      </c>
      <c r="AH24" s="258">
        <v>17</v>
      </c>
      <c r="AI24" s="263">
        <v>19</v>
      </c>
      <c r="AJ24" s="257">
        <v>0</v>
      </c>
      <c r="AK24" s="261">
        <v>0</v>
      </c>
      <c r="AL24" s="258">
        <v>0</v>
      </c>
      <c r="AM24" s="260">
        <v>0</v>
      </c>
      <c r="AN24" s="261">
        <v>0</v>
      </c>
      <c r="AO24" s="261">
        <v>1</v>
      </c>
      <c r="AP24" s="261">
        <v>1</v>
      </c>
      <c r="AQ24" s="261">
        <v>0</v>
      </c>
      <c r="AR24" s="261">
        <v>0</v>
      </c>
      <c r="AS24" s="258">
        <v>2</v>
      </c>
      <c r="AT24" s="263">
        <v>2</v>
      </c>
      <c r="AU24" s="257">
        <v>1</v>
      </c>
      <c r="AV24" s="261">
        <v>0</v>
      </c>
      <c r="AW24" s="258">
        <v>1</v>
      </c>
      <c r="AX24" s="260">
        <v>0</v>
      </c>
      <c r="AY24" s="261">
        <v>8</v>
      </c>
      <c r="AZ24" s="261">
        <v>8</v>
      </c>
      <c r="BA24" s="261">
        <v>3</v>
      </c>
      <c r="BB24" s="261">
        <v>3</v>
      </c>
      <c r="BC24" s="261">
        <v>3</v>
      </c>
      <c r="BD24" s="262">
        <v>25</v>
      </c>
      <c r="BE24" s="263">
        <v>26</v>
      </c>
      <c r="BF24" s="257">
        <v>0</v>
      </c>
      <c r="BG24" s="261">
        <v>0</v>
      </c>
      <c r="BH24" s="258">
        <v>0</v>
      </c>
      <c r="BI24" s="260">
        <v>0</v>
      </c>
      <c r="BJ24" s="261">
        <v>14</v>
      </c>
      <c r="BK24" s="261">
        <v>6</v>
      </c>
      <c r="BL24" s="261">
        <v>5</v>
      </c>
      <c r="BM24" s="261">
        <v>2</v>
      </c>
      <c r="BN24" s="261">
        <v>3</v>
      </c>
      <c r="BO24" s="258">
        <v>30</v>
      </c>
      <c r="BP24" s="263">
        <v>30</v>
      </c>
      <c r="BQ24" s="257">
        <v>1</v>
      </c>
      <c r="BR24" s="261">
        <v>1</v>
      </c>
      <c r="BS24" s="258">
        <v>2</v>
      </c>
      <c r="BT24" s="260">
        <v>0</v>
      </c>
      <c r="BU24" s="261">
        <v>4</v>
      </c>
      <c r="BV24" s="261">
        <v>3</v>
      </c>
      <c r="BW24" s="261">
        <v>1</v>
      </c>
      <c r="BX24" s="261">
        <v>1</v>
      </c>
      <c r="BY24" s="261">
        <v>2</v>
      </c>
      <c r="BZ24" s="258">
        <v>11</v>
      </c>
      <c r="CA24" s="263">
        <v>13</v>
      </c>
      <c r="CB24" s="257">
        <v>0</v>
      </c>
      <c r="CC24" s="261">
        <v>0</v>
      </c>
      <c r="CD24" s="258">
        <v>0</v>
      </c>
      <c r="CE24" s="260">
        <v>0</v>
      </c>
      <c r="CF24" s="261">
        <v>1</v>
      </c>
      <c r="CG24" s="261">
        <v>2</v>
      </c>
      <c r="CH24" s="261">
        <v>1</v>
      </c>
      <c r="CI24" s="261">
        <v>3</v>
      </c>
      <c r="CJ24" s="261">
        <v>1</v>
      </c>
      <c r="CK24" s="258">
        <v>8</v>
      </c>
      <c r="CL24" s="263">
        <v>8</v>
      </c>
      <c r="CM24" s="257">
        <v>0</v>
      </c>
      <c r="CN24" s="261">
        <v>0</v>
      </c>
      <c r="CO24" s="258">
        <v>0</v>
      </c>
      <c r="CP24" s="260">
        <v>0</v>
      </c>
      <c r="CQ24" s="261">
        <v>1</v>
      </c>
      <c r="CR24" s="261">
        <v>0</v>
      </c>
      <c r="CS24" s="261">
        <v>1</v>
      </c>
      <c r="CT24" s="261">
        <v>0</v>
      </c>
      <c r="CU24" s="261">
        <v>1</v>
      </c>
      <c r="CV24" s="258">
        <v>3</v>
      </c>
      <c r="CW24" s="263">
        <v>3</v>
      </c>
      <c r="CX24" s="257">
        <v>0</v>
      </c>
      <c r="CY24" s="261">
        <v>0</v>
      </c>
      <c r="CZ24" s="258">
        <v>0</v>
      </c>
      <c r="DA24" s="260">
        <v>0</v>
      </c>
      <c r="DB24" s="261">
        <v>0</v>
      </c>
      <c r="DC24" s="261">
        <v>0</v>
      </c>
      <c r="DD24" s="261">
        <v>0</v>
      </c>
      <c r="DE24" s="261">
        <v>0</v>
      </c>
      <c r="DF24" s="261">
        <v>0</v>
      </c>
      <c r="DG24" s="258">
        <v>0</v>
      </c>
      <c r="DH24" s="263">
        <v>0</v>
      </c>
      <c r="DI24" s="257">
        <v>0</v>
      </c>
      <c r="DJ24" s="261">
        <v>0</v>
      </c>
      <c r="DK24" s="258">
        <v>0</v>
      </c>
      <c r="DL24" s="260">
        <v>0</v>
      </c>
      <c r="DM24" s="261">
        <v>0</v>
      </c>
      <c r="DN24" s="261">
        <v>0</v>
      </c>
      <c r="DO24" s="261">
        <v>0</v>
      </c>
      <c r="DP24" s="261">
        <v>0</v>
      </c>
      <c r="DQ24" s="261">
        <v>0</v>
      </c>
      <c r="DR24" s="258">
        <v>0</v>
      </c>
      <c r="DS24" s="263">
        <v>0</v>
      </c>
      <c r="DT24" s="257">
        <v>2</v>
      </c>
      <c r="DU24" s="261">
        <v>6</v>
      </c>
      <c r="DV24" s="258">
        <v>8</v>
      </c>
      <c r="DW24" s="260">
        <v>0</v>
      </c>
      <c r="DX24" s="261">
        <v>18</v>
      </c>
      <c r="DY24" s="261">
        <v>17</v>
      </c>
      <c r="DZ24" s="261">
        <v>10</v>
      </c>
      <c r="EA24" s="261">
        <v>5</v>
      </c>
      <c r="EB24" s="261">
        <v>5</v>
      </c>
      <c r="EC24" s="258">
        <v>55</v>
      </c>
      <c r="ED24" s="263">
        <v>63</v>
      </c>
      <c r="EE24" s="257">
        <v>0</v>
      </c>
      <c r="EF24" s="261">
        <v>2</v>
      </c>
      <c r="EG24" s="258">
        <v>2</v>
      </c>
      <c r="EH24" s="260">
        <v>0</v>
      </c>
      <c r="EI24" s="261">
        <v>5</v>
      </c>
      <c r="EJ24" s="261">
        <v>5</v>
      </c>
      <c r="EK24" s="261">
        <v>1</v>
      </c>
      <c r="EL24" s="261">
        <v>2</v>
      </c>
      <c r="EM24" s="261">
        <v>1</v>
      </c>
      <c r="EN24" s="258">
        <v>14</v>
      </c>
      <c r="EO24" s="263">
        <v>16</v>
      </c>
      <c r="EP24" s="257">
        <v>3</v>
      </c>
      <c r="EQ24" s="261">
        <v>8</v>
      </c>
      <c r="ER24" s="258">
        <v>11</v>
      </c>
      <c r="ES24" s="260">
        <v>0</v>
      </c>
      <c r="ET24" s="261">
        <v>29</v>
      </c>
      <c r="EU24" s="261">
        <v>22</v>
      </c>
      <c r="EV24" s="261">
        <v>12</v>
      </c>
      <c r="EW24" s="261">
        <v>5</v>
      </c>
      <c r="EX24" s="261">
        <v>6</v>
      </c>
      <c r="EY24" s="258">
        <v>74</v>
      </c>
      <c r="EZ24" s="263">
        <v>85</v>
      </c>
    </row>
    <row r="25" spans="2:156" ht="21" customHeight="1" x14ac:dyDescent="0.2">
      <c r="B25" s="472" t="s">
        <v>23</v>
      </c>
      <c r="C25" s="257">
        <v>0</v>
      </c>
      <c r="D25" s="261">
        <v>0</v>
      </c>
      <c r="E25" s="358">
        <v>0</v>
      </c>
      <c r="F25" s="260">
        <v>0</v>
      </c>
      <c r="G25" s="261">
        <v>6</v>
      </c>
      <c r="H25" s="261">
        <v>9</v>
      </c>
      <c r="I25" s="261">
        <v>5</v>
      </c>
      <c r="J25" s="261">
        <v>3</v>
      </c>
      <c r="K25" s="261">
        <v>0</v>
      </c>
      <c r="L25" s="262">
        <v>23</v>
      </c>
      <c r="M25" s="263">
        <v>23</v>
      </c>
      <c r="N25" s="257">
        <v>0</v>
      </c>
      <c r="O25" s="261">
        <v>0</v>
      </c>
      <c r="P25" s="258">
        <v>0</v>
      </c>
      <c r="Q25" s="260">
        <v>0</v>
      </c>
      <c r="R25" s="261">
        <v>0</v>
      </c>
      <c r="S25" s="261">
        <v>0</v>
      </c>
      <c r="T25" s="261">
        <v>0</v>
      </c>
      <c r="U25" s="261">
        <v>3</v>
      </c>
      <c r="V25" s="261">
        <v>0</v>
      </c>
      <c r="W25" s="258">
        <v>3</v>
      </c>
      <c r="X25" s="263">
        <v>3</v>
      </c>
      <c r="Y25" s="257">
        <v>2</v>
      </c>
      <c r="Z25" s="261">
        <v>4</v>
      </c>
      <c r="AA25" s="258">
        <v>6</v>
      </c>
      <c r="AB25" s="260">
        <v>0</v>
      </c>
      <c r="AC25" s="261">
        <v>7</v>
      </c>
      <c r="AD25" s="261">
        <v>14</v>
      </c>
      <c r="AE25" s="261">
        <v>4</v>
      </c>
      <c r="AF25" s="261">
        <v>4</v>
      </c>
      <c r="AG25" s="261">
        <v>2</v>
      </c>
      <c r="AH25" s="258">
        <v>31</v>
      </c>
      <c r="AI25" s="263">
        <v>37</v>
      </c>
      <c r="AJ25" s="257">
        <v>0</v>
      </c>
      <c r="AK25" s="261">
        <v>1</v>
      </c>
      <c r="AL25" s="258">
        <v>1</v>
      </c>
      <c r="AM25" s="260">
        <v>0</v>
      </c>
      <c r="AN25" s="261">
        <v>0</v>
      </c>
      <c r="AO25" s="261">
        <v>1</v>
      </c>
      <c r="AP25" s="261">
        <v>0</v>
      </c>
      <c r="AQ25" s="261">
        <v>0</v>
      </c>
      <c r="AR25" s="261">
        <v>0</v>
      </c>
      <c r="AS25" s="258">
        <v>1</v>
      </c>
      <c r="AT25" s="263">
        <v>2</v>
      </c>
      <c r="AU25" s="257">
        <v>3</v>
      </c>
      <c r="AV25" s="261">
        <v>0</v>
      </c>
      <c r="AW25" s="258">
        <v>3</v>
      </c>
      <c r="AX25" s="260">
        <v>0</v>
      </c>
      <c r="AY25" s="261">
        <v>15</v>
      </c>
      <c r="AZ25" s="261">
        <v>7</v>
      </c>
      <c r="BA25" s="261">
        <v>8</v>
      </c>
      <c r="BB25" s="261">
        <v>9</v>
      </c>
      <c r="BC25" s="261">
        <v>4</v>
      </c>
      <c r="BD25" s="262">
        <v>43</v>
      </c>
      <c r="BE25" s="263">
        <v>46</v>
      </c>
      <c r="BF25" s="257">
        <v>0</v>
      </c>
      <c r="BG25" s="261">
        <v>0</v>
      </c>
      <c r="BH25" s="258">
        <v>0</v>
      </c>
      <c r="BI25" s="260">
        <v>0</v>
      </c>
      <c r="BJ25" s="261">
        <v>15</v>
      </c>
      <c r="BK25" s="261">
        <v>12</v>
      </c>
      <c r="BL25" s="261">
        <v>4</v>
      </c>
      <c r="BM25" s="261">
        <v>3</v>
      </c>
      <c r="BN25" s="261">
        <v>2</v>
      </c>
      <c r="BO25" s="258">
        <v>36</v>
      </c>
      <c r="BP25" s="263">
        <v>36</v>
      </c>
      <c r="BQ25" s="257">
        <v>0</v>
      </c>
      <c r="BR25" s="261">
        <v>0</v>
      </c>
      <c r="BS25" s="258">
        <v>0</v>
      </c>
      <c r="BT25" s="260">
        <v>0</v>
      </c>
      <c r="BU25" s="261">
        <v>4</v>
      </c>
      <c r="BV25" s="261">
        <v>1</v>
      </c>
      <c r="BW25" s="261">
        <v>2</v>
      </c>
      <c r="BX25" s="261">
        <v>2</v>
      </c>
      <c r="BY25" s="261">
        <v>1</v>
      </c>
      <c r="BZ25" s="258">
        <v>10</v>
      </c>
      <c r="CA25" s="263">
        <v>10</v>
      </c>
      <c r="CB25" s="257">
        <v>0</v>
      </c>
      <c r="CC25" s="261">
        <v>0</v>
      </c>
      <c r="CD25" s="258">
        <v>0</v>
      </c>
      <c r="CE25" s="260">
        <v>0</v>
      </c>
      <c r="CF25" s="261">
        <v>0</v>
      </c>
      <c r="CG25" s="261">
        <v>1</v>
      </c>
      <c r="CH25" s="261">
        <v>3</v>
      </c>
      <c r="CI25" s="261">
        <v>3</v>
      </c>
      <c r="CJ25" s="261">
        <v>2</v>
      </c>
      <c r="CK25" s="258">
        <v>9</v>
      </c>
      <c r="CL25" s="263">
        <v>9</v>
      </c>
      <c r="CM25" s="257">
        <v>0</v>
      </c>
      <c r="CN25" s="261">
        <v>0</v>
      </c>
      <c r="CO25" s="258">
        <v>0</v>
      </c>
      <c r="CP25" s="260">
        <v>0</v>
      </c>
      <c r="CQ25" s="261">
        <v>1</v>
      </c>
      <c r="CR25" s="261">
        <v>0</v>
      </c>
      <c r="CS25" s="261">
        <v>0</v>
      </c>
      <c r="CT25" s="261">
        <v>0</v>
      </c>
      <c r="CU25" s="261">
        <v>1</v>
      </c>
      <c r="CV25" s="258">
        <v>2</v>
      </c>
      <c r="CW25" s="263">
        <v>2</v>
      </c>
      <c r="CX25" s="257">
        <v>0</v>
      </c>
      <c r="CY25" s="261">
        <v>0</v>
      </c>
      <c r="CZ25" s="258">
        <v>0</v>
      </c>
      <c r="DA25" s="260">
        <v>0</v>
      </c>
      <c r="DB25" s="261">
        <v>0</v>
      </c>
      <c r="DC25" s="261">
        <v>0</v>
      </c>
      <c r="DD25" s="261">
        <v>0</v>
      </c>
      <c r="DE25" s="261">
        <v>0</v>
      </c>
      <c r="DF25" s="261">
        <v>0</v>
      </c>
      <c r="DG25" s="258">
        <v>0</v>
      </c>
      <c r="DH25" s="263">
        <v>0</v>
      </c>
      <c r="DI25" s="257">
        <v>0</v>
      </c>
      <c r="DJ25" s="261">
        <v>0</v>
      </c>
      <c r="DK25" s="258">
        <v>0</v>
      </c>
      <c r="DL25" s="260">
        <v>0</v>
      </c>
      <c r="DM25" s="261">
        <v>0</v>
      </c>
      <c r="DN25" s="261">
        <v>0</v>
      </c>
      <c r="DO25" s="261">
        <v>0</v>
      </c>
      <c r="DP25" s="261">
        <v>0</v>
      </c>
      <c r="DQ25" s="261">
        <v>0</v>
      </c>
      <c r="DR25" s="258">
        <v>0</v>
      </c>
      <c r="DS25" s="263">
        <v>0</v>
      </c>
      <c r="DT25" s="257">
        <v>3</v>
      </c>
      <c r="DU25" s="261">
        <v>9</v>
      </c>
      <c r="DV25" s="258">
        <v>12</v>
      </c>
      <c r="DW25" s="260">
        <v>0</v>
      </c>
      <c r="DX25" s="261">
        <v>14</v>
      </c>
      <c r="DY25" s="261">
        <v>21</v>
      </c>
      <c r="DZ25" s="261">
        <v>8</v>
      </c>
      <c r="EA25" s="261">
        <v>7</v>
      </c>
      <c r="EB25" s="261">
        <v>3</v>
      </c>
      <c r="EC25" s="258">
        <v>53</v>
      </c>
      <c r="ED25" s="263">
        <v>65</v>
      </c>
      <c r="EE25" s="257">
        <v>3</v>
      </c>
      <c r="EF25" s="261">
        <v>0</v>
      </c>
      <c r="EG25" s="258">
        <v>3</v>
      </c>
      <c r="EH25" s="260">
        <v>0</v>
      </c>
      <c r="EI25" s="261">
        <v>8</v>
      </c>
      <c r="EJ25" s="261">
        <v>1</v>
      </c>
      <c r="EK25" s="261">
        <v>0</v>
      </c>
      <c r="EL25" s="261">
        <v>3</v>
      </c>
      <c r="EM25" s="261">
        <v>3</v>
      </c>
      <c r="EN25" s="258">
        <v>15</v>
      </c>
      <c r="EO25" s="263">
        <v>18</v>
      </c>
      <c r="EP25" s="257">
        <v>5</v>
      </c>
      <c r="EQ25" s="261">
        <v>11</v>
      </c>
      <c r="ER25" s="258">
        <v>16</v>
      </c>
      <c r="ES25" s="260">
        <v>0</v>
      </c>
      <c r="ET25" s="261">
        <v>32</v>
      </c>
      <c r="EU25" s="261">
        <v>28</v>
      </c>
      <c r="EV25" s="261">
        <v>14</v>
      </c>
      <c r="EW25" s="261">
        <v>7</v>
      </c>
      <c r="EX25" s="261">
        <v>4</v>
      </c>
      <c r="EY25" s="258">
        <v>85</v>
      </c>
      <c r="EZ25" s="263">
        <v>101</v>
      </c>
    </row>
    <row r="26" spans="2:156" ht="21" customHeight="1" x14ac:dyDescent="0.2">
      <c r="B26" s="472" t="s">
        <v>24</v>
      </c>
      <c r="C26" s="257">
        <v>0</v>
      </c>
      <c r="D26" s="261">
        <v>0</v>
      </c>
      <c r="E26" s="358">
        <v>0</v>
      </c>
      <c r="F26" s="260">
        <v>0</v>
      </c>
      <c r="G26" s="261">
        <v>10</v>
      </c>
      <c r="H26" s="261">
        <v>5</v>
      </c>
      <c r="I26" s="261">
        <v>2</v>
      </c>
      <c r="J26" s="261">
        <v>1</v>
      </c>
      <c r="K26" s="261">
        <v>2</v>
      </c>
      <c r="L26" s="262">
        <v>20</v>
      </c>
      <c r="M26" s="263">
        <v>20</v>
      </c>
      <c r="N26" s="257">
        <v>0</v>
      </c>
      <c r="O26" s="261">
        <v>0</v>
      </c>
      <c r="P26" s="258">
        <v>0</v>
      </c>
      <c r="Q26" s="260">
        <v>0</v>
      </c>
      <c r="R26" s="261">
        <v>0</v>
      </c>
      <c r="S26" s="261">
        <v>0</v>
      </c>
      <c r="T26" s="261">
        <v>0</v>
      </c>
      <c r="U26" s="261">
        <v>2</v>
      </c>
      <c r="V26" s="261">
        <v>2</v>
      </c>
      <c r="W26" s="258">
        <v>4</v>
      </c>
      <c r="X26" s="263">
        <v>4</v>
      </c>
      <c r="Y26" s="257">
        <v>1</v>
      </c>
      <c r="Z26" s="261">
        <v>4</v>
      </c>
      <c r="AA26" s="258">
        <v>5</v>
      </c>
      <c r="AB26" s="260">
        <v>0</v>
      </c>
      <c r="AC26" s="261">
        <v>9</v>
      </c>
      <c r="AD26" s="261">
        <v>5</v>
      </c>
      <c r="AE26" s="261">
        <v>4</v>
      </c>
      <c r="AF26" s="261">
        <v>2</v>
      </c>
      <c r="AG26" s="261">
        <v>2</v>
      </c>
      <c r="AH26" s="258">
        <v>22</v>
      </c>
      <c r="AI26" s="263">
        <v>27</v>
      </c>
      <c r="AJ26" s="257">
        <v>0</v>
      </c>
      <c r="AK26" s="261">
        <v>0</v>
      </c>
      <c r="AL26" s="258">
        <v>0</v>
      </c>
      <c r="AM26" s="260">
        <v>0</v>
      </c>
      <c r="AN26" s="261">
        <v>1</v>
      </c>
      <c r="AO26" s="261">
        <v>1</v>
      </c>
      <c r="AP26" s="261">
        <v>1</v>
      </c>
      <c r="AQ26" s="261">
        <v>0</v>
      </c>
      <c r="AR26" s="261">
        <v>0</v>
      </c>
      <c r="AS26" s="258">
        <v>3</v>
      </c>
      <c r="AT26" s="263">
        <v>3</v>
      </c>
      <c r="AU26" s="257">
        <v>3</v>
      </c>
      <c r="AV26" s="261">
        <v>1</v>
      </c>
      <c r="AW26" s="258">
        <v>4</v>
      </c>
      <c r="AX26" s="260">
        <v>0</v>
      </c>
      <c r="AY26" s="261">
        <v>12</v>
      </c>
      <c r="AZ26" s="261">
        <v>8</v>
      </c>
      <c r="BA26" s="261">
        <v>10</v>
      </c>
      <c r="BB26" s="261">
        <v>9</v>
      </c>
      <c r="BC26" s="261">
        <v>5</v>
      </c>
      <c r="BD26" s="262">
        <v>44</v>
      </c>
      <c r="BE26" s="263">
        <v>48</v>
      </c>
      <c r="BF26" s="257">
        <v>0</v>
      </c>
      <c r="BG26" s="261">
        <v>0</v>
      </c>
      <c r="BH26" s="258">
        <v>0</v>
      </c>
      <c r="BI26" s="260">
        <v>0</v>
      </c>
      <c r="BJ26" s="261">
        <v>12</v>
      </c>
      <c r="BK26" s="261">
        <v>11</v>
      </c>
      <c r="BL26" s="261">
        <v>2</v>
      </c>
      <c r="BM26" s="261">
        <v>1</v>
      </c>
      <c r="BN26" s="261">
        <v>1</v>
      </c>
      <c r="BO26" s="258">
        <v>27</v>
      </c>
      <c r="BP26" s="263">
        <v>27</v>
      </c>
      <c r="BQ26" s="257">
        <v>2</v>
      </c>
      <c r="BR26" s="261">
        <v>1</v>
      </c>
      <c r="BS26" s="258">
        <v>3</v>
      </c>
      <c r="BT26" s="260">
        <v>0</v>
      </c>
      <c r="BU26" s="261">
        <v>2</v>
      </c>
      <c r="BV26" s="261">
        <v>4</v>
      </c>
      <c r="BW26" s="261">
        <v>5</v>
      </c>
      <c r="BX26" s="261">
        <v>1</v>
      </c>
      <c r="BY26" s="261">
        <v>0</v>
      </c>
      <c r="BZ26" s="258">
        <v>12</v>
      </c>
      <c r="CA26" s="263">
        <v>15</v>
      </c>
      <c r="CB26" s="257">
        <v>0</v>
      </c>
      <c r="CC26" s="261">
        <v>0</v>
      </c>
      <c r="CD26" s="258">
        <v>0</v>
      </c>
      <c r="CE26" s="260">
        <v>0</v>
      </c>
      <c r="CF26" s="261">
        <v>0</v>
      </c>
      <c r="CG26" s="261">
        <v>4</v>
      </c>
      <c r="CH26" s="261">
        <v>0</v>
      </c>
      <c r="CI26" s="261">
        <v>0</v>
      </c>
      <c r="CJ26" s="261">
        <v>1</v>
      </c>
      <c r="CK26" s="258">
        <v>5</v>
      </c>
      <c r="CL26" s="263">
        <v>5</v>
      </c>
      <c r="CM26" s="257">
        <v>0</v>
      </c>
      <c r="CN26" s="261">
        <v>0</v>
      </c>
      <c r="CO26" s="258">
        <v>0</v>
      </c>
      <c r="CP26" s="260">
        <v>0</v>
      </c>
      <c r="CQ26" s="261">
        <v>1</v>
      </c>
      <c r="CR26" s="261">
        <v>0</v>
      </c>
      <c r="CS26" s="261">
        <v>0</v>
      </c>
      <c r="CT26" s="261">
        <v>0</v>
      </c>
      <c r="CU26" s="261">
        <v>0</v>
      </c>
      <c r="CV26" s="258">
        <v>1</v>
      </c>
      <c r="CW26" s="263">
        <v>1</v>
      </c>
      <c r="CX26" s="257">
        <v>0</v>
      </c>
      <c r="CY26" s="261">
        <v>0</v>
      </c>
      <c r="CZ26" s="258">
        <v>0</v>
      </c>
      <c r="DA26" s="260">
        <v>0</v>
      </c>
      <c r="DB26" s="261">
        <v>0</v>
      </c>
      <c r="DC26" s="261">
        <v>0</v>
      </c>
      <c r="DD26" s="261">
        <v>0</v>
      </c>
      <c r="DE26" s="261">
        <v>0</v>
      </c>
      <c r="DF26" s="261">
        <v>0</v>
      </c>
      <c r="DG26" s="258">
        <v>0</v>
      </c>
      <c r="DH26" s="263">
        <v>0</v>
      </c>
      <c r="DI26" s="257">
        <v>0</v>
      </c>
      <c r="DJ26" s="261">
        <v>0</v>
      </c>
      <c r="DK26" s="258">
        <v>0</v>
      </c>
      <c r="DL26" s="260">
        <v>0</v>
      </c>
      <c r="DM26" s="261">
        <v>0</v>
      </c>
      <c r="DN26" s="261">
        <v>0</v>
      </c>
      <c r="DO26" s="261">
        <v>0</v>
      </c>
      <c r="DP26" s="261">
        <v>0</v>
      </c>
      <c r="DQ26" s="261">
        <v>0</v>
      </c>
      <c r="DR26" s="258">
        <v>0</v>
      </c>
      <c r="DS26" s="263">
        <v>0</v>
      </c>
      <c r="DT26" s="257">
        <v>10</v>
      </c>
      <c r="DU26" s="261">
        <v>8</v>
      </c>
      <c r="DV26" s="258">
        <v>18</v>
      </c>
      <c r="DW26" s="260">
        <v>0</v>
      </c>
      <c r="DX26" s="261">
        <v>14</v>
      </c>
      <c r="DY26" s="261">
        <v>19</v>
      </c>
      <c r="DZ26" s="261">
        <v>7</v>
      </c>
      <c r="EA26" s="261">
        <v>4</v>
      </c>
      <c r="EB26" s="261">
        <v>2</v>
      </c>
      <c r="EC26" s="258">
        <v>46</v>
      </c>
      <c r="ED26" s="263">
        <v>64</v>
      </c>
      <c r="EE26" s="257">
        <v>3</v>
      </c>
      <c r="EF26" s="261">
        <v>1</v>
      </c>
      <c r="EG26" s="258">
        <v>4</v>
      </c>
      <c r="EH26" s="260">
        <v>0</v>
      </c>
      <c r="EI26" s="261">
        <v>5</v>
      </c>
      <c r="EJ26" s="261">
        <v>2</v>
      </c>
      <c r="EK26" s="261">
        <v>3</v>
      </c>
      <c r="EL26" s="261">
        <v>5</v>
      </c>
      <c r="EM26" s="261">
        <v>1</v>
      </c>
      <c r="EN26" s="258">
        <v>16</v>
      </c>
      <c r="EO26" s="263">
        <v>20</v>
      </c>
      <c r="EP26" s="257">
        <v>12</v>
      </c>
      <c r="EQ26" s="261">
        <v>9</v>
      </c>
      <c r="ER26" s="258">
        <v>21</v>
      </c>
      <c r="ES26" s="260">
        <v>0</v>
      </c>
      <c r="ET26" s="261">
        <v>29</v>
      </c>
      <c r="EU26" s="261">
        <v>29</v>
      </c>
      <c r="EV26" s="261">
        <v>12</v>
      </c>
      <c r="EW26" s="261">
        <v>6</v>
      </c>
      <c r="EX26" s="261">
        <v>4</v>
      </c>
      <c r="EY26" s="258">
        <v>80</v>
      </c>
      <c r="EZ26" s="263">
        <v>101</v>
      </c>
    </row>
    <row r="27" spans="2:156" ht="21" customHeight="1" x14ac:dyDescent="0.2">
      <c r="B27" s="472" t="s">
        <v>25</v>
      </c>
      <c r="C27" s="257">
        <v>0</v>
      </c>
      <c r="D27" s="261">
        <v>0</v>
      </c>
      <c r="E27" s="358">
        <v>0</v>
      </c>
      <c r="F27" s="260">
        <v>0</v>
      </c>
      <c r="G27" s="261">
        <v>4</v>
      </c>
      <c r="H27" s="261">
        <v>3</v>
      </c>
      <c r="I27" s="261">
        <v>4</v>
      </c>
      <c r="J27" s="261">
        <v>2</v>
      </c>
      <c r="K27" s="261">
        <v>1</v>
      </c>
      <c r="L27" s="262">
        <v>14</v>
      </c>
      <c r="M27" s="263">
        <v>14</v>
      </c>
      <c r="N27" s="257">
        <v>0</v>
      </c>
      <c r="O27" s="261">
        <v>0</v>
      </c>
      <c r="P27" s="258">
        <v>0</v>
      </c>
      <c r="Q27" s="260">
        <v>0</v>
      </c>
      <c r="R27" s="261">
        <v>0</v>
      </c>
      <c r="S27" s="261">
        <v>0</v>
      </c>
      <c r="T27" s="261">
        <v>2</v>
      </c>
      <c r="U27" s="261">
        <v>2</v>
      </c>
      <c r="V27" s="261">
        <v>0</v>
      </c>
      <c r="W27" s="258">
        <v>4</v>
      </c>
      <c r="X27" s="263">
        <v>4</v>
      </c>
      <c r="Y27" s="257">
        <v>2</v>
      </c>
      <c r="Z27" s="261">
        <v>2</v>
      </c>
      <c r="AA27" s="258">
        <v>4</v>
      </c>
      <c r="AB27" s="260">
        <v>0</v>
      </c>
      <c r="AC27" s="261">
        <v>1</v>
      </c>
      <c r="AD27" s="261">
        <v>4</v>
      </c>
      <c r="AE27" s="261">
        <v>4</v>
      </c>
      <c r="AF27" s="261">
        <v>3</v>
      </c>
      <c r="AG27" s="261">
        <v>1</v>
      </c>
      <c r="AH27" s="258">
        <v>13</v>
      </c>
      <c r="AI27" s="263">
        <v>17</v>
      </c>
      <c r="AJ27" s="257">
        <v>0</v>
      </c>
      <c r="AK27" s="261">
        <v>2</v>
      </c>
      <c r="AL27" s="258">
        <v>2</v>
      </c>
      <c r="AM27" s="260">
        <v>0</v>
      </c>
      <c r="AN27" s="261">
        <v>0</v>
      </c>
      <c r="AO27" s="261">
        <v>0</v>
      </c>
      <c r="AP27" s="261">
        <v>1</v>
      </c>
      <c r="AQ27" s="261">
        <v>0</v>
      </c>
      <c r="AR27" s="261">
        <v>0</v>
      </c>
      <c r="AS27" s="258">
        <v>1</v>
      </c>
      <c r="AT27" s="263">
        <v>3</v>
      </c>
      <c r="AU27" s="257">
        <v>0</v>
      </c>
      <c r="AV27" s="261">
        <v>1</v>
      </c>
      <c r="AW27" s="258">
        <v>1</v>
      </c>
      <c r="AX27" s="260">
        <v>0</v>
      </c>
      <c r="AY27" s="261">
        <v>4</v>
      </c>
      <c r="AZ27" s="261">
        <v>2</v>
      </c>
      <c r="BA27" s="261">
        <v>5</v>
      </c>
      <c r="BB27" s="261">
        <v>4</v>
      </c>
      <c r="BC27" s="261">
        <v>2</v>
      </c>
      <c r="BD27" s="262">
        <v>17</v>
      </c>
      <c r="BE27" s="263">
        <v>18</v>
      </c>
      <c r="BF27" s="257">
        <v>0</v>
      </c>
      <c r="BG27" s="261">
        <v>0</v>
      </c>
      <c r="BH27" s="258">
        <v>0</v>
      </c>
      <c r="BI27" s="260">
        <v>0</v>
      </c>
      <c r="BJ27" s="261">
        <v>5</v>
      </c>
      <c r="BK27" s="261">
        <v>3</v>
      </c>
      <c r="BL27" s="261">
        <v>2</v>
      </c>
      <c r="BM27" s="261">
        <v>2</v>
      </c>
      <c r="BN27" s="261">
        <v>0</v>
      </c>
      <c r="BO27" s="258">
        <v>12</v>
      </c>
      <c r="BP27" s="263">
        <v>12</v>
      </c>
      <c r="BQ27" s="257">
        <v>2</v>
      </c>
      <c r="BR27" s="261">
        <v>1</v>
      </c>
      <c r="BS27" s="258">
        <v>3</v>
      </c>
      <c r="BT27" s="260">
        <v>0</v>
      </c>
      <c r="BU27" s="261">
        <v>1</v>
      </c>
      <c r="BV27" s="261">
        <v>4</v>
      </c>
      <c r="BW27" s="261">
        <v>4</v>
      </c>
      <c r="BX27" s="261">
        <v>2</v>
      </c>
      <c r="BY27" s="261">
        <v>1</v>
      </c>
      <c r="BZ27" s="258">
        <v>12</v>
      </c>
      <c r="CA27" s="263">
        <v>15</v>
      </c>
      <c r="CB27" s="257">
        <v>0</v>
      </c>
      <c r="CC27" s="261">
        <v>0</v>
      </c>
      <c r="CD27" s="258">
        <v>0</v>
      </c>
      <c r="CE27" s="260">
        <v>0</v>
      </c>
      <c r="CF27" s="261">
        <v>3</v>
      </c>
      <c r="CG27" s="261">
        <v>2</v>
      </c>
      <c r="CH27" s="261">
        <v>0</v>
      </c>
      <c r="CI27" s="261">
        <v>1</v>
      </c>
      <c r="CJ27" s="261">
        <v>1</v>
      </c>
      <c r="CK27" s="258">
        <v>7</v>
      </c>
      <c r="CL27" s="263">
        <v>7</v>
      </c>
      <c r="CM27" s="257">
        <v>0</v>
      </c>
      <c r="CN27" s="261">
        <v>0</v>
      </c>
      <c r="CO27" s="258">
        <v>0</v>
      </c>
      <c r="CP27" s="260">
        <v>0</v>
      </c>
      <c r="CQ27" s="261">
        <v>0</v>
      </c>
      <c r="CR27" s="261">
        <v>0</v>
      </c>
      <c r="CS27" s="261">
        <v>1</v>
      </c>
      <c r="CT27" s="261">
        <v>0</v>
      </c>
      <c r="CU27" s="261">
        <v>1</v>
      </c>
      <c r="CV27" s="258">
        <v>2</v>
      </c>
      <c r="CW27" s="263">
        <v>2</v>
      </c>
      <c r="CX27" s="257">
        <v>0</v>
      </c>
      <c r="CY27" s="261">
        <v>0</v>
      </c>
      <c r="CZ27" s="258">
        <v>0</v>
      </c>
      <c r="DA27" s="260">
        <v>0</v>
      </c>
      <c r="DB27" s="261">
        <v>0</v>
      </c>
      <c r="DC27" s="261">
        <v>0</v>
      </c>
      <c r="DD27" s="261">
        <v>0</v>
      </c>
      <c r="DE27" s="261">
        <v>0</v>
      </c>
      <c r="DF27" s="261">
        <v>0</v>
      </c>
      <c r="DG27" s="258">
        <v>0</v>
      </c>
      <c r="DH27" s="263">
        <v>0</v>
      </c>
      <c r="DI27" s="257">
        <v>0</v>
      </c>
      <c r="DJ27" s="261">
        <v>0</v>
      </c>
      <c r="DK27" s="258">
        <v>0</v>
      </c>
      <c r="DL27" s="260">
        <v>0</v>
      </c>
      <c r="DM27" s="261">
        <v>0</v>
      </c>
      <c r="DN27" s="261">
        <v>0</v>
      </c>
      <c r="DO27" s="261">
        <v>0</v>
      </c>
      <c r="DP27" s="261">
        <v>0</v>
      </c>
      <c r="DQ27" s="261">
        <v>0</v>
      </c>
      <c r="DR27" s="258">
        <v>0</v>
      </c>
      <c r="DS27" s="263">
        <v>0</v>
      </c>
      <c r="DT27" s="257">
        <v>6</v>
      </c>
      <c r="DU27" s="261">
        <v>9</v>
      </c>
      <c r="DV27" s="258">
        <v>15</v>
      </c>
      <c r="DW27" s="260">
        <v>0</v>
      </c>
      <c r="DX27" s="261">
        <v>5</v>
      </c>
      <c r="DY27" s="261">
        <v>9</v>
      </c>
      <c r="DZ27" s="261">
        <v>8</v>
      </c>
      <c r="EA27" s="261">
        <v>6</v>
      </c>
      <c r="EB27" s="261">
        <v>1</v>
      </c>
      <c r="EC27" s="258">
        <v>29</v>
      </c>
      <c r="ED27" s="263">
        <v>44</v>
      </c>
      <c r="EE27" s="257">
        <v>0</v>
      </c>
      <c r="EF27" s="261">
        <v>1</v>
      </c>
      <c r="EG27" s="258">
        <v>1</v>
      </c>
      <c r="EH27" s="260">
        <v>0</v>
      </c>
      <c r="EI27" s="261">
        <v>3</v>
      </c>
      <c r="EJ27" s="261">
        <v>0</v>
      </c>
      <c r="EK27" s="261">
        <v>2</v>
      </c>
      <c r="EL27" s="261">
        <v>2</v>
      </c>
      <c r="EM27" s="261">
        <v>1</v>
      </c>
      <c r="EN27" s="258">
        <v>8</v>
      </c>
      <c r="EO27" s="263">
        <v>9</v>
      </c>
      <c r="EP27" s="257">
        <v>7</v>
      </c>
      <c r="EQ27" s="261">
        <v>10</v>
      </c>
      <c r="ER27" s="258">
        <v>17</v>
      </c>
      <c r="ES27" s="260">
        <v>0</v>
      </c>
      <c r="ET27" s="261">
        <v>19</v>
      </c>
      <c r="EU27" s="261">
        <v>11</v>
      </c>
      <c r="EV27" s="261">
        <v>9</v>
      </c>
      <c r="EW27" s="261">
        <v>6</v>
      </c>
      <c r="EX27" s="261">
        <v>1</v>
      </c>
      <c r="EY27" s="258">
        <v>46</v>
      </c>
      <c r="EZ27" s="263">
        <v>63</v>
      </c>
    </row>
    <row r="28" spans="2:156" ht="21" customHeight="1" x14ac:dyDescent="0.2">
      <c r="B28" s="472" t="s">
        <v>26</v>
      </c>
      <c r="C28" s="257">
        <v>0</v>
      </c>
      <c r="D28" s="261">
        <v>0</v>
      </c>
      <c r="E28" s="358">
        <v>0</v>
      </c>
      <c r="F28" s="260">
        <v>0</v>
      </c>
      <c r="G28" s="261">
        <v>7</v>
      </c>
      <c r="H28" s="261">
        <v>6</v>
      </c>
      <c r="I28" s="261">
        <v>7</v>
      </c>
      <c r="J28" s="261">
        <v>2</v>
      </c>
      <c r="K28" s="261">
        <v>2</v>
      </c>
      <c r="L28" s="262">
        <v>24</v>
      </c>
      <c r="M28" s="263">
        <v>24</v>
      </c>
      <c r="N28" s="257">
        <v>0</v>
      </c>
      <c r="O28" s="261">
        <v>0</v>
      </c>
      <c r="P28" s="258">
        <v>0</v>
      </c>
      <c r="Q28" s="260">
        <v>0</v>
      </c>
      <c r="R28" s="261">
        <v>0</v>
      </c>
      <c r="S28" s="261">
        <v>0</v>
      </c>
      <c r="T28" s="261">
        <v>0</v>
      </c>
      <c r="U28" s="261">
        <v>1</v>
      </c>
      <c r="V28" s="261">
        <v>0</v>
      </c>
      <c r="W28" s="258">
        <v>1</v>
      </c>
      <c r="X28" s="263">
        <v>1</v>
      </c>
      <c r="Y28" s="257">
        <v>0</v>
      </c>
      <c r="Z28" s="261">
        <v>1</v>
      </c>
      <c r="AA28" s="258">
        <v>1</v>
      </c>
      <c r="AB28" s="260">
        <v>0</v>
      </c>
      <c r="AC28" s="261">
        <v>4</v>
      </c>
      <c r="AD28" s="261">
        <v>4</v>
      </c>
      <c r="AE28" s="261">
        <v>1</v>
      </c>
      <c r="AF28" s="261">
        <v>1</v>
      </c>
      <c r="AG28" s="261">
        <v>2</v>
      </c>
      <c r="AH28" s="258">
        <v>12</v>
      </c>
      <c r="AI28" s="263">
        <v>13</v>
      </c>
      <c r="AJ28" s="257">
        <v>0</v>
      </c>
      <c r="AK28" s="261">
        <v>0</v>
      </c>
      <c r="AL28" s="258">
        <v>0</v>
      </c>
      <c r="AM28" s="260">
        <v>0</v>
      </c>
      <c r="AN28" s="261">
        <v>0</v>
      </c>
      <c r="AO28" s="261">
        <v>1</v>
      </c>
      <c r="AP28" s="261">
        <v>0</v>
      </c>
      <c r="AQ28" s="261">
        <v>0</v>
      </c>
      <c r="AR28" s="261">
        <v>0</v>
      </c>
      <c r="AS28" s="258">
        <v>1</v>
      </c>
      <c r="AT28" s="263">
        <v>1</v>
      </c>
      <c r="AU28" s="257">
        <v>2</v>
      </c>
      <c r="AV28" s="261">
        <v>0</v>
      </c>
      <c r="AW28" s="258">
        <v>2</v>
      </c>
      <c r="AX28" s="260">
        <v>0</v>
      </c>
      <c r="AY28" s="261">
        <v>3</v>
      </c>
      <c r="AZ28" s="261">
        <v>3</v>
      </c>
      <c r="BA28" s="261">
        <v>6</v>
      </c>
      <c r="BB28" s="261">
        <v>4</v>
      </c>
      <c r="BC28" s="261">
        <v>2</v>
      </c>
      <c r="BD28" s="262">
        <v>18</v>
      </c>
      <c r="BE28" s="263">
        <v>20</v>
      </c>
      <c r="BF28" s="257">
        <v>0</v>
      </c>
      <c r="BG28" s="261">
        <v>0</v>
      </c>
      <c r="BH28" s="258">
        <v>0</v>
      </c>
      <c r="BI28" s="260">
        <v>0</v>
      </c>
      <c r="BJ28" s="261">
        <v>7</v>
      </c>
      <c r="BK28" s="261">
        <v>6</v>
      </c>
      <c r="BL28" s="261">
        <v>2</v>
      </c>
      <c r="BM28" s="261">
        <v>0</v>
      </c>
      <c r="BN28" s="261">
        <v>0</v>
      </c>
      <c r="BO28" s="258">
        <v>15</v>
      </c>
      <c r="BP28" s="263">
        <v>15</v>
      </c>
      <c r="BQ28" s="257">
        <v>0</v>
      </c>
      <c r="BR28" s="261">
        <v>0</v>
      </c>
      <c r="BS28" s="258">
        <v>0</v>
      </c>
      <c r="BT28" s="260">
        <v>0</v>
      </c>
      <c r="BU28" s="261">
        <v>3</v>
      </c>
      <c r="BV28" s="261">
        <v>2</v>
      </c>
      <c r="BW28" s="261">
        <v>0</v>
      </c>
      <c r="BX28" s="261">
        <v>1</v>
      </c>
      <c r="BY28" s="261">
        <v>0</v>
      </c>
      <c r="BZ28" s="258">
        <v>6</v>
      </c>
      <c r="CA28" s="263">
        <v>6</v>
      </c>
      <c r="CB28" s="257">
        <v>0</v>
      </c>
      <c r="CC28" s="261">
        <v>0</v>
      </c>
      <c r="CD28" s="258">
        <v>0</v>
      </c>
      <c r="CE28" s="260">
        <v>0</v>
      </c>
      <c r="CF28" s="261">
        <v>2</v>
      </c>
      <c r="CG28" s="261">
        <v>3</v>
      </c>
      <c r="CH28" s="261">
        <v>0</v>
      </c>
      <c r="CI28" s="261">
        <v>0</v>
      </c>
      <c r="CJ28" s="261">
        <v>1</v>
      </c>
      <c r="CK28" s="258">
        <v>6</v>
      </c>
      <c r="CL28" s="263">
        <v>6</v>
      </c>
      <c r="CM28" s="257">
        <v>0</v>
      </c>
      <c r="CN28" s="261">
        <v>0</v>
      </c>
      <c r="CO28" s="258">
        <v>0</v>
      </c>
      <c r="CP28" s="260">
        <v>0</v>
      </c>
      <c r="CQ28" s="261">
        <v>0</v>
      </c>
      <c r="CR28" s="261">
        <v>0</v>
      </c>
      <c r="CS28" s="261">
        <v>1</v>
      </c>
      <c r="CT28" s="261">
        <v>1</v>
      </c>
      <c r="CU28" s="261">
        <v>0</v>
      </c>
      <c r="CV28" s="258">
        <v>2</v>
      </c>
      <c r="CW28" s="263">
        <v>2</v>
      </c>
      <c r="CX28" s="257">
        <v>0</v>
      </c>
      <c r="CY28" s="261">
        <v>0</v>
      </c>
      <c r="CZ28" s="258">
        <v>0</v>
      </c>
      <c r="DA28" s="260">
        <v>0</v>
      </c>
      <c r="DB28" s="261">
        <v>0</v>
      </c>
      <c r="DC28" s="261">
        <v>0</v>
      </c>
      <c r="DD28" s="261">
        <v>0</v>
      </c>
      <c r="DE28" s="261">
        <v>0</v>
      </c>
      <c r="DF28" s="261">
        <v>0</v>
      </c>
      <c r="DG28" s="258">
        <v>0</v>
      </c>
      <c r="DH28" s="263">
        <v>0</v>
      </c>
      <c r="DI28" s="257">
        <v>0</v>
      </c>
      <c r="DJ28" s="261">
        <v>0</v>
      </c>
      <c r="DK28" s="258">
        <v>0</v>
      </c>
      <c r="DL28" s="260">
        <v>0</v>
      </c>
      <c r="DM28" s="261">
        <v>0</v>
      </c>
      <c r="DN28" s="261">
        <v>0</v>
      </c>
      <c r="DO28" s="261">
        <v>0</v>
      </c>
      <c r="DP28" s="261">
        <v>0</v>
      </c>
      <c r="DQ28" s="261">
        <v>0</v>
      </c>
      <c r="DR28" s="258">
        <v>0</v>
      </c>
      <c r="DS28" s="263">
        <v>0</v>
      </c>
      <c r="DT28" s="257">
        <v>7</v>
      </c>
      <c r="DU28" s="261">
        <v>8</v>
      </c>
      <c r="DV28" s="258">
        <v>15</v>
      </c>
      <c r="DW28" s="260">
        <v>0</v>
      </c>
      <c r="DX28" s="261">
        <v>15</v>
      </c>
      <c r="DY28" s="261">
        <v>11</v>
      </c>
      <c r="DZ28" s="261">
        <v>6</v>
      </c>
      <c r="EA28" s="261">
        <v>3</v>
      </c>
      <c r="EB28" s="261">
        <v>2</v>
      </c>
      <c r="EC28" s="258">
        <v>37</v>
      </c>
      <c r="ED28" s="263">
        <v>52</v>
      </c>
      <c r="EE28" s="257">
        <v>1</v>
      </c>
      <c r="EF28" s="261">
        <v>0</v>
      </c>
      <c r="EG28" s="258">
        <v>1</v>
      </c>
      <c r="EH28" s="260">
        <v>0</v>
      </c>
      <c r="EI28" s="261">
        <v>1</v>
      </c>
      <c r="EJ28" s="261">
        <v>0</v>
      </c>
      <c r="EK28" s="261">
        <v>2</v>
      </c>
      <c r="EL28" s="261">
        <v>0</v>
      </c>
      <c r="EM28" s="261">
        <v>0</v>
      </c>
      <c r="EN28" s="258">
        <v>3</v>
      </c>
      <c r="EO28" s="263">
        <v>4</v>
      </c>
      <c r="EP28" s="257">
        <v>7</v>
      </c>
      <c r="EQ28" s="261">
        <v>9</v>
      </c>
      <c r="ER28" s="258">
        <v>16</v>
      </c>
      <c r="ES28" s="260">
        <v>0</v>
      </c>
      <c r="ET28" s="261">
        <v>23</v>
      </c>
      <c r="EU28" s="261">
        <v>17</v>
      </c>
      <c r="EV28" s="261">
        <v>12</v>
      </c>
      <c r="EW28" s="261">
        <v>3</v>
      </c>
      <c r="EX28" s="261">
        <v>2</v>
      </c>
      <c r="EY28" s="258">
        <v>57</v>
      </c>
      <c r="EZ28" s="263">
        <v>73</v>
      </c>
    </row>
    <row r="29" spans="2:156" ht="21" customHeight="1" x14ac:dyDescent="0.2">
      <c r="B29" s="472" t="s">
        <v>27</v>
      </c>
      <c r="C29" s="257">
        <v>0</v>
      </c>
      <c r="D29" s="261">
        <v>0</v>
      </c>
      <c r="E29" s="358">
        <v>0</v>
      </c>
      <c r="F29" s="260">
        <v>0</v>
      </c>
      <c r="G29" s="261">
        <v>2</v>
      </c>
      <c r="H29" s="261">
        <v>5</v>
      </c>
      <c r="I29" s="261">
        <v>4</v>
      </c>
      <c r="J29" s="261">
        <v>3</v>
      </c>
      <c r="K29" s="261">
        <v>4</v>
      </c>
      <c r="L29" s="262">
        <v>18</v>
      </c>
      <c r="M29" s="263">
        <v>18</v>
      </c>
      <c r="N29" s="257">
        <v>0</v>
      </c>
      <c r="O29" s="261">
        <v>0</v>
      </c>
      <c r="P29" s="258">
        <v>0</v>
      </c>
      <c r="Q29" s="260">
        <v>0</v>
      </c>
      <c r="R29" s="261">
        <v>0</v>
      </c>
      <c r="S29" s="261">
        <v>0</v>
      </c>
      <c r="T29" s="261">
        <v>0</v>
      </c>
      <c r="U29" s="261">
        <v>0</v>
      </c>
      <c r="V29" s="261">
        <v>0</v>
      </c>
      <c r="W29" s="258">
        <v>0</v>
      </c>
      <c r="X29" s="263">
        <v>0</v>
      </c>
      <c r="Y29" s="257">
        <v>0</v>
      </c>
      <c r="Z29" s="261">
        <v>4</v>
      </c>
      <c r="AA29" s="258">
        <v>4</v>
      </c>
      <c r="AB29" s="260">
        <v>0</v>
      </c>
      <c r="AC29" s="261">
        <v>4</v>
      </c>
      <c r="AD29" s="261">
        <v>7</v>
      </c>
      <c r="AE29" s="261">
        <v>4</v>
      </c>
      <c r="AF29" s="261">
        <v>2</v>
      </c>
      <c r="AG29" s="261">
        <v>4</v>
      </c>
      <c r="AH29" s="258">
        <v>21</v>
      </c>
      <c r="AI29" s="263">
        <v>25</v>
      </c>
      <c r="AJ29" s="257">
        <v>0</v>
      </c>
      <c r="AK29" s="261">
        <v>0</v>
      </c>
      <c r="AL29" s="258">
        <v>0</v>
      </c>
      <c r="AM29" s="260">
        <v>0</v>
      </c>
      <c r="AN29" s="261">
        <v>0</v>
      </c>
      <c r="AO29" s="261">
        <v>1</v>
      </c>
      <c r="AP29" s="261">
        <v>0</v>
      </c>
      <c r="AQ29" s="261">
        <v>0</v>
      </c>
      <c r="AR29" s="261">
        <v>0</v>
      </c>
      <c r="AS29" s="258">
        <v>1</v>
      </c>
      <c r="AT29" s="263">
        <v>1</v>
      </c>
      <c r="AU29" s="257">
        <v>1</v>
      </c>
      <c r="AV29" s="261">
        <v>1</v>
      </c>
      <c r="AW29" s="258">
        <v>2</v>
      </c>
      <c r="AX29" s="260">
        <v>0</v>
      </c>
      <c r="AY29" s="261">
        <v>6</v>
      </c>
      <c r="AZ29" s="261">
        <v>6</v>
      </c>
      <c r="BA29" s="261">
        <v>5</v>
      </c>
      <c r="BB29" s="261">
        <v>5</v>
      </c>
      <c r="BC29" s="261">
        <v>4</v>
      </c>
      <c r="BD29" s="262">
        <v>26</v>
      </c>
      <c r="BE29" s="263">
        <v>28</v>
      </c>
      <c r="BF29" s="257">
        <v>0</v>
      </c>
      <c r="BG29" s="261">
        <v>0</v>
      </c>
      <c r="BH29" s="258">
        <v>0</v>
      </c>
      <c r="BI29" s="260">
        <v>0</v>
      </c>
      <c r="BJ29" s="261">
        <v>7</v>
      </c>
      <c r="BK29" s="261">
        <v>6</v>
      </c>
      <c r="BL29" s="261">
        <v>6</v>
      </c>
      <c r="BM29" s="261">
        <v>3</v>
      </c>
      <c r="BN29" s="261">
        <v>0</v>
      </c>
      <c r="BO29" s="258">
        <v>22</v>
      </c>
      <c r="BP29" s="263">
        <v>22</v>
      </c>
      <c r="BQ29" s="257">
        <v>0</v>
      </c>
      <c r="BR29" s="261">
        <v>2</v>
      </c>
      <c r="BS29" s="258">
        <v>2</v>
      </c>
      <c r="BT29" s="260">
        <v>0</v>
      </c>
      <c r="BU29" s="261">
        <v>2</v>
      </c>
      <c r="BV29" s="261">
        <v>3</v>
      </c>
      <c r="BW29" s="261">
        <v>2</v>
      </c>
      <c r="BX29" s="261">
        <v>0</v>
      </c>
      <c r="BY29" s="261">
        <v>0</v>
      </c>
      <c r="BZ29" s="258">
        <v>7</v>
      </c>
      <c r="CA29" s="263">
        <v>9</v>
      </c>
      <c r="CB29" s="257">
        <v>0</v>
      </c>
      <c r="CC29" s="261">
        <v>1</v>
      </c>
      <c r="CD29" s="258">
        <v>1</v>
      </c>
      <c r="CE29" s="260">
        <v>0</v>
      </c>
      <c r="CF29" s="261">
        <v>0</v>
      </c>
      <c r="CG29" s="261">
        <v>1</v>
      </c>
      <c r="CH29" s="261">
        <v>1</v>
      </c>
      <c r="CI29" s="261">
        <v>0</v>
      </c>
      <c r="CJ29" s="261">
        <v>0</v>
      </c>
      <c r="CK29" s="258">
        <v>2</v>
      </c>
      <c r="CL29" s="263">
        <v>3</v>
      </c>
      <c r="CM29" s="257">
        <v>0</v>
      </c>
      <c r="CN29" s="261">
        <v>0</v>
      </c>
      <c r="CO29" s="258">
        <v>0</v>
      </c>
      <c r="CP29" s="260">
        <v>0</v>
      </c>
      <c r="CQ29" s="261">
        <v>0</v>
      </c>
      <c r="CR29" s="261">
        <v>0</v>
      </c>
      <c r="CS29" s="261">
        <v>0</v>
      </c>
      <c r="CT29" s="261">
        <v>0</v>
      </c>
      <c r="CU29" s="261">
        <v>0</v>
      </c>
      <c r="CV29" s="258">
        <v>0</v>
      </c>
      <c r="CW29" s="263">
        <v>0</v>
      </c>
      <c r="CX29" s="257">
        <v>0</v>
      </c>
      <c r="CY29" s="261">
        <v>0</v>
      </c>
      <c r="CZ29" s="258">
        <v>0</v>
      </c>
      <c r="DA29" s="260">
        <v>0</v>
      </c>
      <c r="DB29" s="261">
        <v>0</v>
      </c>
      <c r="DC29" s="261">
        <v>0</v>
      </c>
      <c r="DD29" s="261">
        <v>0</v>
      </c>
      <c r="DE29" s="261">
        <v>0</v>
      </c>
      <c r="DF29" s="261">
        <v>0</v>
      </c>
      <c r="DG29" s="258">
        <v>0</v>
      </c>
      <c r="DH29" s="263">
        <v>0</v>
      </c>
      <c r="DI29" s="257">
        <v>0</v>
      </c>
      <c r="DJ29" s="261">
        <v>0</v>
      </c>
      <c r="DK29" s="258">
        <v>0</v>
      </c>
      <c r="DL29" s="260">
        <v>0</v>
      </c>
      <c r="DM29" s="261">
        <v>0</v>
      </c>
      <c r="DN29" s="261">
        <v>0</v>
      </c>
      <c r="DO29" s="261">
        <v>0</v>
      </c>
      <c r="DP29" s="261">
        <v>0</v>
      </c>
      <c r="DQ29" s="261">
        <v>0</v>
      </c>
      <c r="DR29" s="258">
        <v>0</v>
      </c>
      <c r="DS29" s="263">
        <v>0</v>
      </c>
      <c r="DT29" s="257">
        <v>6</v>
      </c>
      <c r="DU29" s="261">
        <v>14</v>
      </c>
      <c r="DV29" s="258">
        <v>20</v>
      </c>
      <c r="DW29" s="260">
        <v>0</v>
      </c>
      <c r="DX29" s="261">
        <v>4</v>
      </c>
      <c r="DY29" s="261">
        <v>15</v>
      </c>
      <c r="DZ29" s="261">
        <v>10</v>
      </c>
      <c r="EA29" s="261">
        <v>4</v>
      </c>
      <c r="EB29" s="261">
        <v>4</v>
      </c>
      <c r="EC29" s="258">
        <v>37</v>
      </c>
      <c r="ED29" s="263">
        <v>57</v>
      </c>
      <c r="EE29" s="257">
        <v>1</v>
      </c>
      <c r="EF29" s="261">
        <v>0</v>
      </c>
      <c r="EG29" s="258">
        <v>1</v>
      </c>
      <c r="EH29" s="260">
        <v>0</v>
      </c>
      <c r="EI29" s="261">
        <v>2</v>
      </c>
      <c r="EJ29" s="261">
        <v>0</v>
      </c>
      <c r="EK29" s="261">
        <v>0</v>
      </c>
      <c r="EL29" s="261">
        <v>4</v>
      </c>
      <c r="EM29" s="261">
        <v>0</v>
      </c>
      <c r="EN29" s="258">
        <v>6</v>
      </c>
      <c r="EO29" s="263">
        <v>7</v>
      </c>
      <c r="EP29" s="257">
        <v>7</v>
      </c>
      <c r="EQ29" s="261">
        <v>17</v>
      </c>
      <c r="ER29" s="258">
        <v>24</v>
      </c>
      <c r="ES29" s="260">
        <v>0</v>
      </c>
      <c r="ET29" s="261">
        <v>12</v>
      </c>
      <c r="EU29" s="261">
        <v>15</v>
      </c>
      <c r="EV29" s="261">
        <v>10</v>
      </c>
      <c r="EW29" s="261">
        <v>6</v>
      </c>
      <c r="EX29" s="261">
        <v>4</v>
      </c>
      <c r="EY29" s="258">
        <v>47</v>
      </c>
      <c r="EZ29" s="263">
        <v>71</v>
      </c>
    </row>
    <row r="30" spans="2:156" ht="21" customHeight="1" x14ac:dyDescent="0.2">
      <c r="B30" s="472" t="s">
        <v>28</v>
      </c>
      <c r="C30" s="257">
        <v>0</v>
      </c>
      <c r="D30" s="261">
        <v>0</v>
      </c>
      <c r="E30" s="358">
        <v>0</v>
      </c>
      <c r="F30" s="260">
        <v>0</v>
      </c>
      <c r="G30" s="261">
        <v>0</v>
      </c>
      <c r="H30" s="261">
        <v>0</v>
      </c>
      <c r="I30" s="261">
        <v>1</v>
      </c>
      <c r="J30" s="261">
        <v>0</v>
      </c>
      <c r="K30" s="261">
        <v>0</v>
      </c>
      <c r="L30" s="262">
        <v>1</v>
      </c>
      <c r="M30" s="263">
        <v>1</v>
      </c>
      <c r="N30" s="257">
        <v>0</v>
      </c>
      <c r="O30" s="261">
        <v>0</v>
      </c>
      <c r="P30" s="258">
        <v>0</v>
      </c>
      <c r="Q30" s="260">
        <v>0</v>
      </c>
      <c r="R30" s="261">
        <v>0</v>
      </c>
      <c r="S30" s="261">
        <v>0</v>
      </c>
      <c r="T30" s="261">
        <v>0</v>
      </c>
      <c r="U30" s="261">
        <v>0</v>
      </c>
      <c r="V30" s="261">
        <v>0</v>
      </c>
      <c r="W30" s="258">
        <v>0</v>
      </c>
      <c r="X30" s="263">
        <v>0</v>
      </c>
      <c r="Y30" s="257">
        <v>0</v>
      </c>
      <c r="Z30" s="261">
        <v>0</v>
      </c>
      <c r="AA30" s="258">
        <v>0</v>
      </c>
      <c r="AB30" s="260">
        <v>0</v>
      </c>
      <c r="AC30" s="261">
        <v>0</v>
      </c>
      <c r="AD30" s="261">
        <v>1</v>
      </c>
      <c r="AE30" s="261">
        <v>1</v>
      </c>
      <c r="AF30" s="261">
        <v>1</v>
      </c>
      <c r="AG30" s="261">
        <v>0</v>
      </c>
      <c r="AH30" s="258">
        <v>3</v>
      </c>
      <c r="AI30" s="263">
        <v>3</v>
      </c>
      <c r="AJ30" s="257">
        <v>0</v>
      </c>
      <c r="AK30" s="261">
        <v>0</v>
      </c>
      <c r="AL30" s="258">
        <v>0</v>
      </c>
      <c r="AM30" s="260">
        <v>0</v>
      </c>
      <c r="AN30" s="261">
        <v>0</v>
      </c>
      <c r="AO30" s="261">
        <v>0</v>
      </c>
      <c r="AP30" s="261">
        <v>0</v>
      </c>
      <c r="AQ30" s="261">
        <v>0</v>
      </c>
      <c r="AR30" s="261">
        <v>0</v>
      </c>
      <c r="AS30" s="258">
        <v>0</v>
      </c>
      <c r="AT30" s="263">
        <v>0</v>
      </c>
      <c r="AU30" s="257">
        <v>0</v>
      </c>
      <c r="AV30" s="261">
        <v>0</v>
      </c>
      <c r="AW30" s="258">
        <v>0</v>
      </c>
      <c r="AX30" s="260">
        <v>0</v>
      </c>
      <c r="AY30" s="261">
        <v>3</v>
      </c>
      <c r="AZ30" s="261">
        <v>1</v>
      </c>
      <c r="BA30" s="261">
        <v>2</v>
      </c>
      <c r="BB30" s="261">
        <v>0</v>
      </c>
      <c r="BC30" s="261">
        <v>1</v>
      </c>
      <c r="BD30" s="262">
        <v>7</v>
      </c>
      <c r="BE30" s="263">
        <v>7</v>
      </c>
      <c r="BF30" s="257">
        <v>0</v>
      </c>
      <c r="BG30" s="261">
        <v>0</v>
      </c>
      <c r="BH30" s="258">
        <v>0</v>
      </c>
      <c r="BI30" s="260">
        <v>0</v>
      </c>
      <c r="BJ30" s="261">
        <v>1</v>
      </c>
      <c r="BK30" s="261">
        <v>3</v>
      </c>
      <c r="BL30" s="261">
        <v>0</v>
      </c>
      <c r="BM30" s="261">
        <v>0</v>
      </c>
      <c r="BN30" s="261">
        <v>0</v>
      </c>
      <c r="BO30" s="258">
        <v>4</v>
      </c>
      <c r="BP30" s="263">
        <v>4</v>
      </c>
      <c r="BQ30" s="257">
        <v>0</v>
      </c>
      <c r="BR30" s="261">
        <v>0</v>
      </c>
      <c r="BS30" s="258">
        <v>0</v>
      </c>
      <c r="BT30" s="260">
        <v>0</v>
      </c>
      <c r="BU30" s="261">
        <v>0</v>
      </c>
      <c r="BV30" s="261">
        <v>0</v>
      </c>
      <c r="BW30" s="261">
        <v>1</v>
      </c>
      <c r="BX30" s="261">
        <v>0</v>
      </c>
      <c r="BY30" s="261">
        <v>0</v>
      </c>
      <c r="BZ30" s="258">
        <v>1</v>
      </c>
      <c r="CA30" s="263">
        <v>1</v>
      </c>
      <c r="CB30" s="257">
        <v>0</v>
      </c>
      <c r="CC30" s="261">
        <v>0</v>
      </c>
      <c r="CD30" s="258">
        <v>0</v>
      </c>
      <c r="CE30" s="260">
        <v>0</v>
      </c>
      <c r="CF30" s="261">
        <v>0</v>
      </c>
      <c r="CG30" s="261">
        <v>1</v>
      </c>
      <c r="CH30" s="261">
        <v>0</v>
      </c>
      <c r="CI30" s="261">
        <v>0</v>
      </c>
      <c r="CJ30" s="261">
        <v>0</v>
      </c>
      <c r="CK30" s="258">
        <v>1</v>
      </c>
      <c r="CL30" s="263">
        <v>1</v>
      </c>
      <c r="CM30" s="257">
        <v>0</v>
      </c>
      <c r="CN30" s="261">
        <v>0</v>
      </c>
      <c r="CO30" s="258">
        <v>0</v>
      </c>
      <c r="CP30" s="260">
        <v>0</v>
      </c>
      <c r="CQ30" s="261">
        <v>0</v>
      </c>
      <c r="CR30" s="261">
        <v>0</v>
      </c>
      <c r="CS30" s="261">
        <v>1</v>
      </c>
      <c r="CT30" s="261">
        <v>0</v>
      </c>
      <c r="CU30" s="261">
        <v>0</v>
      </c>
      <c r="CV30" s="258">
        <v>1</v>
      </c>
      <c r="CW30" s="263">
        <v>1</v>
      </c>
      <c r="CX30" s="257">
        <v>0</v>
      </c>
      <c r="CY30" s="261">
        <v>0</v>
      </c>
      <c r="CZ30" s="258">
        <v>0</v>
      </c>
      <c r="DA30" s="260">
        <v>0</v>
      </c>
      <c r="DB30" s="261">
        <v>0</v>
      </c>
      <c r="DC30" s="261">
        <v>0</v>
      </c>
      <c r="DD30" s="261">
        <v>0</v>
      </c>
      <c r="DE30" s="261">
        <v>0</v>
      </c>
      <c r="DF30" s="261">
        <v>0</v>
      </c>
      <c r="DG30" s="258">
        <v>0</v>
      </c>
      <c r="DH30" s="263">
        <v>0</v>
      </c>
      <c r="DI30" s="257">
        <v>0</v>
      </c>
      <c r="DJ30" s="261">
        <v>0</v>
      </c>
      <c r="DK30" s="258">
        <v>0</v>
      </c>
      <c r="DL30" s="260">
        <v>0</v>
      </c>
      <c r="DM30" s="261">
        <v>0</v>
      </c>
      <c r="DN30" s="261">
        <v>0</v>
      </c>
      <c r="DO30" s="261">
        <v>0</v>
      </c>
      <c r="DP30" s="261">
        <v>0</v>
      </c>
      <c r="DQ30" s="261">
        <v>0</v>
      </c>
      <c r="DR30" s="258">
        <v>0</v>
      </c>
      <c r="DS30" s="263">
        <v>0</v>
      </c>
      <c r="DT30" s="257">
        <v>0</v>
      </c>
      <c r="DU30" s="261">
        <v>0</v>
      </c>
      <c r="DV30" s="258">
        <v>0</v>
      </c>
      <c r="DW30" s="260">
        <v>0</v>
      </c>
      <c r="DX30" s="261">
        <v>2</v>
      </c>
      <c r="DY30" s="261">
        <v>5</v>
      </c>
      <c r="DZ30" s="261">
        <v>1</v>
      </c>
      <c r="EA30" s="261">
        <v>0</v>
      </c>
      <c r="EB30" s="261">
        <v>0</v>
      </c>
      <c r="EC30" s="258">
        <v>8</v>
      </c>
      <c r="ED30" s="263">
        <v>8</v>
      </c>
      <c r="EE30" s="257">
        <v>0</v>
      </c>
      <c r="EF30" s="261">
        <v>0</v>
      </c>
      <c r="EG30" s="258">
        <v>0</v>
      </c>
      <c r="EH30" s="260">
        <v>0</v>
      </c>
      <c r="EI30" s="261">
        <v>3</v>
      </c>
      <c r="EJ30" s="261">
        <v>0</v>
      </c>
      <c r="EK30" s="261">
        <v>1</v>
      </c>
      <c r="EL30" s="261">
        <v>0</v>
      </c>
      <c r="EM30" s="261">
        <v>0</v>
      </c>
      <c r="EN30" s="258">
        <v>4</v>
      </c>
      <c r="EO30" s="263">
        <v>4</v>
      </c>
      <c r="EP30" s="257">
        <v>0</v>
      </c>
      <c r="EQ30" s="261">
        <v>0</v>
      </c>
      <c r="ER30" s="258">
        <v>0</v>
      </c>
      <c r="ES30" s="260">
        <v>0</v>
      </c>
      <c r="ET30" s="261">
        <v>6</v>
      </c>
      <c r="EU30" s="261">
        <v>7</v>
      </c>
      <c r="EV30" s="261">
        <v>2</v>
      </c>
      <c r="EW30" s="261">
        <v>0</v>
      </c>
      <c r="EX30" s="261">
        <v>0</v>
      </c>
      <c r="EY30" s="258">
        <v>15</v>
      </c>
      <c r="EZ30" s="263">
        <v>15</v>
      </c>
    </row>
    <row r="31" spans="2:156" ht="21" customHeight="1" x14ac:dyDescent="0.2">
      <c r="B31" s="472" t="s">
        <v>29</v>
      </c>
      <c r="C31" s="257">
        <v>0</v>
      </c>
      <c r="D31" s="261">
        <v>0</v>
      </c>
      <c r="E31" s="358">
        <v>0</v>
      </c>
      <c r="F31" s="260">
        <v>0</v>
      </c>
      <c r="G31" s="261">
        <v>1</v>
      </c>
      <c r="H31" s="261">
        <v>2</v>
      </c>
      <c r="I31" s="261">
        <v>0</v>
      </c>
      <c r="J31" s="261">
        <v>1</v>
      </c>
      <c r="K31" s="261">
        <v>0</v>
      </c>
      <c r="L31" s="262">
        <v>4</v>
      </c>
      <c r="M31" s="263">
        <v>4</v>
      </c>
      <c r="N31" s="257">
        <v>0</v>
      </c>
      <c r="O31" s="261">
        <v>0</v>
      </c>
      <c r="P31" s="258">
        <v>0</v>
      </c>
      <c r="Q31" s="260">
        <v>0</v>
      </c>
      <c r="R31" s="261">
        <v>0</v>
      </c>
      <c r="S31" s="261">
        <v>0</v>
      </c>
      <c r="T31" s="261">
        <v>1</v>
      </c>
      <c r="U31" s="261">
        <v>0</v>
      </c>
      <c r="V31" s="261">
        <v>0</v>
      </c>
      <c r="W31" s="258">
        <v>1</v>
      </c>
      <c r="X31" s="263">
        <v>1</v>
      </c>
      <c r="Y31" s="257">
        <v>0</v>
      </c>
      <c r="Z31" s="261">
        <v>1</v>
      </c>
      <c r="AA31" s="258">
        <v>1</v>
      </c>
      <c r="AB31" s="260">
        <v>0</v>
      </c>
      <c r="AC31" s="261">
        <v>1</v>
      </c>
      <c r="AD31" s="261">
        <v>1</v>
      </c>
      <c r="AE31" s="261">
        <v>1</v>
      </c>
      <c r="AF31" s="261">
        <v>1</v>
      </c>
      <c r="AG31" s="261">
        <v>0</v>
      </c>
      <c r="AH31" s="258">
        <v>4</v>
      </c>
      <c r="AI31" s="263">
        <v>5</v>
      </c>
      <c r="AJ31" s="257">
        <v>0</v>
      </c>
      <c r="AK31" s="261">
        <v>0</v>
      </c>
      <c r="AL31" s="258">
        <v>0</v>
      </c>
      <c r="AM31" s="260">
        <v>0</v>
      </c>
      <c r="AN31" s="261">
        <v>0</v>
      </c>
      <c r="AO31" s="261">
        <v>1</v>
      </c>
      <c r="AP31" s="261">
        <v>0</v>
      </c>
      <c r="AQ31" s="261">
        <v>0</v>
      </c>
      <c r="AR31" s="261">
        <v>0</v>
      </c>
      <c r="AS31" s="258">
        <v>1</v>
      </c>
      <c r="AT31" s="263">
        <v>1</v>
      </c>
      <c r="AU31" s="257">
        <v>0</v>
      </c>
      <c r="AV31" s="261">
        <v>0</v>
      </c>
      <c r="AW31" s="258">
        <v>0</v>
      </c>
      <c r="AX31" s="260">
        <v>0</v>
      </c>
      <c r="AY31" s="261">
        <v>0</v>
      </c>
      <c r="AZ31" s="261">
        <v>2</v>
      </c>
      <c r="BA31" s="261">
        <v>1</v>
      </c>
      <c r="BB31" s="261">
        <v>0</v>
      </c>
      <c r="BC31" s="261">
        <v>2</v>
      </c>
      <c r="BD31" s="262">
        <v>5</v>
      </c>
      <c r="BE31" s="263">
        <v>5</v>
      </c>
      <c r="BF31" s="257">
        <v>0</v>
      </c>
      <c r="BG31" s="261">
        <v>0</v>
      </c>
      <c r="BH31" s="258">
        <v>0</v>
      </c>
      <c r="BI31" s="260">
        <v>0</v>
      </c>
      <c r="BJ31" s="261">
        <v>0</v>
      </c>
      <c r="BK31" s="261">
        <v>3</v>
      </c>
      <c r="BL31" s="261">
        <v>1</v>
      </c>
      <c r="BM31" s="261">
        <v>0</v>
      </c>
      <c r="BN31" s="261">
        <v>0</v>
      </c>
      <c r="BO31" s="258">
        <v>4</v>
      </c>
      <c r="BP31" s="263">
        <v>4</v>
      </c>
      <c r="BQ31" s="257">
        <v>1</v>
      </c>
      <c r="BR31" s="261">
        <v>0</v>
      </c>
      <c r="BS31" s="258">
        <v>1</v>
      </c>
      <c r="BT31" s="260">
        <v>0</v>
      </c>
      <c r="BU31" s="261">
        <v>0</v>
      </c>
      <c r="BV31" s="261">
        <v>0</v>
      </c>
      <c r="BW31" s="261">
        <v>0</v>
      </c>
      <c r="BX31" s="261">
        <v>0</v>
      </c>
      <c r="BY31" s="261">
        <v>0</v>
      </c>
      <c r="BZ31" s="258">
        <v>0</v>
      </c>
      <c r="CA31" s="263">
        <v>1</v>
      </c>
      <c r="CB31" s="257">
        <v>0</v>
      </c>
      <c r="CC31" s="261">
        <v>0</v>
      </c>
      <c r="CD31" s="258">
        <v>0</v>
      </c>
      <c r="CE31" s="260">
        <v>0</v>
      </c>
      <c r="CF31" s="261">
        <v>0</v>
      </c>
      <c r="CG31" s="261">
        <v>0</v>
      </c>
      <c r="CH31" s="261">
        <v>2</v>
      </c>
      <c r="CI31" s="261">
        <v>0</v>
      </c>
      <c r="CJ31" s="261">
        <v>1</v>
      </c>
      <c r="CK31" s="258">
        <v>3</v>
      </c>
      <c r="CL31" s="263">
        <v>3</v>
      </c>
      <c r="CM31" s="257">
        <v>0</v>
      </c>
      <c r="CN31" s="261">
        <v>0</v>
      </c>
      <c r="CO31" s="258">
        <v>0</v>
      </c>
      <c r="CP31" s="260">
        <v>0</v>
      </c>
      <c r="CQ31" s="261">
        <v>0</v>
      </c>
      <c r="CR31" s="261">
        <v>0</v>
      </c>
      <c r="CS31" s="261">
        <v>0</v>
      </c>
      <c r="CT31" s="261">
        <v>0</v>
      </c>
      <c r="CU31" s="261">
        <v>0</v>
      </c>
      <c r="CV31" s="258">
        <v>0</v>
      </c>
      <c r="CW31" s="263">
        <v>0</v>
      </c>
      <c r="CX31" s="257">
        <v>0</v>
      </c>
      <c r="CY31" s="261">
        <v>0</v>
      </c>
      <c r="CZ31" s="258">
        <v>0</v>
      </c>
      <c r="DA31" s="260">
        <v>0</v>
      </c>
      <c r="DB31" s="261">
        <v>0</v>
      </c>
      <c r="DC31" s="261">
        <v>0</v>
      </c>
      <c r="DD31" s="261">
        <v>0</v>
      </c>
      <c r="DE31" s="261">
        <v>0</v>
      </c>
      <c r="DF31" s="261">
        <v>0</v>
      </c>
      <c r="DG31" s="258">
        <v>0</v>
      </c>
      <c r="DH31" s="263">
        <v>0</v>
      </c>
      <c r="DI31" s="257">
        <v>0</v>
      </c>
      <c r="DJ31" s="261">
        <v>0</v>
      </c>
      <c r="DK31" s="258">
        <v>0</v>
      </c>
      <c r="DL31" s="260">
        <v>0</v>
      </c>
      <c r="DM31" s="261">
        <v>0</v>
      </c>
      <c r="DN31" s="261">
        <v>0</v>
      </c>
      <c r="DO31" s="261">
        <v>0</v>
      </c>
      <c r="DP31" s="261">
        <v>0</v>
      </c>
      <c r="DQ31" s="261">
        <v>0</v>
      </c>
      <c r="DR31" s="258">
        <v>0</v>
      </c>
      <c r="DS31" s="263">
        <v>0</v>
      </c>
      <c r="DT31" s="257">
        <v>3</v>
      </c>
      <c r="DU31" s="261">
        <v>0</v>
      </c>
      <c r="DV31" s="258">
        <v>3</v>
      </c>
      <c r="DW31" s="260">
        <v>0</v>
      </c>
      <c r="DX31" s="261">
        <v>0</v>
      </c>
      <c r="DY31" s="261">
        <v>3</v>
      </c>
      <c r="DZ31" s="261">
        <v>5</v>
      </c>
      <c r="EA31" s="261">
        <v>1</v>
      </c>
      <c r="EB31" s="261">
        <v>1</v>
      </c>
      <c r="EC31" s="258">
        <v>10</v>
      </c>
      <c r="ED31" s="263">
        <v>13</v>
      </c>
      <c r="EE31" s="257">
        <v>0</v>
      </c>
      <c r="EF31" s="261">
        <v>0</v>
      </c>
      <c r="EG31" s="258">
        <v>0</v>
      </c>
      <c r="EH31" s="260">
        <v>0</v>
      </c>
      <c r="EI31" s="261">
        <v>0</v>
      </c>
      <c r="EJ31" s="261">
        <v>2</v>
      </c>
      <c r="EK31" s="261">
        <v>0</v>
      </c>
      <c r="EL31" s="261">
        <v>0</v>
      </c>
      <c r="EM31" s="261">
        <v>1</v>
      </c>
      <c r="EN31" s="258">
        <v>3</v>
      </c>
      <c r="EO31" s="263">
        <v>3</v>
      </c>
      <c r="EP31" s="257">
        <v>4</v>
      </c>
      <c r="EQ31" s="261">
        <v>1</v>
      </c>
      <c r="ER31" s="258">
        <v>5</v>
      </c>
      <c r="ES31" s="260">
        <v>0</v>
      </c>
      <c r="ET31" s="261">
        <v>1</v>
      </c>
      <c r="EU31" s="261">
        <v>4</v>
      </c>
      <c r="EV31" s="261">
        <v>5</v>
      </c>
      <c r="EW31" s="261">
        <v>1</v>
      </c>
      <c r="EX31" s="261">
        <v>1</v>
      </c>
      <c r="EY31" s="258">
        <v>12</v>
      </c>
      <c r="EZ31" s="263">
        <v>17</v>
      </c>
    </row>
    <row r="32" spans="2:156" ht="21" customHeight="1" x14ac:dyDescent="0.2">
      <c r="B32" s="472" t="s">
        <v>30</v>
      </c>
      <c r="C32" s="257">
        <v>0</v>
      </c>
      <c r="D32" s="261">
        <v>0</v>
      </c>
      <c r="E32" s="358">
        <v>0</v>
      </c>
      <c r="F32" s="260">
        <v>0</v>
      </c>
      <c r="G32" s="261">
        <v>1</v>
      </c>
      <c r="H32" s="261">
        <v>1</v>
      </c>
      <c r="I32" s="261">
        <v>1</v>
      </c>
      <c r="J32" s="261">
        <v>1</v>
      </c>
      <c r="K32" s="261">
        <v>0</v>
      </c>
      <c r="L32" s="262">
        <v>4</v>
      </c>
      <c r="M32" s="263">
        <v>4</v>
      </c>
      <c r="N32" s="257">
        <v>0</v>
      </c>
      <c r="O32" s="261">
        <v>0</v>
      </c>
      <c r="P32" s="258">
        <v>0</v>
      </c>
      <c r="Q32" s="260">
        <v>0</v>
      </c>
      <c r="R32" s="261">
        <v>0</v>
      </c>
      <c r="S32" s="261">
        <v>0</v>
      </c>
      <c r="T32" s="261">
        <v>0</v>
      </c>
      <c r="U32" s="261">
        <v>0</v>
      </c>
      <c r="V32" s="261">
        <v>0</v>
      </c>
      <c r="W32" s="258">
        <v>0</v>
      </c>
      <c r="X32" s="263">
        <v>0</v>
      </c>
      <c r="Y32" s="257">
        <v>1</v>
      </c>
      <c r="Z32" s="261">
        <v>1</v>
      </c>
      <c r="AA32" s="258">
        <v>2</v>
      </c>
      <c r="AB32" s="260">
        <v>0</v>
      </c>
      <c r="AC32" s="261">
        <v>2</v>
      </c>
      <c r="AD32" s="261">
        <v>0</v>
      </c>
      <c r="AE32" s="261">
        <v>0</v>
      </c>
      <c r="AF32" s="261">
        <v>1</v>
      </c>
      <c r="AG32" s="261">
        <v>0</v>
      </c>
      <c r="AH32" s="258">
        <v>3</v>
      </c>
      <c r="AI32" s="263">
        <v>5</v>
      </c>
      <c r="AJ32" s="257">
        <v>0</v>
      </c>
      <c r="AK32" s="261">
        <v>0</v>
      </c>
      <c r="AL32" s="258">
        <v>0</v>
      </c>
      <c r="AM32" s="260">
        <v>0</v>
      </c>
      <c r="AN32" s="261">
        <v>0</v>
      </c>
      <c r="AO32" s="261">
        <v>0</v>
      </c>
      <c r="AP32" s="261">
        <v>0</v>
      </c>
      <c r="AQ32" s="261">
        <v>0</v>
      </c>
      <c r="AR32" s="261">
        <v>0</v>
      </c>
      <c r="AS32" s="258">
        <v>0</v>
      </c>
      <c r="AT32" s="263">
        <v>0</v>
      </c>
      <c r="AU32" s="257">
        <v>0</v>
      </c>
      <c r="AV32" s="261">
        <v>0</v>
      </c>
      <c r="AW32" s="258">
        <v>0</v>
      </c>
      <c r="AX32" s="260">
        <v>0</v>
      </c>
      <c r="AY32" s="261">
        <v>2</v>
      </c>
      <c r="AZ32" s="261">
        <v>0</v>
      </c>
      <c r="BA32" s="261">
        <v>1</v>
      </c>
      <c r="BB32" s="261">
        <v>2</v>
      </c>
      <c r="BC32" s="261">
        <v>0</v>
      </c>
      <c r="BD32" s="262">
        <v>5</v>
      </c>
      <c r="BE32" s="263">
        <v>5</v>
      </c>
      <c r="BF32" s="257">
        <v>0</v>
      </c>
      <c r="BG32" s="261">
        <v>0</v>
      </c>
      <c r="BH32" s="258">
        <v>0</v>
      </c>
      <c r="BI32" s="260">
        <v>0</v>
      </c>
      <c r="BJ32" s="261">
        <v>1</v>
      </c>
      <c r="BK32" s="261">
        <v>0</v>
      </c>
      <c r="BL32" s="261">
        <v>0</v>
      </c>
      <c r="BM32" s="261">
        <v>1</v>
      </c>
      <c r="BN32" s="261">
        <v>0</v>
      </c>
      <c r="BO32" s="258">
        <v>2</v>
      </c>
      <c r="BP32" s="263">
        <v>2</v>
      </c>
      <c r="BQ32" s="257">
        <v>1</v>
      </c>
      <c r="BR32" s="261">
        <v>0</v>
      </c>
      <c r="BS32" s="258">
        <v>1</v>
      </c>
      <c r="BT32" s="260">
        <v>0</v>
      </c>
      <c r="BU32" s="261">
        <v>0</v>
      </c>
      <c r="BV32" s="261">
        <v>0</v>
      </c>
      <c r="BW32" s="261">
        <v>0</v>
      </c>
      <c r="BX32" s="261">
        <v>0</v>
      </c>
      <c r="BY32" s="261">
        <v>0</v>
      </c>
      <c r="BZ32" s="258">
        <v>0</v>
      </c>
      <c r="CA32" s="263">
        <v>1</v>
      </c>
      <c r="CB32" s="257">
        <v>0</v>
      </c>
      <c r="CC32" s="261">
        <v>0</v>
      </c>
      <c r="CD32" s="258">
        <v>0</v>
      </c>
      <c r="CE32" s="260">
        <v>0</v>
      </c>
      <c r="CF32" s="261">
        <v>0</v>
      </c>
      <c r="CG32" s="261">
        <v>0</v>
      </c>
      <c r="CH32" s="261">
        <v>1</v>
      </c>
      <c r="CI32" s="261">
        <v>1</v>
      </c>
      <c r="CJ32" s="261">
        <v>0</v>
      </c>
      <c r="CK32" s="258">
        <v>2</v>
      </c>
      <c r="CL32" s="263">
        <v>2</v>
      </c>
      <c r="CM32" s="257">
        <v>0</v>
      </c>
      <c r="CN32" s="261">
        <v>0</v>
      </c>
      <c r="CO32" s="258">
        <v>0</v>
      </c>
      <c r="CP32" s="260">
        <v>0</v>
      </c>
      <c r="CQ32" s="261">
        <v>0</v>
      </c>
      <c r="CR32" s="261">
        <v>0</v>
      </c>
      <c r="CS32" s="261">
        <v>0</v>
      </c>
      <c r="CT32" s="261">
        <v>0</v>
      </c>
      <c r="CU32" s="261">
        <v>0</v>
      </c>
      <c r="CV32" s="258">
        <v>0</v>
      </c>
      <c r="CW32" s="263">
        <v>0</v>
      </c>
      <c r="CX32" s="257">
        <v>0</v>
      </c>
      <c r="CY32" s="261">
        <v>0</v>
      </c>
      <c r="CZ32" s="258">
        <v>0</v>
      </c>
      <c r="DA32" s="260">
        <v>0</v>
      </c>
      <c r="DB32" s="261">
        <v>0</v>
      </c>
      <c r="DC32" s="261">
        <v>0</v>
      </c>
      <c r="DD32" s="261">
        <v>0</v>
      </c>
      <c r="DE32" s="261">
        <v>0</v>
      </c>
      <c r="DF32" s="261">
        <v>0</v>
      </c>
      <c r="DG32" s="258">
        <v>0</v>
      </c>
      <c r="DH32" s="263">
        <v>0</v>
      </c>
      <c r="DI32" s="257">
        <v>0</v>
      </c>
      <c r="DJ32" s="261">
        <v>0</v>
      </c>
      <c r="DK32" s="258">
        <v>0</v>
      </c>
      <c r="DL32" s="260">
        <v>0</v>
      </c>
      <c r="DM32" s="261">
        <v>0</v>
      </c>
      <c r="DN32" s="261">
        <v>0</v>
      </c>
      <c r="DO32" s="261">
        <v>0</v>
      </c>
      <c r="DP32" s="261">
        <v>0</v>
      </c>
      <c r="DQ32" s="261">
        <v>0</v>
      </c>
      <c r="DR32" s="258">
        <v>0</v>
      </c>
      <c r="DS32" s="263">
        <v>0</v>
      </c>
      <c r="DT32" s="257">
        <v>2</v>
      </c>
      <c r="DU32" s="261">
        <v>0</v>
      </c>
      <c r="DV32" s="258">
        <v>2</v>
      </c>
      <c r="DW32" s="260">
        <v>0</v>
      </c>
      <c r="DX32" s="261">
        <v>2</v>
      </c>
      <c r="DY32" s="261">
        <v>0</v>
      </c>
      <c r="DZ32" s="261">
        <v>2</v>
      </c>
      <c r="EA32" s="261">
        <v>1</v>
      </c>
      <c r="EB32" s="261">
        <v>0</v>
      </c>
      <c r="EC32" s="258">
        <v>5</v>
      </c>
      <c r="ED32" s="263">
        <v>7</v>
      </c>
      <c r="EE32" s="257">
        <v>0</v>
      </c>
      <c r="EF32" s="261">
        <v>0</v>
      </c>
      <c r="EG32" s="258">
        <v>0</v>
      </c>
      <c r="EH32" s="260">
        <v>0</v>
      </c>
      <c r="EI32" s="261">
        <v>1</v>
      </c>
      <c r="EJ32" s="261">
        <v>1</v>
      </c>
      <c r="EK32" s="261">
        <v>0</v>
      </c>
      <c r="EL32" s="261">
        <v>0</v>
      </c>
      <c r="EM32" s="261">
        <v>0</v>
      </c>
      <c r="EN32" s="258">
        <v>2</v>
      </c>
      <c r="EO32" s="263">
        <v>2</v>
      </c>
      <c r="EP32" s="257">
        <v>3</v>
      </c>
      <c r="EQ32" s="261">
        <v>1</v>
      </c>
      <c r="ER32" s="258">
        <v>4</v>
      </c>
      <c r="ES32" s="260">
        <v>0</v>
      </c>
      <c r="ET32" s="261">
        <v>4</v>
      </c>
      <c r="EU32" s="261">
        <v>1</v>
      </c>
      <c r="EV32" s="261">
        <v>2</v>
      </c>
      <c r="EW32" s="261">
        <v>1</v>
      </c>
      <c r="EX32" s="261">
        <v>0</v>
      </c>
      <c r="EY32" s="258">
        <v>8</v>
      </c>
      <c r="EZ32" s="263">
        <v>12</v>
      </c>
    </row>
    <row r="33" spans="2:156" ht="21" customHeight="1" x14ac:dyDescent="0.2">
      <c r="B33" s="472" t="s">
        <v>31</v>
      </c>
      <c r="C33" s="257">
        <v>0</v>
      </c>
      <c r="D33" s="261">
        <v>0</v>
      </c>
      <c r="E33" s="358">
        <v>0</v>
      </c>
      <c r="F33" s="260">
        <v>0</v>
      </c>
      <c r="G33" s="261">
        <v>0</v>
      </c>
      <c r="H33" s="261">
        <v>0</v>
      </c>
      <c r="I33" s="261">
        <v>1</v>
      </c>
      <c r="J33" s="261">
        <v>0</v>
      </c>
      <c r="K33" s="261">
        <v>0</v>
      </c>
      <c r="L33" s="262">
        <v>1</v>
      </c>
      <c r="M33" s="263">
        <v>1</v>
      </c>
      <c r="N33" s="257">
        <v>0</v>
      </c>
      <c r="O33" s="261">
        <v>0</v>
      </c>
      <c r="P33" s="258">
        <v>0</v>
      </c>
      <c r="Q33" s="260">
        <v>0</v>
      </c>
      <c r="R33" s="261">
        <v>0</v>
      </c>
      <c r="S33" s="261">
        <v>1</v>
      </c>
      <c r="T33" s="261">
        <v>1</v>
      </c>
      <c r="U33" s="261">
        <v>0</v>
      </c>
      <c r="V33" s="261">
        <v>0</v>
      </c>
      <c r="W33" s="258">
        <v>2</v>
      </c>
      <c r="X33" s="263">
        <v>2</v>
      </c>
      <c r="Y33" s="257">
        <v>0</v>
      </c>
      <c r="Z33" s="261">
        <v>0</v>
      </c>
      <c r="AA33" s="258">
        <v>0</v>
      </c>
      <c r="AB33" s="260">
        <v>0</v>
      </c>
      <c r="AC33" s="261">
        <v>0</v>
      </c>
      <c r="AD33" s="261">
        <v>0</v>
      </c>
      <c r="AE33" s="261">
        <v>3</v>
      </c>
      <c r="AF33" s="261">
        <v>0</v>
      </c>
      <c r="AG33" s="261">
        <v>0</v>
      </c>
      <c r="AH33" s="258">
        <v>3</v>
      </c>
      <c r="AI33" s="263">
        <v>3</v>
      </c>
      <c r="AJ33" s="257">
        <v>0</v>
      </c>
      <c r="AK33" s="261">
        <v>0</v>
      </c>
      <c r="AL33" s="258">
        <v>0</v>
      </c>
      <c r="AM33" s="260">
        <v>0</v>
      </c>
      <c r="AN33" s="261">
        <v>0</v>
      </c>
      <c r="AO33" s="261">
        <v>0</v>
      </c>
      <c r="AP33" s="261">
        <v>0</v>
      </c>
      <c r="AQ33" s="261">
        <v>0</v>
      </c>
      <c r="AR33" s="261">
        <v>0</v>
      </c>
      <c r="AS33" s="258">
        <v>0</v>
      </c>
      <c r="AT33" s="263">
        <v>0</v>
      </c>
      <c r="AU33" s="257">
        <v>0</v>
      </c>
      <c r="AV33" s="261">
        <v>0</v>
      </c>
      <c r="AW33" s="258">
        <v>0</v>
      </c>
      <c r="AX33" s="260">
        <v>0</v>
      </c>
      <c r="AY33" s="261">
        <v>0</v>
      </c>
      <c r="AZ33" s="261">
        <v>0</v>
      </c>
      <c r="BA33" s="261">
        <v>0</v>
      </c>
      <c r="BB33" s="261">
        <v>2</v>
      </c>
      <c r="BC33" s="261">
        <v>1</v>
      </c>
      <c r="BD33" s="262">
        <v>3</v>
      </c>
      <c r="BE33" s="263">
        <v>3</v>
      </c>
      <c r="BF33" s="257">
        <v>0</v>
      </c>
      <c r="BG33" s="261">
        <v>0</v>
      </c>
      <c r="BH33" s="258">
        <v>0</v>
      </c>
      <c r="BI33" s="260">
        <v>0</v>
      </c>
      <c r="BJ33" s="261">
        <v>2</v>
      </c>
      <c r="BK33" s="261">
        <v>1</v>
      </c>
      <c r="BL33" s="261">
        <v>1</v>
      </c>
      <c r="BM33" s="261">
        <v>0</v>
      </c>
      <c r="BN33" s="261">
        <v>0</v>
      </c>
      <c r="BO33" s="258">
        <v>4</v>
      </c>
      <c r="BP33" s="263">
        <v>4</v>
      </c>
      <c r="BQ33" s="257">
        <v>0</v>
      </c>
      <c r="BR33" s="261">
        <v>0</v>
      </c>
      <c r="BS33" s="258">
        <v>0</v>
      </c>
      <c r="BT33" s="260">
        <v>0</v>
      </c>
      <c r="BU33" s="261">
        <v>1</v>
      </c>
      <c r="BV33" s="261">
        <v>1</v>
      </c>
      <c r="BW33" s="261">
        <v>2</v>
      </c>
      <c r="BX33" s="261">
        <v>0</v>
      </c>
      <c r="BY33" s="261">
        <v>0</v>
      </c>
      <c r="BZ33" s="258">
        <v>4</v>
      </c>
      <c r="CA33" s="263">
        <v>4</v>
      </c>
      <c r="CB33" s="257">
        <v>0</v>
      </c>
      <c r="CC33" s="261">
        <v>0</v>
      </c>
      <c r="CD33" s="258">
        <v>0</v>
      </c>
      <c r="CE33" s="260">
        <v>0</v>
      </c>
      <c r="CF33" s="261">
        <v>0</v>
      </c>
      <c r="CG33" s="261">
        <v>0</v>
      </c>
      <c r="CH33" s="261">
        <v>1</v>
      </c>
      <c r="CI33" s="261">
        <v>1</v>
      </c>
      <c r="CJ33" s="261">
        <v>0</v>
      </c>
      <c r="CK33" s="258">
        <v>2</v>
      </c>
      <c r="CL33" s="263">
        <v>2</v>
      </c>
      <c r="CM33" s="257">
        <v>0</v>
      </c>
      <c r="CN33" s="261">
        <v>0</v>
      </c>
      <c r="CO33" s="258">
        <v>0</v>
      </c>
      <c r="CP33" s="260">
        <v>0</v>
      </c>
      <c r="CQ33" s="261">
        <v>0</v>
      </c>
      <c r="CR33" s="261">
        <v>0</v>
      </c>
      <c r="CS33" s="261">
        <v>0</v>
      </c>
      <c r="CT33" s="261">
        <v>0</v>
      </c>
      <c r="CU33" s="261">
        <v>0</v>
      </c>
      <c r="CV33" s="258">
        <v>0</v>
      </c>
      <c r="CW33" s="263">
        <v>0</v>
      </c>
      <c r="CX33" s="257">
        <v>0</v>
      </c>
      <c r="CY33" s="261">
        <v>0</v>
      </c>
      <c r="CZ33" s="258">
        <v>0</v>
      </c>
      <c r="DA33" s="260">
        <v>0</v>
      </c>
      <c r="DB33" s="261">
        <v>0</v>
      </c>
      <c r="DC33" s="261">
        <v>0</v>
      </c>
      <c r="DD33" s="261">
        <v>0</v>
      </c>
      <c r="DE33" s="261">
        <v>0</v>
      </c>
      <c r="DF33" s="261">
        <v>0</v>
      </c>
      <c r="DG33" s="258">
        <v>0</v>
      </c>
      <c r="DH33" s="263">
        <v>0</v>
      </c>
      <c r="DI33" s="257">
        <v>0</v>
      </c>
      <c r="DJ33" s="261">
        <v>0</v>
      </c>
      <c r="DK33" s="258">
        <v>0</v>
      </c>
      <c r="DL33" s="260">
        <v>0</v>
      </c>
      <c r="DM33" s="261">
        <v>0</v>
      </c>
      <c r="DN33" s="261">
        <v>0</v>
      </c>
      <c r="DO33" s="261">
        <v>0</v>
      </c>
      <c r="DP33" s="261">
        <v>0</v>
      </c>
      <c r="DQ33" s="261">
        <v>0</v>
      </c>
      <c r="DR33" s="258">
        <v>0</v>
      </c>
      <c r="DS33" s="263">
        <v>0</v>
      </c>
      <c r="DT33" s="257">
        <v>2</v>
      </c>
      <c r="DU33" s="261">
        <v>0</v>
      </c>
      <c r="DV33" s="258">
        <v>2</v>
      </c>
      <c r="DW33" s="260">
        <v>0</v>
      </c>
      <c r="DX33" s="261">
        <v>2</v>
      </c>
      <c r="DY33" s="261">
        <v>3</v>
      </c>
      <c r="DZ33" s="261">
        <v>6</v>
      </c>
      <c r="EA33" s="261">
        <v>1</v>
      </c>
      <c r="EB33" s="261">
        <v>0</v>
      </c>
      <c r="EC33" s="258">
        <v>12</v>
      </c>
      <c r="ED33" s="263">
        <v>14</v>
      </c>
      <c r="EE33" s="257">
        <v>0</v>
      </c>
      <c r="EF33" s="261">
        <v>0</v>
      </c>
      <c r="EG33" s="258">
        <v>0</v>
      </c>
      <c r="EH33" s="260">
        <v>0</v>
      </c>
      <c r="EI33" s="261">
        <v>0</v>
      </c>
      <c r="EJ33" s="261">
        <v>0</v>
      </c>
      <c r="EK33" s="261">
        <v>0</v>
      </c>
      <c r="EL33" s="261">
        <v>0</v>
      </c>
      <c r="EM33" s="261">
        <v>0</v>
      </c>
      <c r="EN33" s="258">
        <v>0</v>
      </c>
      <c r="EO33" s="263">
        <v>0</v>
      </c>
      <c r="EP33" s="257">
        <v>2</v>
      </c>
      <c r="EQ33" s="261">
        <v>0</v>
      </c>
      <c r="ER33" s="258">
        <v>2</v>
      </c>
      <c r="ES33" s="260">
        <v>0</v>
      </c>
      <c r="ET33" s="261">
        <v>5</v>
      </c>
      <c r="EU33" s="261">
        <v>4</v>
      </c>
      <c r="EV33" s="261">
        <v>5</v>
      </c>
      <c r="EW33" s="261">
        <v>1</v>
      </c>
      <c r="EX33" s="261">
        <v>0</v>
      </c>
      <c r="EY33" s="258">
        <v>15</v>
      </c>
      <c r="EZ33" s="263">
        <v>17</v>
      </c>
    </row>
    <row r="34" spans="2:156" ht="21" customHeight="1" x14ac:dyDescent="0.2">
      <c r="B34" s="472" t="s">
        <v>32</v>
      </c>
      <c r="C34" s="257">
        <v>0</v>
      </c>
      <c r="D34" s="261">
        <v>0</v>
      </c>
      <c r="E34" s="358">
        <v>0</v>
      </c>
      <c r="F34" s="260">
        <v>0</v>
      </c>
      <c r="G34" s="261">
        <v>2</v>
      </c>
      <c r="H34" s="261">
        <v>0</v>
      </c>
      <c r="I34" s="261">
        <v>0</v>
      </c>
      <c r="J34" s="261">
        <v>0</v>
      </c>
      <c r="K34" s="261">
        <v>1</v>
      </c>
      <c r="L34" s="262">
        <v>3</v>
      </c>
      <c r="M34" s="263">
        <v>3</v>
      </c>
      <c r="N34" s="257">
        <v>0</v>
      </c>
      <c r="O34" s="261">
        <v>0</v>
      </c>
      <c r="P34" s="258">
        <v>0</v>
      </c>
      <c r="Q34" s="260">
        <v>0</v>
      </c>
      <c r="R34" s="261">
        <v>0</v>
      </c>
      <c r="S34" s="261">
        <v>0</v>
      </c>
      <c r="T34" s="261">
        <v>0</v>
      </c>
      <c r="U34" s="261">
        <v>0</v>
      </c>
      <c r="V34" s="261">
        <v>1</v>
      </c>
      <c r="W34" s="258">
        <v>1</v>
      </c>
      <c r="X34" s="263">
        <v>1</v>
      </c>
      <c r="Y34" s="257">
        <v>0</v>
      </c>
      <c r="Z34" s="261">
        <v>0</v>
      </c>
      <c r="AA34" s="258">
        <v>0</v>
      </c>
      <c r="AB34" s="260">
        <v>0</v>
      </c>
      <c r="AC34" s="261">
        <v>3</v>
      </c>
      <c r="AD34" s="261">
        <v>5</v>
      </c>
      <c r="AE34" s="261">
        <v>0</v>
      </c>
      <c r="AF34" s="261">
        <v>0</v>
      </c>
      <c r="AG34" s="261">
        <v>0</v>
      </c>
      <c r="AH34" s="258">
        <v>8</v>
      </c>
      <c r="AI34" s="263">
        <v>8</v>
      </c>
      <c r="AJ34" s="257">
        <v>0</v>
      </c>
      <c r="AK34" s="261">
        <v>0</v>
      </c>
      <c r="AL34" s="258">
        <v>0</v>
      </c>
      <c r="AM34" s="260">
        <v>0</v>
      </c>
      <c r="AN34" s="261">
        <v>0</v>
      </c>
      <c r="AO34" s="261">
        <v>1</v>
      </c>
      <c r="AP34" s="261">
        <v>0</v>
      </c>
      <c r="AQ34" s="261">
        <v>0</v>
      </c>
      <c r="AR34" s="261">
        <v>0</v>
      </c>
      <c r="AS34" s="258">
        <v>1</v>
      </c>
      <c r="AT34" s="263">
        <v>1</v>
      </c>
      <c r="AU34" s="257">
        <v>0</v>
      </c>
      <c r="AV34" s="261">
        <v>0</v>
      </c>
      <c r="AW34" s="258">
        <v>0</v>
      </c>
      <c r="AX34" s="260">
        <v>0</v>
      </c>
      <c r="AY34" s="261">
        <v>1</v>
      </c>
      <c r="AZ34" s="261">
        <v>3</v>
      </c>
      <c r="BA34" s="261">
        <v>1</v>
      </c>
      <c r="BB34" s="261">
        <v>1</v>
      </c>
      <c r="BC34" s="261">
        <v>2</v>
      </c>
      <c r="BD34" s="262">
        <v>8</v>
      </c>
      <c r="BE34" s="263">
        <v>8</v>
      </c>
      <c r="BF34" s="257">
        <v>0</v>
      </c>
      <c r="BG34" s="261">
        <v>0</v>
      </c>
      <c r="BH34" s="258">
        <v>0</v>
      </c>
      <c r="BI34" s="260">
        <v>0</v>
      </c>
      <c r="BJ34" s="261">
        <v>1</v>
      </c>
      <c r="BK34" s="261">
        <v>5</v>
      </c>
      <c r="BL34" s="261">
        <v>1</v>
      </c>
      <c r="BM34" s="261">
        <v>0</v>
      </c>
      <c r="BN34" s="261">
        <v>0</v>
      </c>
      <c r="BO34" s="258">
        <v>7</v>
      </c>
      <c r="BP34" s="263">
        <v>7</v>
      </c>
      <c r="BQ34" s="257">
        <v>0</v>
      </c>
      <c r="BR34" s="261">
        <v>0</v>
      </c>
      <c r="BS34" s="258">
        <v>0</v>
      </c>
      <c r="BT34" s="260">
        <v>0</v>
      </c>
      <c r="BU34" s="261">
        <v>0</v>
      </c>
      <c r="BV34" s="261">
        <v>1</v>
      </c>
      <c r="BW34" s="261">
        <v>1</v>
      </c>
      <c r="BX34" s="261">
        <v>0</v>
      </c>
      <c r="BY34" s="261">
        <v>0</v>
      </c>
      <c r="BZ34" s="258">
        <v>2</v>
      </c>
      <c r="CA34" s="263">
        <v>2</v>
      </c>
      <c r="CB34" s="257">
        <v>0</v>
      </c>
      <c r="CC34" s="261">
        <v>0</v>
      </c>
      <c r="CD34" s="258">
        <v>0</v>
      </c>
      <c r="CE34" s="260">
        <v>0</v>
      </c>
      <c r="CF34" s="261">
        <v>1</v>
      </c>
      <c r="CG34" s="261">
        <v>0</v>
      </c>
      <c r="CH34" s="261">
        <v>0</v>
      </c>
      <c r="CI34" s="261">
        <v>0</v>
      </c>
      <c r="CJ34" s="261">
        <v>0</v>
      </c>
      <c r="CK34" s="258">
        <v>1</v>
      </c>
      <c r="CL34" s="263">
        <v>1</v>
      </c>
      <c r="CM34" s="257">
        <v>0</v>
      </c>
      <c r="CN34" s="261">
        <v>0</v>
      </c>
      <c r="CO34" s="258">
        <v>0</v>
      </c>
      <c r="CP34" s="260">
        <v>0</v>
      </c>
      <c r="CQ34" s="261">
        <v>0</v>
      </c>
      <c r="CR34" s="261">
        <v>0</v>
      </c>
      <c r="CS34" s="261">
        <v>0</v>
      </c>
      <c r="CT34" s="261">
        <v>0</v>
      </c>
      <c r="CU34" s="261">
        <v>0</v>
      </c>
      <c r="CV34" s="258">
        <v>0</v>
      </c>
      <c r="CW34" s="263">
        <v>0</v>
      </c>
      <c r="CX34" s="257">
        <v>0</v>
      </c>
      <c r="CY34" s="261">
        <v>0</v>
      </c>
      <c r="CZ34" s="258">
        <v>0</v>
      </c>
      <c r="DA34" s="260">
        <v>0</v>
      </c>
      <c r="DB34" s="261">
        <v>0</v>
      </c>
      <c r="DC34" s="261">
        <v>0</v>
      </c>
      <c r="DD34" s="261">
        <v>0</v>
      </c>
      <c r="DE34" s="261">
        <v>0</v>
      </c>
      <c r="DF34" s="261">
        <v>0</v>
      </c>
      <c r="DG34" s="258">
        <v>0</v>
      </c>
      <c r="DH34" s="263">
        <v>0</v>
      </c>
      <c r="DI34" s="257">
        <v>0</v>
      </c>
      <c r="DJ34" s="261">
        <v>0</v>
      </c>
      <c r="DK34" s="258">
        <v>0</v>
      </c>
      <c r="DL34" s="260">
        <v>0</v>
      </c>
      <c r="DM34" s="261">
        <v>0</v>
      </c>
      <c r="DN34" s="261">
        <v>0</v>
      </c>
      <c r="DO34" s="261">
        <v>0</v>
      </c>
      <c r="DP34" s="261">
        <v>0</v>
      </c>
      <c r="DQ34" s="261">
        <v>0</v>
      </c>
      <c r="DR34" s="258">
        <v>0</v>
      </c>
      <c r="DS34" s="263">
        <v>0</v>
      </c>
      <c r="DT34" s="257">
        <v>0</v>
      </c>
      <c r="DU34" s="261">
        <v>3</v>
      </c>
      <c r="DV34" s="258">
        <v>3</v>
      </c>
      <c r="DW34" s="260">
        <v>0</v>
      </c>
      <c r="DX34" s="261">
        <v>4</v>
      </c>
      <c r="DY34" s="261">
        <v>9</v>
      </c>
      <c r="DZ34" s="261">
        <v>3</v>
      </c>
      <c r="EA34" s="261">
        <v>0</v>
      </c>
      <c r="EB34" s="261">
        <v>1</v>
      </c>
      <c r="EC34" s="258">
        <v>17</v>
      </c>
      <c r="ED34" s="263">
        <v>20</v>
      </c>
      <c r="EE34" s="257">
        <v>0</v>
      </c>
      <c r="EF34" s="261">
        <v>0</v>
      </c>
      <c r="EG34" s="258">
        <v>0</v>
      </c>
      <c r="EH34" s="260">
        <v>0</v>
      </c>
      <c r="EI34" s="261">
        <v>2</v>
      </c>
      <c r="EJ34" s="261">
        <v>2</v>
      </c>
      <c r="EK34" s="261">
        <v>0</v>
      </c>
      <c r="EL34" s="261">
        <v>1</v>
      </c>
      <c r="EM34" s="261">
        <v>2</v>
      </c>
      <c r="EN34" s="258">
        <v>7</v>
      </c>
      <c r="EO34" s="263">
        <v>7</v>
      </c>
      <c r="EP34" s="257">
        <v>0</v>
      </c>
      <c r="EQ34" s="261">
        <v>3</v>
      </c>
      <c r="ER34" s="258">
        <v>3</v>
      </c>
      <c r="ES34" s="260">
        <v>0</v>
      </c>
      <c r="ET34" s="261">
        <v>8</v>
      </c>
      <c r="EU34" s="261">
        <v>12</v>
      </c>
      <c r="EV34" s="261">
        <v>3</v>
      </c>
      <c r="EW34" s="261">
        <v>0</v>
      </c>
      <c r="EX34" s="261">
        <v>1</v>
      </c>
      <c r="EY34" s="258">
        <v>24</v>
      </c>
      <c r="EZ34" s="263">
        <v>27</v>
      </c>
    </row>
    <row r="35" spans="2:156" ht="21" customHeight="1" x14ac:dyDescent="0.2">
      <c r="B35" s="472" t="s">
        <v>33</v>
      </c>
      <c r="C35" s="257">
        <v>0</v>
      </c>
      <c r="D35" s="261">
        <v>0</v>
      </c>
      <c r="E35" s="358">
        <v>0</v>
      </c>
      <c r="F35" s="260">
        <v>0</v>
      </c>
      <c r="G35" s="261">
        <v>2</v>
      </c>
      <c r="H35" s="261">
        <v>0</v>
      </c>
      <c r="I35" s="261">
        <v>1</v>
      </c>
      <c r="J35" s="261">
        <v>0</v>
      </c>
      <c r="K35" s="261">
        <v>0</v>
      </c>
      <c r="L35" s="262">
        <v>3</v>
      </c>
      <c r="M35" s="263">
        <v>3</v>
      </c>
      <c r="N35" s="257">
        <v>0</v>
      </c>
      <c r="O35" s="261">
        <v>0</v>
      </c>
      <c r="P35" s="258">
        <v>0</v>
      </c>
      <c r="Q35" s="260">
        <v>0</v>
      </c>
      <c r="R35" s="261">
        <v>0</v>
      </c>
      <c r="S35" s="261">
        <v>0</v>
      </c>
      <c r="T35" s="261">
        <v>0</v>
      </c>
      <c r="U35" s="261">
        <v>0</v>
      </c>
      <c r="V35" s="261">
        <v>0</v>
      </c>
      <c r="W35" s="258">
        <v>0</v>
      </c>
      <c r="X35" s="263">
        <v>0</v>
      </c>
      <c r="Y35" s="257">
        <v>0</v>
      </c>
      <c r="Z35" s="261">
        <v>0</v>
      </c>
      <c r="AA35" s="258">
        <v>0</v>
      </c>
      <c r="AB35" s="260">
        <v>0</v>
      </c>
      <c r="AC35" s="261">
        <v>1</v>
      </c>
      <c r="AD35" s="261">
        <v>0</v>
      </c>
      <c r="AE35" s="261">
        <v>1</v>
      </c>
      <c r="AF35" s="261">
        <v>0</v>
      </c>
      <c r="AG35" s="261">
        <v>0</v>
      </c>
      <c r="AH35" s="258">
        <v>2</v>
      </c>
      <c r="AI35" s="263">
        <v>2</v>
      </c>
      <c r="AJ35" s="257">
        <v>2</v>
      </c>
      <c r="AK35" s="261">
        <v>2</v>
      </c>
      <c r="AL35" s="258">
        <v>4</v>
      </c>
      <c r="AM35" s="260">
        <v>0</v>
      </c>
      <c r="AN35" s="261">
        <v>0</v>
      </c>
      <c r="AO35" s="261">
        <v>0</v>
      </c>
      <c r="AP35" s="261">
        <v>2</v>
      </c>
      <c r="AQ35" s="261">
        <v>0</v>
      </c>
      <c r="AR35" s="261">
        <v>0</v>
      </c>
      <c r="AS35" s="258">
        <v>2</v>
      </c>
      <c r="AT35" s="263">
        <v>6</v>
      </c>
      <c r="AU35" s="257">
        <v>0</v>
      </c>
      <c r="AV35" s="261">
        <v>0</v>
      </c>
      <c r="AW35" s="258">
        <v>0</v>
      </c>
      <c r="AX35" s="260">
        <v>0</v>
      </c>
      <c r="AY35" s="261">
        <v>1</v>
      </c>
      <c r="AZ35" s="261">
        <v>1</v>
      </c>
      <c r="BA35" s="261">
        <v>2</v>
      </c>
      <c r="BB35" s="261">
        <v>0</v>
      </c>
      <c r="BC35" s="261">
        <v>0</v>
      </c>
      <c r="BD35" s="262">
        <v>4</v>
      </c>
      <c r="BE35" s="263">
        <v>4</v>
      </c>
      <c r="BF35" s="257">
        <v>0</v>
      </c>
      <c r="BG35" s="261">
        <v>0</v>
      </c>
      <c r="BH35" s="258">
        <v>0</v>
      </c>
      <c r="BI35" s="260">
        <v>0</v>
      </c>
      <c r="BJ35" s="261">
        <v>0</v>
      </c>
      <c r="BK35" s="261">
        <v>0</v>
      </c>
      <c r="BL35" s="261">
        <v>0</v>
      </c>
      <c r="BM35" s="261">
        <v>0</v>
      </c>
      <c r="BN35" s="261">
        <v>0</v>
      </c>
      <c r="BO35" s="258">
        <v>0</v>
      </c>
      <c r="BP35" s="263">
        <v>0</v>
      </c>
      <c r="BQ35" s="257">
        <v>0</v>
      </c>
      <c r="BR35" s="261">
        <v>1</v>
      </c>
      <c r="BS35" s="258">
        <v>1</v>
      </c>
      <c r="BT35" s="260">
        <v>0</v>
      </c>
      <c r="BU35" s="261">
        <v>1</v>
      </c>
      <c r="BV35" s="261">
        <v>0</v>
      </c>
      <c r="BW35" s="261">
        <v>0</v>
      </c>
      <c r="BX35" s="261">
        <v>0</v>
      </c>
      <c r="BY35" s="261">
        <v>0</v>
      </c>
      <c r="BZ35" s="258">
        <v>1</v>
      </c>
      <c r="CA35" s="263">
        <v>2</v>
      </c>
      <c r="CB35" s="257">
        <v>0</v>
      </c>
      <c r="CC35" s="261">
        <v>0</v>
      </c>
      <c r="CD35" s="258">
        <v>0</v>
      </c>
      <c r="CE35" s="260">
        <v>0</v>
      </c>
      <c r="CF35" s="261">
        <v>1</v>
      </c>
      <c r="CG35" s="261">
        <v>0</v>
      </c>
      <c r="CH35" s="261">
        <v>0</v>
      </c>
      <c r="CI35" s="261">
        <v>0</v>
      </c>
      <c r="CJ35" s="261">
        <v>0</v>
      </c>
      <c r="CK35" s="258">
        <v>1</v>
      </c>
      <c r="CL35" s="263">
        <v>1</v>
      </c>
      <c r="CM35" s="257">
        <v>0</v>
      </c>
      <c r="CN35" s="261">
        <v>0</v>
      </c>
      <c r="CO35" s="258">
        <v>0</v>
      </c>
      <c r="CP35" s="260">
        <v>0</v>
      </c>
      <c r="CQ35" s="261">
        <v>0</v>
      </c>
      <c r="CR35" s="261">
        <v>0</v>
      </c>
      <c r="CS35" s="261">
        <v>0</v>
      </c>
      <c r="CT35" s="261">
        <v>0</v>
      </c>
      <c r="CU35" s="261">
        <v>0</v>
      </c>
      <c r="CV35" s="258">
        <v>0</v>
      </c>
      <c r="CW35" s="263">
        <v>0</v>
      </c>
      <c r="CX35" s="257">
        <v>0</v>
      </c>
      <c r="CY35" s="261">
        <v>0</v>
      </c>
      <c r="CZ35" s="258">
        <v>0</v>
      </c>
      <c r="DA35" s="260">
        <v>0</v>
      </c>
      <c r="DB35" s="261">
        <v>0</v>
      </c>
      <c r="DC35" s="261">
        <v>0</v>
      </c>
      <c r="DD35" s="261">
        <v>0</v>
      </c>
      <c r="DE35" s="261">
        <v>0</v>
      </c>
      <c r="DF35" s="261">
        <v>0</v>
      </c>
      <c r="DG35" s="258">
        <v>0</v>
      </c>
      <c r="DH35" s="263">
        <v>0</v>
      </c>
      <c r="DI35" s="257">
        <v>0</v>
      </c>
      <c r="DJ35" s="261">
        <v>0</v>
      </c>
      <c r="DK35" s="258">
        <v>0</v>
      </c>
      <c r="DL35" s="260">
        <v>0</v>
      </c>
      <c r="DM35" s="261">
        <v>0</v>
      </c>
      <c r="DN35" s="261">
        <v>0</v>
      </c>
      <c r="DO35" s="261">
        <v>0</v>
      </c>
      <c r="DP35" s="261">
        <v>0</v>
      </c>
      <c r="DQ35" s="261">
        <v>0</v>
      </c>
      <c r="DR35" s="258">
        <v>0</v>
      </c>
      <c r="DS35" s="263">
        <v>0</v>
      </c>
      <c r="DT35" s="257">
        <v>2</v>
      </c>
      <c r="DU35" s="261">
        <v>1</v>
      </c>
      <c r="DV35" s="258">
        <v>3</v>
      </c>
      <c r="DW35" s="260">
        <v>0</v>
      </c>
      <c r="DX35" s="261">
        <v>3</v>
      </c>
      <c r="DY35" s="261">
        <v>0</v>
      </c>
      <c r="DZ35" s="261">
        <v>1</v>
      </c>
      <c r="EA35" s="261">
        <v>0</v>
      </c>
      <c r="EB35" s="261">
        <v>0</v>
      </c>
      <c r="EC35" s="258">
        <v>4</v>
      </c>
      <c r="ED35" s="263">
        <v>7</v>
      </c>
      <c r="EE35" s="257">
        <v>0</v>
      </c>
      <c r="EF35" s="261">
        <v>0</v>
      </c>
      <c r="EG35" s="258">
        <v>0</v>
      </c>
      <c r="EH35" s="260">
        <v>0</v>
      </c>
      <c r="EI35" s="261">
        <v>0</v>
      </c>
      <c r="EJ35" s="261">
        <v>1</v>
      </c>
      <c r="EK35" s="261">
        <v>0</v>
      </c>
      <c r="EL35" s="261">
        <v>0</v>
      </c>
      <c r="EM35" s="261">
        <v>0</v>
      </c>
      <c r="EN35" s="258">
        <v>1</v>
      </c>
      <c r="EO35" s="263">
        <v>1</v>
      </c>
      <c r="EP35" s="257">
        <v>3</v>
      </c>
      <c r="EQ35" s="261">
        <v>3</v>
      </c>
      <c r="ER35" s="258">
        <v>6</v>
      </c>
      <c r="ES35" s="260">
        <v>0</v>
      </c>
      <c r="ET35" s="261">
        <v>3</v>
      </c>
      <c r="EU35" s="261">
        <v>0</v>
      </c>
      <c r="EV35" s="261">
        <v>2</v>
      </c>
      <c r="EW35" s="261">
        <v>0</v>
      </c>
      <c r="EX35" s="261">
        <v>0</v>
      </c>
      <c r="EY35" s="258">
        <v>5</v>
      </c>
      <c r="EZ35" s="263">
        <v>11</v>
      </c>
    </row>
    <row r="36" spans="2:156" ht="21" customHeight="1" x14ac:dyDescent="0.2">
      <c r="B36" s="472" t="s">
        <v>34</v>
      </c>
      <c r="C36" s="257">
        <v>0</v>
      </c>
      <c r="D36" s="261">
        <v>0</v>
      </c>
      <c r="E36" s="358">
        <v>0</v>
      </c>
      <c r="F36" s="260">
        <v>0</v>
      </c>
      <c r="G36" s="261">
        <v>0</v>
      </c>
      <c r="H36" s="261">
        <v>0</v>
      </c>
      <c r="I36" s="261">
        <v>0</v>
      </c>
      <c r="J36" s="261">
        <v>0</v>
      </c>
      <c r="K36" s="261">
        <v>0</v>
      </c>
      <c r="L36" s="262">
        <v>0</v>
      </c>
      <c r="M36" s="263">
        <v>0</v>
      </c>
      <c r="N36" s="257">
        <v>0</v>
      </c>
      <c r="O36" s="261">
        <v>0</v>
      </c>
      <c r="P36" s="258">
        <v>0</v>
      </c>
      <c r="Q36" s="260">
        <v>0</v>
      </c>
      <c r="R36" s="261">
        <v>0</v>
      </c>
      <c r="S36" s="261">
        <v>0</v>
      </c>
      <c r="T36" s="261">
        <v>0</v>
      </c>
      <c r="U36" s="261">
        <v>0</v>
      </c>
      <c r="V36" s="261">
        <v>0</v>
      </c>
      <c r="W36" s="258">
        <v>0</v>
      </c>
      <c r="X36" s="263">
        <v>0</v>
      </c>
      <c r="Y36" s="257">
        <v>0</v>
      </c>
      <c r="Z36" s="261">
        <v>0</v>
      </c>
      <c r="AA36" s="258">
        <v>0</v>
      </c>
      <c r="AB36" s="260">
        <v>0</v>
      </c>
      <c r="AC36" s="261">
        <v>2</v>
      </c>
      <c r="AD36" s="261">
        <v>1</v>
      </c>
      <c r="AE36" s="261">
        <v>0</v>
      </c>
      <c r="AF36" s="261">
        <v>1</v>
      </c>
      <c r="AG36" s="261">
        <v>0</v>
      </c>
      <c r="AH36" s="258">
        <v>4</v>
      </c>
      <c r="AI36" s="263">
        <v>4</v>
      </c>
      <c r="AJ36" s="257">
        <v>0</v>
      </c>
      <c r="AK36" s="261">
        <v>0</v>
      </c>
      <c r="AL36" s="258">
        <v>0</v>
      </c>
      <c r="AM36" s="260">
        <v>0</v>
      </c>
      <c r="AN36" s="261">
        <v>0</v>
      </c>
      <c r="AO36" s="261">
        <v>1</v>
      </c>
      <c r="AP36" s="261">
        <v>0</v>
      </c>
      <c r="AQ36" s="261">
        <v>0</v>
      </c>
      <c r="AR36" s="261">
        <v>0</v>
      </c>
      <c r="AS36" s="258">
        <v>1</v>
      </c>
      <c r="AT36" s="263">
        <v>1</v>
      </c>
      <c r="AU36" s="257">
        <v>0</v>
      </c>
      <c r="AV36" s="261">
        <v>0</v>
      </c>
      <c r="AW36" s="258">
        <v>0</v>
      </c>
      <c r="AX36" s="260">
        <v>0</v>
      </c>
      <c r="AY36" s="261">
        <v>0</v>
      </c>
      <c r="AZ36" s="261">
        <v>3</v>
      </c>
      <c r="BA36" s="261">
        <v>0</v>
      </c>
      <c r="BB36" s="261">
        <v>0</v>
      </c>
      <c r="BC36" s="261">
        <v>2</v>
      </c>
      <c r="BD36" s="262">
        <v>5</v>
      </c>
      <c r="BE36" s="263">
        <v>5</v>
      </c>
      <c r="BF36" s="257">
        <v>0</v>
      </c>
      <c r="BG36" s="261">
        <v>0</v>
      </c>
      <c r="BH36" s="258">
        <v>0</v>
      </c>
      <c r="BI36" s="260">
        <v>0</v>
      </c>
      <c r="BJ36" s="261">
        <v>0</v>
      </c>
      <c r="BK36" s="261">
        <v>2</v>
      </c>
      <c r="BL36" s="261">
        <v>0</v>
      </c>
      <c r="BM36" s="261">
        <v>1</v>
      </c>
      <c r="BN36" s="261">
        <v>0</v>
      </c>
      <c r="BO36" s="258">
        <v>3</v>
      </c>
      <c r="BP36" s="263">
        <v>3</v>
      </c>
      <c r="BQ36" s="257">
        <v>0</v>
      </c>
      <c r="BR36" s="261">
        <v>0</v>
      </c>
      <c r="BS36" s="258">
        <v>0</v>
      </c>
      <c r="BT36" s="260">
        <v>0</v>
      </c>
      <c r="BU36" s="261">
        <v>0</v>
      </c>
      <c r="BV36" s="261">
        <v>0</v>
      </c>
      <c r="BW36" s="261">
        <v>0</v>
      </c>
      <c r="BX36" s="261">
        <v>0</v>
      </c>
      <c r="BY36" s="261">
        <v>0</v>
      </c>
      <c r="BZ36" s="258">
        <v>0</v>
      </c>
      <c r="CA36" s="263">
        <v>0</v>
      </c>
      <c r="CB36" s="257">
        <v>0</v>
      </c>
      <c r="CC36" s="261">
        <v>0</v>
      </c>
      <c r="CD36" s="258">
        <v>0</v>
      </c>
      <c r="CE36" s="260">
        <v>0</v>
      </c>
      <c r="CF36" s="261">
        <v>0</v>
      </c>
      <c r="CG36" s="261">
        <v>0</v>
      </c>
      <c r="CH36" s="261">
        <v>0</v>
      </c>
      <c r="CI36" s="261">
        <v>0</v>
      </c>
      <c r="CJ36" s="261">
        <v>0</v>
      </c>
      <c r="CK36" s="258">
        <v>0</v>
      </c>
      <c r="CL36" s="263">
        <v>0</v>
      </c>
      <c r="CM36" s="257">
        <v>0</v>
      </c>
      <c r="CN36" s="261">
        <v>0</v>
      </c>
      <c r="CO36" s="258">
        <v>0</v>
      </c>
      <c r="CP36" s="260">
        <v>0</v>
      </c>
      <c r="CQ36" s="261">
        <v>0</v>
      </c>
      <c r="CR36" s="261">
        <v>0</v>
      </c>
      <c r="CS36" s="261">
        <v>0</v>
      </c>
      <c r="CT36" s="261">
        <v>0</v>
      </c>
      <c r="CU36" s="261">
        <v>0</v>
      </c>
      <c r="CV36" s="258">
        <v>0</v>
      </c>
      <c r="CW36" s="263">
        <v>0</v>
      </c>
      <c r="CX36" s="257">
        <v>0</v>
      </c>
      <c r="CY36" s="261">
        <v>0</v>
      </c>
      <c r="CZ36" s="258">
        <v>0</v>
      </c>
      <c r="DA36" s="260">
        <v>0</v>
      </c>
      <c r="DB36" s="261">
        <v>0</v>
      </c>
      <c r="DC36" s="261">
        <v>0</v>
      </c>
      <c r="DD36" s="261">
        <v>0</v>
      </c>
      <c r="DE36" s="261">
        <v>0</v>
      </c>
      <c r="DF36" s="261">
        <v>0</v>
      </c>
      <c r="DG36" s="258">
        <v>0</v>
      </c>
      <c r="DH36" s="263">
        <v>0</v>
      </c>
      <c r="DI36" s="257">
        <v>0</v>
      </c>
      <c r="DJ36" s="261">
        <v>0</v>
      </c>
      <c r="DK36" s="258">
        <v>0</v>
      </c>
      <c r="DL36" s="260">
        <v>0</v>
      </c>
      <c r="DM36" s="261">
        <v>0</v>
      </c>
      <c r="DN36" s="261">
        <v>0</v>
      </c>
      <c r="DO36" s="261">
        <v>0</v>
      </c>
      <c r="DP36" s="261">
        <v>0</v>
      </c>
      <c r="DQ36" s="261">
        <v>0</v>
      </c>
      <c r="DR36" s="258">
        <v>0</v>
      </c>
      <c r="DS36" s="263">
        <v>0</v>
      </c>
      <c r="DT36" s="257">
        <v>0</v>
      </c>
      <c r="DU36" s="261">
        <v>1</v>
      </c>
      <c r="DV36" s="258">
        <v>1</v>
      </c>
      <c r="DW36" s="260">
        <v>0</v>
      </c>
      <c r="DX36" s="261">
        <v>2</v>
      </c>
      <c r="DY36" s="261">
        <v>5</v>
      </c>
      <c r="DZ36" s="261">
        <v>1</v>
      </c>
      <c r="EA36" s="261">
        <v>1</v>
      </c>
      <c r="EB36" s="261">
        <v>0</v>
      </c>
      <c r="EC36" s="258">
        <v>9</v>
      </c>
      <c r="ED36" s="263">
        <v>10</v>
      </c>
      <c r="EE36" s="257">
        <v>0</v>
      </c>
      <c r="EF36" s="261">
        <v>0</v>
      </c>
      <c r="EG36" s="258">
        <v>0</v>
      </c>
      <c r="EH36" s="260">
        <v>0</v>
      </c>
      <c r="EI36" s="261">
        <v>0</v>
      </c>
      <c r="EJ36" s="261">
        <v>1</v>
      </c>
      <c r="EK36" s="261">
        <v>0</v>
      </c>
      <c r="EL36" s="261">
        <v>0</v>
      </c>
      <c r="EM36" s="261">
        <v>2</v>
      </c>
      <c r="EN36" s="258">
        <v>3</v>
      </c>
      <c r="EO36" s="263">
        <v>3</v>
      </c>
      <c r="EP36" s="257">
        <v>0</v>
      </c>
      <c r="EQ36" s="261">
        <v>1</v>
      </c>
      <c r="ER36" s="258">
        <v>1</v>
      </c>
      <c r="ES36" s="260">
        <v>0</v>
      </c>
      <c r="ET36" s="261">
        <v>3</v>
      </c>
      <c r="EU36" s="261">
        <v>6</v>
      </c>
      <c r="EV36" s="261">
        <v>0</v>
      </c>
      <c r="EW36" s="261">
        <v>1</v>
      </c>
      <c r="EX36" s="261">
        <v>0</v>
      </c>
      <c r="EY36" s="258">
        <v>10</v>
      </c>
      <c r="EZ36" s="263">
        <v>11</v>
      </c>
    </row>
    <row r="37" spans="2:156" ht="21" customHeight="1" x14ac:dyDescent="0.2">
      <c r="B37" s="472" t="s">
        <v>35</v>
      </c>
      <c r="C37" s="257">
        <v>0</v>
      </c>
      <c r="D37" s="261">
        <v>0</v>
      </c>
      <c r="E37" s="358">
        <v>0</v>
      </c>
      <c r="F37" s="260">
        <v>0</v>
      </c>
      <c r="G37" s="261">
        <v>4</v>
      </c>
      <c r="H37" s="261">
        <v>0</v>
      </c>
      <c r="I37" s="261">
        <v>2</v>
      </c>
      <c r="J37" s="261">
        <v>1</v>
      </c>
      <c r="K37" s="261">
        <v>1</v>
      </c>
      <c r="L37" s="262">
        <v>8</v>
      </c>
      <c r="M37" s="263">
        <v>8</v>
      </c>
      <c r="N37" s="257">
        <v>0</v>
      </c>
      <c r="O37" s="261">
        <v>0</v>
      </c>
      <c r="P37" s="258">
        <v>0</v>
      </c>
      <c r="Q37" s="260">
        <v>0</v>
      </c>
      <c r="R37" s="261">
        <v>0</v>
      </c>
      <c r="S37" s="261">
        <v>0</v>
      </c>
      <c r="T37" s="261">
        <v>0</v>
      </c>
      <c r="U37" s="261">
        <v>1</v>
      </c>
      <c r="V37" s="261">
        <v>1</v>
      </c>
      <c r="W37" s="258">
        <v>2</v>
      </c>
      <c r="X37" s="263">
        <v>2</v>
      </c>
      <c r="Y37" s="257">
        <v>0</v>
      </c>
      <c r="Z37" s="261">
        <v>0</v>
      </c>
      <c r="AA37" s="258">
        <v>0</v>
      </c>
      <c r="AB37" s="260">
        <v>0</v>
      </c>
      <c r="AC37" s="261">
        <v>2</v>
      </c>
      <c r="AD37" s="261">
        <v>0</v>
      </c>
      <c r="AE37" s="261">
        <v>1</v>
      </c>
      <c r="AF37" s="261">
        <v>0</v>
      </c>
      <c r="AG37" s="261">
        <v>0</v>
      </c>
      <c r="AH37" s="258">
        <v>3</v>
      </c>
      <c r="AI37" s="263">
        <v>3</v>
      </c>
      <c r="AJ37" s="257">
        <v>1</v>
      </c>
      <c r="AK37" s="261">
        <v>0</v>
      </c>
      <c r="AL37" s="258">
        <v>1</v>
      </c>
      <c r="AM37" s="260">
        <v>0</v>
      </c>
      <c r="AN37" s="261">
        <v>1</v>
      </c>
      <c r="AO37" s="261">
        <v>0</v>
      </c>
      <c r="AP37" s="261">
        <v>0</v>
      </c>
      <c r="AQ37" s="261">
        <v>0</v>
      </c>
      <c r="AR37" s="261">
        <v>0</v>
      </c>
      <c r="AS37" s="258">
        <v>1</v>
      </c>
      <c r="AT37" s="263">
        <v>2</v>
      </c>
      <c r="AU37" s="257">
        <v>1</v>
      </c>
      <c r="AV37" s="261">
        <v>0</v>
      </c>
      <c r="AW37" s="258">
        <v>1</v>
      </c>
      <c r="AX37" s="260">
        <v>0</v>
      </c>
      <c r="AY37" s="261">
        <v>11</v>
      </c>
      <c r="AZ37" s="261">
        <v>3</v>
      </c>
      <c r="BA37" s="261">
        <v>3</v>
      </c>
      <c r="BB37" s="261">
        <v>3</v>
      </c>
      <c r="BC37" s="261">
        <v>2</v>
      </c>
      <c r="BD37" s="262">
        <v>22</v>
      </c>
      <c r="BE37" s="263">
        <v>23</v>
      </c>
      <c r="BF37" s="257">
        <v>0</v>
      </c>
      <c r="BG37" s="261">
        <v>0</v>
      </c>
      <c r="BH37" s="258">
        <v>0</v>
      </c>
      <c r="BI37" s="260">
        <v>0</v>
      </c>
      <c r="BJ37" s="261">
        <v>4</v>
      </c>
      <c r="BK37" s="261">
        <v>2</v>
      </c>
      <c r="BL37" s="261">
        <v>4</v>
      </c>
      <c r="BM37" s="261">
        <v>0</v>
      </c>
      <c r="BN37" s="261">
        <v>0</v>
      </c>
      <c r="BO37" s="258">
        <v>10</v>
      </c>
      <c r="BP37" s="263">
        <v>10</v>
      </c>
      <c r="BQ37" s="257">
        <v>1</v>
      </c>
      <c r="BR37" s="261">
        <v>1</v>
      </c>
      <c r="BS37" s="258">
        <v>2</v>
      </c>
      <c r="BT37" s="260">
        <v>0</v>
      </c>
      <c r="BU37" s="261">
        <v>0</v>
      </c>
      <c r="BV37" s="261">
        <v>0</v>
      </c>
      <c r="BW37" s="261">
        <v>1</v>
      </c>
      <c r="BX37" s="261">
        <v>1</v>
      </c>
      <c r="BY37" s="261">
        <v>0</v>
      </c>
      <c r="BZ37" s="258">
        <v>2</v>
      </c>
      <c r="CA37" s="263">
        <v>4</v>
      </c>
      <c r="CB37" s="257">
        <v>0</v>
      </c>
      <c r="CC37" s="261">
        <v>0</v>
      </c>
      <c r="CD37" s="258">
        <v>0</v>
      </c>
      <c r="CE37" s="260">
        <v>0</v>
      </c>
      <c r="CF37" s="261">
        <v>1</v>
      </c>
      <c r="CG37" s="261">
        <v>0</v>
      </c>
      <c r="CH37" s="261">
        <v>0</v>
      </c>
      <c r="CI37" s="261">
        <v>0</v>
      </c>
      <c r="CJ37" s="261">
        <v>0</v>
      </c>
      <c r="CK37" s="258">
        <v>1</v>
      </c>
      <c r="CL37" s="263">
        <v>1</v>
      </c>
      <c r="CM37" s="257">
        <v>0</v>
      </c>
      <c r="CN37" s="261">
        <v>0</v>
      </c>
      <c r="CO37" s="258">
        <v>0</v>
      </c>
      <c r="CP37" s="260">
        <v>0</v>
      </c>
      <c r="CQ37" s="261">
        <v>0</v>
      </c>
      <c r="CR37" s="261">
        <v>0</v>
      </c>
      <c r="CS37" s="261">
        <v>0</v>
      </c>
      <c r="CT37" s="261">
        <v>0</v>
      </c>
      <c r="CU37" s="261">
        <v>0</v>
      </c>
      <c r="CV37" s="258">
        <v>0</v>
      </c>
      <c r="CW37" s="263">
        <v>0</v>
      </c>
      <c r="CX37" s="257">
        <v>0</v>
      </c>
      <c r="CY37" s="261">
        <v>0</v>
      </c>
      <c r="CZ37" s="258">
        <v>0</v>
      </c>
      <c r="DA37" s="260">
        <v>0</v>
      </c>
      <c r="DB37" s="261">
        <v>0</v>
      </c>
      <c r="DC37" s="261">
        <v>0</v>
      </c>
      <c r="DD37" s="261">
        <v>0</v>
      </c>
      <c r="DE37" s="261">
        <v>0</v>
      </c>
      <c r="DF37" s="261">
        <v>0</v>
      </c>
      <c r="DG37" s="258">
        <v>0</v>
      </c>
      <c r="DH37" s="263">
        <v>0</v>
      </c>
      <c r="DI37" s="257">
        <v>0</v>
      </c>
      <c r="DJ37" s="261">
        <v>0</v>
      </c>
      <c r="DK37" s="258">
        <v>0</v>
      </c>
      <c r="DL37" s="260">
        <v>0</v>
      </c>
      <c r="DM37" s="261">
        <v>0</v>
      </c>
      <c r="DN37" s="261">
        <v>0</v>
      </c>
      <c r="DO37" s="261">
        <v>0</v>
      </c>
      <c r="DP37" s="261">
        <v>0</v>
      </c>
      <c r="DQ37" s="261">
        <v>0</v>
      </c>
      <c r="DR37" s="258">
        <v>0</v>
      </c>
      <c r="DS37" s="263">
        <v>0</v>
      </c>
      <c r="DT37" s="257">
        <v>0</v>
      </c>
      <c r="DU37" s="261">
        <v>2</v>
      </c>
      <c r="DV37" s="258">
        <v>2</v>
      </c>
      <c r="DW37" s="260">
        <v>0</v>
      </c>
      <c r="DX37" s="261">
        <v>7</v>
      </c>
      <c r="DY37" s="261">
        <v>2</v>
      </c>
      <c r="DZ37" s="261">
        <v>5</v>
      </c>
      <c r="EA37" s="261">
        <v>2</v>
      </c>
      <c r="EB37" s="261">
        <v>1</v>
      </c>
      <c r="EC37" s="258">
        <v>17</v>
      </c>
      <c r="ED37" s="263">
        <v>19</v>
      </c>
      <c r="EE37" s="257">
        <v>1</v>
      </c>
      <c r="EF37" s="261">
        <v>1</v>
      </c>
      <c r="EG37" s="258">
        <v>2</v>
      </c>
      <c r="EH37" s="260">
        <v>0</v>
      </c>
      <c r="EI37" s="261">
        <v>7</v>
      </c>
      <c r="EJ37" s="261">
        <v>2</v>
      </c>
      <c r="EK37" s="261">
        <v>1</v>
      </c>
      <c r="EL37" s="261">
        <v>2</v>
      </c>
      <c r="EM37" s="261">
        <v>1</v>
      </c>
      <c r="EN37" s="258">
        <v>13</v>
      </c>
      <c r="EO37" s="263">
        <v>15</v>
      </c>
      <c r="EP37" s="257">
        <v>2</v>
      </c>
      <c r="EQ37" s="261">
        <v>3</v>
      </c>
      <c r="ER37" s="258">
        <v>5</v>
      </c>
      <c r="ES37" s="260">
        <v>0</v>
      </c>
      <c r="ET37" s="261">
        <v>10</v>
      </c>
      <c r="EU37" s="261">
        <v>3</v>
      </c>
      <c r="EV37" s="261">
        <v>5</v>
      </c>
      <c r="EW37" s="261">
        <v>2</v>
      </c>
      <c r="EX37" s="261">
        <v>1</v>
      </c>
      <c r="EY37" s="258">
        <v>21</v>
      </c>
      <c r="EZ37" s="263">
        <v>26</v>
      </c>
    </row>
    <row r="38" spans="2:156" ht="21" customHeight="1" x14ac:dyDescent="0.2">
      <c r="B38" s="472" t="s">
        <v>36</v>
      </c>
      <c r="C38" s="257">
        <v>0</v>
      </c>
      <c r="D38" s="261">
        <v>0</v>
      </c>
      <c r="E38" s="358">
        <v>0</v>
      </c>
      <c r="F38" s="260">
        <v>0</v>
      </c>
      <c r="G38" s="261">
        <v>1</v>
      </c>
      <c r="H38" s="261">
        <v>0</v>
      </c>
      <c r="I38" s="261">
        <v>1</v>
      </c>
      <c r="J38" s="261">
        <v>1</v>
      </c>
      <c r="K38" s="261">
        <v>1</v>
      </c>
      <c r="L38" s="262">
        <v>4</v>
      </c>
      <c r="M38" s="263">
        <v>4</v>
      </c>
      <c r="N38" s="257">
        <v>0</v>
      </c>
      <c r="O38" s="261">
        <v>0</v>
      </c>
      <c r="P38" s="258">
        <v>0</v>
      </c>
      <c r="Q38" s="260">
        <v>0</v>
      </c>
      <c r="R38" s="261">
        <v>0</v>
      </c>
      <c r="S38" s="261">
        <v>0</v>
      </c>
      <c r="T38" s="261">
        <v>0</v>
      </c>
      <c r="U38" s="261">
        <v>1</v>
      </c>
      <c r="V38" s="261">
        <v>0</v>
      </c>
      <c r="W38" s="258">
        <v>1</v>
      </c>
      <c r="X38" s="263">
        <v>1</v>
      </c>
      <c r="Y38" s="257">
        <v>1</v>
      </c>
      <c r="Z38" s="261">
        <v>0</v>
      </c>
      <c r="AA38" s="258">
        <v>1</v>
      </c>
      <c r="AB38" s="260">
        <v>0</v>
      </c>
      <c r="AC38" s="261">
        <v>1</v>
      </c>
      <c r="AD38" s="261">
        <v>0</v>
      </c>
      <c r="AE38" s="261">
        <v>1</v>
      </c>
      <c r="AF38" s="261">
        <v>2</v>
      </c>
      <c r="AG38" s="261">
        <v>1</v>
      </c>
      <c r="AH38" s="258">
        <v>5</v>
      </c>
      <c r="AI38" s="263">
        <v>6</v>
      </c>
      <c r="AJ38" s="257">
        <v>0</v>
      </c>
      <c r="AK38" s="261">
        <v>1</v>
      </c>
      <c r="AL38" s="258">
        <v>1</v>
      </c>
      <c r="AM38" s="260">
        <v>0</v>
      </c>
      <c r="AN38" s="261">
        <v>0</v>
      </c>
      <c r="AO38" s="261">
        <v>1</v>
      </c>
      <c r="AP38" s="261">
        <v>0</v>
      </c>
      <c r="AQ38" s="261">
        <v>1</v>
      </c>
      <c r="AR38" s="261">
        <v>1</v>
      </c>
      <c r="AS38" s="258">
        <v>3</v>
      </c>
      <c r="AT38" s="263">
        <v>4</v>
      </c>
      <c r="AU38" s="257">
        <v>0</v>
      </c>
      <c r="AV38" s="261">
        <v>0</v>
      </c>
      <c r="AW38" s="258">
        <v>0</v>
      </c>
      <c r="AX38" s="260">
        <v>0</v>
      </c>
      <c r="AY38" s="261">
        <v>3</v>
      </c>
      <c r="AZ38" s="261">
        <v>1</v>
      </c>
      <c r="BA38" s="261">
        <v>2</v>
      </c>
      <c r="BB38" s="261">
        <v>3</v>
      </c>
      <c r="BC38" s="261">
        <v>1</v>
      </c>
      <c r="BD38" s="262">
        <v>10</v>
      </c>
      <c r="BE38" s="263">
        <v>10</v>
      </c>
      <c r="BF38" s="257">
        <v>0</v>
      </c>
      <c r="BG38" s="261">
        <v>0</v>
      </c>
      <c r="BH38" s="258">
        <v>0</v>
      </c>
      <c r="BI38" s="260">
        <v>0</v>
      </c>
      <c r="BJ38" s="261">
        <v>2</v>
      </c>
      <c r="BK38" s="261">
        <v>2</v>
      </c>
      <c r="BL38" s="261">
        <v>0</v>
      </c>
      <c r="BM38" s="261">
        <v>0</v>
      </c>
      <c r="BN38" s="261">
        <v>0</v>
      </c>
      <c r="BO38" s="258">
        <v>4</v>
      </c>
      <c r="BP38" s="263">
        <v>4</v>
      </c>
      <c r="BQ38" s="257">
        <v>1</v>
      </c>
      <c r="BR38" s="261">
        <v>1</v>
      </c>
      <c r="BS38" s="258">
        <v>2</v>
      </c>
      <c r="BT38" s="260">
        <v>0</v>
      </c>
      <c r="BU38" s="261">
        <v>0</v>
      </c>
      <c r="BV38" s="261">
        <v>0</v>
      </c>
      <c r="BW38" s="261">
        <v>0</v>
      </c>
      <c r="BX38" s="261">
        <v>1</v>
      </c>
      <c r="BY38" s="261">
        <v>0</v>
      </c>
      <c r="BZ38" s="258">
        <v>1</v>
      </c>
      <c r="CA38" s="263">
        <v>3</v>
      </c>
      <c r="CB38" s="257">
        <v>0</v>
      </c>
      <c r="CC38" s="261">
        <v>0</v>
      </c>
      <c r="CD38" s="258">
        <v>0</v>
      </c>
      <c r="CE38" s="260">
        <v>0</v>
      </c>
      <c r="CF38" s="261">
        <v>0</v>
      </c>
      <c r="CG38" s="261">
        <v>2</v>
      </c>
      <c r="CH38" s="261">
        <v>0</v>
      </c>
      <c r="CI38" s="261">
        <v>0</v>
      </c>
      <c r="CJ38" s="261">
        <v>0</v>
      </c>
      <c r="CK38" s="258">
        <v>2</v>
      </c>
      <c r="CL38" s="263">
        <v>2</v>
      </c>
      <c r="CM38" s="257">
        <v>0</v>
      </c>
      <c r="CN38" s="261">
        <v>0</v>
      </c>
      <c r="CO38" s="258">
        <v>0</v>
      </c>
      <c r="CP38" s="260">
        <v>0</v>
      </c>
      <c r="CQ38" s="261">
        <v>0</v>
      </c>
      <c r="CR38" s="261">
        <v>0</v>
      </c>
      <c r="CS38" s="261">
        <v>0</v>
      </c>
      <c r="CT38" s="261">
        <v>0</v>
      </c>
      <c r="CU38" s="261">
        <v>0</v>
      </c>
      <c r="CV38" s="258">
        <v>0</v>
      </c>
      <c r="CW38" s="263">
        <v>0</v>
      </c>
      <c r="CX38" s="257">
        <v>0</v>
      </c>
      <c r="CY38" s="261">
        <v>0</v>
      </c>
      <c r="CZ38" s="258">
        <v>0</v>
      </c>
      <c r="DA38" s="260">
        <v>0</v>
      </c>
      <c r="DB38" s="261">
        <v>0</v>
      </c>
      <c r="DC38" s="261">
        <v>0</v>
      </c>
      <c r="DD38" s="261">
        <v>0</v>
      </c>
      <c r="DE38" s="261">
        <v>0</v>
      </c>
      <c r="DF38" s="261">
        <v>0</v>
      </c>
      <c r="DG38" s="258">
        <v>0</v>
      </c>
      <c r="DH38" s="263">
        <v>0</v>
      </c>
      <c r="DI38" s="257">
        <v>0</v>
      </c>
      <c r="DJ38" s="261">
        <v>0</v>
      </c>
      <c r="DK38" s="258">
        <v>0</v>
      </c>
      <c r="DL38" s="260">
        <v>0</v>
      </c>
      <c r="DM38" s="261">
        <v>0</v>
      </c>
      <c r="DN38" s="261">
        <v>0</v>
      </c>
      <c r="DO38" s="261">
        <v>0</v>
      </c>
      <c r="DP38" s="261">
        <v>0</v>
      </c>
      <c r="DQ38" s="261">
        <v>0</v>
      </c>
      <c r="DR38" s="258">
        <v>0</v>
      </c>
      <c r="DS38" s="263">
        <v>0</v>
      </c>
      <c r="DT38" s="257">
        <v>1</v>
      </c>
      <c r="DU38" s="261">
        <v>0</v>
      </c>
      <c r="DV38" s="258">
        <v>1</v>
      </c>
      <c r="DW38" s="260">
        <v>0</v>
      </c>
      <c r="DX38" s="261">
        <v>5</v>
      </c>
      <c r="DY38" s="261">
        <v>4</v>
      </c>
      <c r="DZ38" s="261">
        <v>2</v>
      </c>
      <c r="EA38" s="261">
        <v>4</v>
      </c>
      <c r="EB38" s="261">
        <v>1</v>
      </c>
      <c r="EC38" s="258">
        <v>16</v>
      </c>
      <c r="ED38" s="263">
        <v>17</v>
      </c>
      <c r="EE38" s="257">
        <v>0</v>
      </c>
      <c r="EF38" s="261">
        <v>0</v>
      </c>
      <c r="EG38" s="258">
        <v>0</v>
      </c>
      <c r="EH38" s="260">
        <v>0</v>
      </c>
      <c r="EI38" s="261">
        <v>1</v>
      </c>
      <c r="EJ38" s="261">
        <v>1</v>
      </c>
      <c r="EK38" s="261">
        <v>2</v>
      </c>
      <c r="EL38" s="261">
        <v>0</v>
      </c>
      <c r="EM38" s="261">
        <v>0</v>
      </c>
      <c r="EN38" s="258">
        <v>4</v>
      </c>
      <c r="EO38" s="263">
        <v>4</v>
      </c>
      <c r="EP38" s="257">
        <v>2</v>
      </c>
      <c r="EQ38" s="261">
        <v>2</v>
      </c>
      <c r="ER38" s="258">
        <v>4</v>
      </c>
      <c r="ES38" s="260">
        <v>0</v>
      </c>
      <c r="ET38" s="261">
        <v>9</v>
      </c>
      <c r="EU38" s="261">
        <v>6</v>
      </c>
      <c r="EV38" s="261">
        <v>2</v>
      </c>
      <c r="EW38" s="261">
        <v>4</v>
      </c>
      <c r="EX38" s="261">
        <v>2</v>
      </c>
      <c r="EY38" s="258">
        <v>23</v>
      </c>
      <c r="EZ38" s="263">
        <v>27</v>
      </c>
    </row>
    <row r="39" spans="2:156" ht="21" customHeight="1" thickBot="1" x14ac:dyDescent="0.25">
      <c r="B39" s="473" t="s">
        <v>37</v>
      </c>
      <c r="C39" s="264">
        <v>0</v>
      </c>
      <c r="D39" s="268">
        <v>0</v>
      </c>
      <c r="E39" s="359">
        <v>0</v>
      </c>
      <c r="F39" s="267">
        <v>0</v>
      </c>
      <c r="G39" s="268">
        <v>0</v>
      </c>
      <c r="H39" s="268">
        <v>0</v>
      </c>
      <c r="I39" s="268">
        <v>0</v>
      </c>
      <c r="J39" s="268">
        <v>0</v>
      </c>
      <c r="K39" s="268">
        <v>0</v>
      </c>
      <c r="L39" s="269">
        <v>0</v>
      </c>
      <c r="M39" s="270">
        <v>0</v>
      </c>
      <c r="N39" s="264">
        <v>0</v>
      </c>
      <c r="O39" s="268">
        <v>0</v>
      </c>
      <c r="P39" s="265">
        <v>0</v>
      </c>
      <c r="Q39" s="267">
        <v>0</v>
      </c>
      <c r="R39" s="268">
        <v>0</v>
      </c>
      <c r="S39" s="268">
        <v>0</v>
      </c>
      <c r="T39" s="268">
        <v>0</v>
      </c>
      <c r="U39" s="268">
        <v>0</v>
      </c>
      <c r="V39" s="268">
        <v>0</v>
      </c>
      <c r="W39" s="265">
        <v>0</v>
      </c>
      <c r="X39" s="270">
        <v>0</v>
      </c>
      <c r="Y39" s="264">
        <v>0</v>
      </c>
      <c r="Z39" s="268">
        <v>0</v>
      </c>
      <c r="AA39" s="265">
        <v>0</v>
      </c>
      <c r="AB39" s="267">
        <v>0</v>
      </c>
      <c r="AC39" s="268">
        <v>0</v>
      </c>
      <c r="AD39" s="268">
        <v>0</v>
      </c>
      <c r="AE39" s="268">
        <v>0</v>
      </c>
      <c r="AF39" s="268">
        <v>0</v>
      </c>
      <c r="AG39" s="268">
        <v>0</v>
      </c>
      <c r="AH39" s="265">
        <v>0</v>
      </c>
      <c r="AI39" s="270">
        <v>0</v>
      </c>
      <c r="AJ39" s="264">
        <v>0</v>
      </c>
      <c r="AK39" s="268">
        <v>0</v>
      </c>
      <c r="AL39" s="265">
        <v>0</v>
      </c>
      <c r="AM39" s="267">
        <v>0</v>
      </c>
      <c r="AN39" s="268">
        <v>0</v>
      </c>
      <c r="AO39" s="268">
        <v>0</v>
      </c>
      <c r="AP39" s="268">
        <v>0</v>
      </c>
      <c r="AQ39" s="268">
        <v>0</v>
      </c>
      <c r="AR39" s="268">
        <v>0</v>
      </c>
      <c r="AS39" s="265">
        <v>0</v>
      </c>
      <c r="AT39" s="270">
        <v>0</v>
      </c>
      <c r="AU39" s="264">
        <v>0</v>
      </c>
      <c r="AV39" s="268">
        <v>0</v>
      </c>
      <c r="AW39" s="265">
        <v>0</v>
      </c>
      <c r="AX39" s="267">
        <v>0</v>
      </c>
      <c r="AY39" s="268">
        <v>0</v>
      </c>
      <c r="AZ39" s="268">
        <v>0</v>
      </c>
      <c r="BA39" s="268">
        <v>0</v>
      </c>
      <c r="BB39" s="268">
        <v>1</v>
      </c>
      <c r="BC39" s="268">
        <v>0</v>
      </c>
      <c r="BD39" s="269">
        <v>1</v>
      </c>
      <c r="BE39" s="270">
        <v>1</v>
      </c>
      <c r="BF39" s="264">
        <v>0</v>
      </c>
      <c r="BG39" s="268">
        <v>0</v>
      </c>
      <c r="BH39" s="265">
        <v>0</v>
      </c>
      <c r="BI39" s="267">
        <v>0</v>
      </c>
      <c r="BJ39" s="268">
        <v>0</v>
      </c>
      <c r="BK39" s="268">
        <v>1</v>
      </c>
      <c r="BL39" s="268">
        <v>0</v>
      </c>
      <c r="BM39" s="268">
        <v>0</v>
      </c>
      <c r="BN39" s="268">
        <v>0</v>
      </c>
      <c r="BO39" s="265">
        <v>1</v>
      </c>
      <c r="BP39" s="270">
        <v>1</v>
      </c>
      <c r="BQ39" s="264">
        <v>0</v>
      </c>
      <c r="BR39" s="268">
        <v>0</v>
      </c>
      <c r="BS39" s="265">
        <v>0</v>
      </c>
      <c r="BT39" s="267">
        <v>0</v>
      </c>
      <c r="BU39" s="268">
        <v>1</v>
      </c>
      <c r="BV39" s="268">
        <v>0</v>
      </c>
      <c r="BW39" s="268">
        <v>0</v>
      </c>
      <c r="BX39" s="268">
        <v>0</v>
      </c>
      <c r="BY39" s="268">
        <v>0</v>
      </c>
      <c r="BZ39" s="265">
        <v>1</v>
      </c>
      <c r="CA39" s="270">
        <v>1</v>
      </c>
      <c r="CB39" s="264">
        <v>0</v>
      </c>
      <c r="CC39" s="268">
        <v>0</v>
      </c>
      <c r="CD39" s="265">
        <v>0</v>
      </c>
      <c r="CE39" s="267">
        <v>0</v>
      </c>
      <c r="CF39" s="268">
        <v>0</v>
      </c>
      <c r="CG39" s="268">
        <v>0</v>
      </c>
      <c r="CH39" s="268">
        <v>0</v>
      </c>
      <c r="CI39" s="268">
        <v>0</v>
      </c>
      <c r="CJ39" s="268">
        <v>0</v>
      </c>
      <c r="CK39" s="265">
        <v>0</v>
      </c>
      <c r="CL39" s="270">
        <v>0</v>
      </c>
      <c r="CM39" s="264">
        <v>0</v>
      </c>
      <c r="CN39" s="268">
        <v>0</v>
      </c>
      <c r="CO39" s="265">
        <v>0</v>
      </c>
      <c r="CP39" s="267">
        <v>0</v>
      </c>
      <c r="CQ39" s="268">
        <v>0</v>
      </c>
      <c r="CR39" s="268">
        <v>0</v>
      </c>
      <c r="CS39" s="268">
        <v>0</v>
      </c>
      <c r="CT39" s="268">
        <v>0</v>
      </c>
      <c r="CU39" s="268">
        <v>0</v>
      </c>
      <c r="CV39" s="265">
        <v>0</v>
      </c>
      <c r="CW39" s="270">
        <v>0</v>
      </c>
      <c r="CX39" s="264">
        <v>0</v>
      </c>
      <c r="CY39" s="268">
        <v>0</v>
      </c>
      <c r="CZ39" s="265">
        <v>0</v>
      </c>
      <c r="DA39" s="267">
        <v>0</v>
      </c>
      <c r="DB39" s="268">
        <v>0</v>
      </c>
      <c r="DC39" s="268">
        <v>0</v>
      </c>
      <c r="DD39" s="268">
        <v>0</v>
      </c>
      <c r="DE39" s="268">
        <v>0</v>
      </c>
      <c r="DF39" s="268">
        <v>0</v>
      </c>
      <c r="DG39" s="265">
        <v>0</v>
      </c>
      <c r="DH39" s="270">
        <v>0</v>
      </c>
      <c r="DI39" s="264">
        <v>0</v>
      </c>
      <c r="DJ39" s="268">
        <v>0</v>
      </c>
      <c r="DK39" s="265">
        <v>0</v>
      </c>
      <c r="DL39" s="267">
        <v>0</v>
      </c>
      <c r="DM39" s="268">
        <v>0</v>
      </c>
      <c r="DN39" s="268">
        <v>0</v>
      </c>
      <c r="DO39" s="268">
        <v>0</v>
      </c>
      <c r="DP39" s="268">
        <v>0</v>
      </c>
      <c r="DQ39" s="268">
        <v>0</v>
      </c>
      <c r="DR39" s="265">
        <v>0</v>
      </c>
      <c r="DS39" s="270">
        <v>0</v>
      </c>
      <c r="DT39" s="264">
        <v>0</v>
      </c>
      <c r="DU39" s="268">
        <v>0</v>
      </c>
      <c r="DV39" s="265">
        <v>0</v>
      </c>
      <c r="DW39" s="267">
        <v>0</v>
      </c>
      <c r="DX39" s="268">
        <v>1</v>
      </c>
      <c r="DY39" s="268">
        <v>1</v>
      </c>
      <c r="DZ39" s="268">
        <v>0</v>
      </c>
      <c r="EA39" s="268">
        <v>0</v>
      </c>
      <c r="EB39" s="268">
        <v>0</v>
      </c>
      <c r="EC39" s="265">
        <v>2</v>
      </c>
      <c r="ED39" s="270">
        <v>2</v>
      </c>
      <c r="EE39" s="264">
        <v>0</v>
      </c>
      <c r="EF39" s="268">
        <v>0</v>
      </c>
      <c r="EG39" s="265">
        <v>0</v>
      </c>
      <c r="EH39" s="267">
        <v>0</v>
      </c>
      <c r="EI39" s="268">
        <v>0</v>
      </c>
      <c r="EJ39" s="268">
        <v>0</v>
      </c>
      <c r="EK39" s="268">
        <v>0</v>
      </c>
      <c r="EL39" s="268">
        <v>1</v>
      </c>
      <c r="EM39" s="268">
        <v>0</v>
      </c>
      <c r="EN39" s="265">
        <v>1</v>
      </c>
      <c r="EO39" s="270">
        <v>1</v>
      </c>
      <c r="EP39" s="264">
        <v>0</v>
      </c>
      <c r="EQ39" s="268">
        <v>0</v>
      </c>
      <c r="ER39" s="265">
        <v>0</v>
      </c>
      <c r="ES39" s="267">
        <v>0</v>
      </c>
      <c r="ET39" s="268">
        <v>1</v>
      </c>
      <c r="EU39" s="268">
        <v>1</v>
      </c>
      <c r="EV39" s="268">
        <v>0</v>
      </c>
      <c r="EW39" s="268">
        <v>0</v>
      </c>
      <c r="EX39" s="268">
        <v>0</v>
      </c>
      <c r="EY39" s="265">
        <v>2</v>
      </c>
      <c r="EZ39" s="270">
        <v>2</v>
      </c>
    </row>
  </sheetData>
  <mergeCells count="59">
    <mergeCell ref="DL4:DR4"/>
    <mergeCell ref="DS4:DS5"/>
    <mergeCell ref="I1:J1"/>
    <mergeCell ref="L1:M1"/>
    <mergeCell ref="AU3:BE3"/>
    <mergeCell ref="BF3:BP3"/>
    <mergeCell ref="BQ3:CA3"/>
    <mergeCell ref="BE4:BE5"/>
    <mergeCell ref="CX3:DH3"/>
    <mergeCell ref="CW4:CW5"/>
    <mergeCell ref="BF4:BH4"/>
    <mergeCell ref="BI4:BO4"/>
    <mergeCell ref="BP4:BP5"/>
    <mergeCell ref="BQ4:BS4"/>
    <mergeCell ref="BT4:BZ4"/>
    <mergeCell ref="CA4:CA5"/>
    <mergeCell ref="B3:B5"/>
    <mergeCell ref="C3:M3"/>
    <mergeCell ref="N3:X3"/>
    <mergeCell ref="X4:X5"/>
    <mergeCell ref="AJ3:AT3"/>
    <mergeCell ref="Y3:AI3"/>
    <mergeCell ref="Y4:AA4"/>
    <mergeCell ref="AB4:AH4"/>
    <mergeCell ref="AI4:AI5"/>
    <mergeCell ref="C4:E4"/>
    <mergeCell ref="F4:L4"/>
    <mergeCell ref="M4:M5"/>
    <mergeCell ref="N4:P4"/>
    <mergeCell ref="Q4:W4"/>
    <mergeCell ref="DT3:ED3"/>
    <mergeCell ref="EE3:EO3"/>
    <mergeCell ref="EP3:EZ3"/>
    <mergeCell ref="CB3:CL3"/>
    <mergeCell ref="CM3:CW3"/>
    <mergeCell ref="DI3:DS3"/>
    <mergeCell ref="CB4:CD4"/>
    <mergeCell ref="CE4:CK4"/>
    <mergeCell ref="AJ4:AL4"/>
    <mergeCell ref="AM4:AS4"/>
    <mergeCell ref="AT4:AT5"/>
    <mergeCell ref="AU4:AW4"/>
    <mergeCell ref="AX4:BD4"/>
    <mergeCell ref="CL4:CL5"/>
    <mergeCell ref="CM4:CO4"/>
    <mergeCell ref="CP4:CV4"/>
    <mergeCell ref="EZ4:EZ5"/>
    <mergeCell ref="CX4:CZ4"/>
    <mergeCell ref="DA4:DG4"/>
    <mergeCell ref="DH4:DH5"/>
    <mergeCell ref="DT4:DV4"/>
    <mergeCell ref="DW4:EC4"/>
    <mergeCell ref="ED4:ED5"/>
    <mergeCell ref="EE4:EG4"/>
    <mergeCell ref="EH4:EN4"/>
    <mergeCell ref="EO4:EO5"/>
    <mergeCell ref="EP4:ER4"/>
    <mergeCell ref="ES4:EY4"/>
    <mergeCell ref="DI4:DK4"/>
  </mergeCells>
  <phoneticPr fontId="4"/>
  <pageMargins left="0.70866141732283472" right="0.70866141732283472" top="0.74803149606299213" bottom="0.74803149606299213" header="0.31496062992125984" footer="0.31496062992125984"/>
  <pageSetup paperSize="9" scale="33" orientation="landscape" r:id="rId1"/>
  <headerFooter>
    <oddFooter>&amp;L&amp;20&amp;A&amp;C&amp;P/&amp;N</oddFooter>
  </headerFooter>
  <colBreaks count="3" manualBreakCount="3">
    <brk id="46" max="1048575" man="1"/>
    <brk id="90" max="1048575" man="1"/>
    <brk id="134" max="1048575" man="1"/>
  </col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
    <tabColor rgb="FF92D050"/>
  </sheetPr>
  <dimension ref="A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42" customWidth="1"/>
    <col min="3" max="4" width="9" style="242"/>
    <col min="5" max="5" width="10.33203125" style="242" customWidth="1"/>
    <col min="6" max="6" width="7.6640625" style="242" customWidth="1"/>
    <col min="7" max="7" width="10.21875" style="242" customWidth="1"/>
    <col min="8" max="8" width="10.44140625" style="242" customWidth="1"/>
    <col min="9" max="16" width="9" style="242"/>
    <col min="17" max="17" width="7.21875" style="242" customWidth="1"/>
    <col min="18" max="27" width="9" style="242"/>
    <col min="28" max="28" width="7.6640625" style="242" customWidth="1"/>
    <col min="29" max="38" width="9" style="242"/>
    <col min="39" max="39" width="7.6640625" style="242" customWidth="1"/>
    <col min="40" max="49" width="9" style="242"/>
    <col min="50" max="50" width="7.21875" style="242" customWidth="1"/>
    <col min="51" max="60" width="9" style="242"/>
    <col min="61" max="61" width="7.21875" style="242" customWidth="1"/>
    <col min="62" max="71" width="9" style="242"/>
    <col min="72" max="72" width="7.33203125" style="242" customWidth="1"/>
    <col min="73" max="82" width="9" style="242"/>
    <col min="83" max="83" width="7.44140625" style="242" customWidth="1"/>
    <col min="84" max="93" width="9" style="242"/>
    <col min="94" max="94" width="7.6640625" style="242" customWidth="1"/>
    <col min="95" max="104" width="9" style="242"/>
    <col min="105" max="105" width="7.44140625" style="242" customWidth="1"/>
    <col min="106" max="115" width="9" style="242"/>
    <col min="116" max="116" width="7.44140625" style="242" customWidth="1"/>
    <col min="117" max="126" width="9" style="242"/>
    <col min="127" max="127" width="7.44140625" style="242" customWidth="1"/>
    <col min="128" max="137" width="9" style="242"/>
    <col min="138" max="138" width="7.33203125" style="242" customWidth="1"/>
    <col min="139" max="148" width="9" style="242"/>
    <col min="149" max="149" width="7.77734375" style="242" customWidth="1"/>
    <col min="150" max="16384" width="9" style="242"/>
  </cols>
  <sheetData>
    <row r="1" spans="2:156" ht="24" customHeight="1" x14ac:dyDescent="0.2">
      <c r="B1" s="271" t="s">
        <v>121</v>
      </c>
      <c r="I1" s="500">
        <f>第１表!F2</f>
        <v>5</v>
      </c>
      <c r="J1" s="500"/>
      <c r="K1" s="235">
        <f>第１表!G2</f>
        <v>12</v>
      </c>
      <c r="L1" s="505">
        <f>IF(K1&lt;3,K1+12-2,K1-2)</f>
        <v>10</v>
      </c>
      <c r="M1" s="505"/>
    </row>
    <row r="2" spans="2:156" ht="24" customHeight="1" thickBot="1" x14ac:dyDescent="0.25">
      <c r="B2" s="271" t="s">
        <v>152</v>
      </c>
      <c r="G2" s="234"/>
      <c r="H2" s="235"/>
      <c r="J2" s="326"/>
      <c r="K2" s="326"/>
    </row>
    <row r="3" spans="2:156" ht="21" customHeight="1" thickBot="1" x14ac:dyDescent="0.25">
      <c r="B3" s="513"/>
      <c r="C3" s="516" t="s">
        <v>70</v>
      </c>
      <c r="D3" s="517"/>
      <c r="E3" s="517"/>
      <c r="F3" s="517"/>
      <c r="G3" s="517"/>
      <c r="H3" s="517"/>
      <c r="I3" s="517"/>
      <c r="J3" s="517"/>
      <c r="K3" s="517"/>
      <c r="L3" s="517"/>
      <c r="M3" s="518"/>
      <c r="N3" s="516" t="s">
        <v>71</v>
      </c>
      <c r="O3" s="517"/>
      <c r="P3" s="517"/>
      <c r="Q3" s="517"/>
      <c r="R3" s="517"/>
      <c r="S3" s="517"/>
      <c r="T3" s="517"/>
      <c r="U3" s="517"/>
      <c r="V3" s="517"/>
      <c r="W3" s="517"/>
      <c r="X3" s="518"/>
      <c r="Y3" s="516" t="s">
        <v>72</v>
      </c>
      <c r="Z3" s="517"/>
      <c r="AA3" s="517"/>
      <c r="AB3" s="517"/>
      <c r="AC3" s="517"/>
      <c r="AD3" s="517"/>
      <c r="AE3" s="517"/>
      <c r="AF3" s="517"/>
      <c r="AG3" s="517"/>
      <c r="AH3" s="517"/>
      <c r="AI3" s="518"/>
      <c r="AJ3" s="516" t="s">
        <v>73</v>
      </c>
      <c r="AK3" s="517"/>
      <c r="AL3" s="517"/>
      <c r="AM3" s="517"/>
      <c r="AN3" s="517"/>
      <c r="AO3" s="517"/>
      <c r="AP3" s="517"/>
      <c r="AQ3" s="517"/>
      <c r="AR3" s="517"/>
      <c r="AS3" s="517"/>
      <c r="AT3" s="518"/>
      <c r="AU3" s="516" t="s">
        <v>74</v>
      </c>
      <c r="AV3" s="517"/>
      <c r="AW3" s="517"/>
      <c r="AX3" s="517"/>
      <c r="AY3" s="517"/>
      <c r="AZ3" s="517"/>
      <c r="BA3" s="517"/>
      <c r="BB3" s="517"/>
      <c r="BC3" s="517"/>
      <c r="BD3" s="517"/>
      <c r="BE3" s="518"/>
      <c r="BF3" s="516" t="s">
        <v>75</v>
      </c>
      <c r="BG3" s="517"/>
      <c r="BH3" s="517"/>
      <c r="BI3" s="517"/>
      <c r="BJ3" s="517"/>
      <c r="BK3" s="517"/>
      <c r="BL3" s="517"/>
      <c r="BM3" s="517"/>
      <c r="BN3" s="517"/>
      <c r="BO3" s="517"/>
      <c r="BP3" s="518"/>
      <c r="BQ3" s="516" t="s">
        <v>76</v>
      </c>
      <c r="BR3" s="517"/>
      <c r="BS3" s="517"/>
      <c r="BT3" s="517"/>
      <c r="BU3" s="517"/>
      <c r="BV3" s="517"/>
      <c r="BW3" s="517"/>
      <c r="BX3" s="517"/>
      <c r="BY3" s="517"/>
      <c r="BZ3" s="517"/>
      <c r="CA3" s="518"/>
      <c r="CB3" s="516" t="s">
        <v>77</v>
      </c>
      <c r="CC3" s="517"/>
      <c r="CD3" s="517"/>
      <c r="CE3" s="517"/>
      <c r="CF3" s="517"/>
      <c r="CG3" s="517"/>
      <c r="CH3" s="517"/>
      <c r="CI3" s="517"/>
      <c r="CJ3" s="517"/>
      <c r="CK3" s="517"/>
      <c r="CL3" s="518"/>
      <c r="CM3" s="516" t="s">
        <v>78</v>
      </c>
      <c r="CN3" s="517"/>
      <c r="CO3" s="517"/>
      <c r="CP3" s="517"/>
      <c r="CQ3" s="517"/>
      <c r="CR3" s="517"/>
      <c r="CS3" s="517"/>
      <c r="CT3" s="517"/>
      <c r="CU3" s="517"/>
      <c r="CV3" s="517"/>
      <c r="CW3" s="518"/>
      <c r="CX3" s="516" t="s">
        <v>79</v>
      </c>
      <c r="CY3" s="517"/>
      <c r="CZ3" s="517"/>
      <c r="DA3" s="517"/>
      <c r="DB3" s="517"/>
      <c r="DC3" s="517"/>
      <c r="DD3" s="517"/>
      <c r="DE3" s="517"/>
      <c r="DF3" s="517"/>
      <c r="DG3" s="517"/>
      <c r="DH3" s="518"/>
      <c r="DI3" s="516" t="s">
        <v>150</v>
      </c>
      <c r="DJ3" s="517"/>
      <c r="DK3" s="517"/>
      <c r="DL3" s="517"/>
      <c r="DM3" s="517"/>
      <c r="DN3" s="517"/>
      <c r="DO3" s="517"/>
      <c r="DP3" s="517"/>
      <c r="DQ3" s="517"/>
      <c r="DR3" s="517"/>
      <c r="DS3" s="518"/>
      <c r="DT3" s="516" t="s">
        <v>80</v>
      </c>
      <c r="DU3" s="517"/>
      <c r="DV3" s="517"/>
      <c r="DW3" s="517"/>
      <c r="DX3" s="517"/>
      <c r="DY3" s="517"/>
      <c r="DZ3" s="517"/>
      <c r="EA3" s="517"/>
      <c r="EB3" s="517"/>
      <c r="EC3" s="517"/>
      <c r="ED3" s="518"/>
      <c r="EE3" s="516" t="s">
        <v>68</v>
      </c>
      <c r="EF3" s="517"/>
      <c r="EG3" s="517"/>
      <c r="EH3" s="517"/>
      <c r="EI3" s="517"/>
      <c r="EJ3" s="517"/>
      <c r="EK3" s="517"/>
      <c r="EL3" s="517"/>
      <c r="EM3" s="517"/>
      <c r="EN3" s="517"/>
      <c r="EO3" s="518"/>
      <c r="EP3" s="519" t="s">
        <v>69</v>
      </c>
      <c r="EQ3" s="520"/>
      <c r="ER3" s="520"/>
      <c r="ES3" s="520"/>
      <c r="ET3" s="520"/>
      <c r="EU3" s="520"/>
      <c r="EV3" s="520"/>
      <c r="EW3" s="520"/>
      <c r="EX3" s="520"/>
      <c r="EY3" s="520"/>
      <c r="EZ3" s="521"/>
    </row>
    <row r="4" spans="2:156" ht="21" customHeight="1" x14ac:dyDescent="0.2">
      <c r="B4" s="514"/>
      <c r="C4" s="508" t="s">
        <v>61</v>
      </c>
      <c r="D4" s="509"/>
      <c r="E4" s="510"/>
      <c r="F4" s="511" t="s">
        <v>62</v>
      </c>
      <c r="G4" s="509"/>
      <c r="H4" s="509"/>
      <c r="I4" s="509"/>
      <c r="J4" s="509"/>
      <c r="K4" s="509"/>
      <c r="L4" s="512"/>
      <c r="M4" s="506" t="s">
        <v>52</v>
      </c>
      <c r="N4" s="508" t="s">
        <v>61</v>
      </c>
      <c r="O4" s="509"/>
      <c r="P4" s="510"/>
      <c r="Q4" s="511" t="s">
        <v>62</v>
      </c>
      <c r="R4" s="509"/>
      <c r="S4" s="509"/>
      <c r="T4" s="509"/>
      <c r="U4" s="509"/>
      <c r="V4" s="509"/>
      <c r="W4" s="510"/>
      <c r="X4" s="506" t="s">
        <v>52</v>
      </c>
      <c r="Y4" s="508" t="s">
        <v>61</v>
      </c>
      <c r="Z4" s="509"/>
      <c r="AA4" s="510"/>
      <c r="AB4" s="511" t="s">
        <v>62</v>
      </c>
      <c r="AC4" s="509"/>
      <c r="AD4" s="509"/>
      <c r="AE4" s="509"/>
      <c r="AF4" s="509"/>
      <c r="AG4" s="509"/>
      <c r="AH4" s="510"/>
      <c r="AI4" s="506" t="s">
        <v>52</v>
      </c>
      <c r="AJ4" s="508" t="s">
        <v>61</v>
      </c>
      <c r="AK4" s="509"/>
      <c r="AL4" s="510"/>
      <c r="AM4" s="511" t="s">
        <v>62</v>
      </c>
      <c r="AN4" s="509"/>
      <c r="AO4" s="509"/>
      <c r="AP4" s="509"/>
      <c r="AQ4" s="509"/>
      <c r="AR4" s="509"/>
      <c r="AS4" s="510"/>
      <c r="AT4" s="506" t="s">
        <v>52</v>
      </c>
      <c r="AU4" s="508" t="s">
        <v>61</v>
      </c>
      <c r="AV4" s="509"/>
      <c r="AW4" s="510"/>
      <c r="AX4" s="511" t="s">
        <v>62</v>
      </c>
      <c r="AY4" s="509"/>
      <c r="AZ4" s="509"/>
      <c r="BA4" s="509"/>
      <c r="BB4" s="509"/>
      <c r="BC4" s="509"/>
      <c r="BD4" s="512"/>
      <c r="BE4" s="506" t="s">
        <v>52</v>
      </c>
      <c r="BF4" s="508" t="s">
        <v>61</v>
      </c>
      <c r="BG4" s="509"/>
      <c r="BH4" s="510"/>
      <c r="BI4" s="511" t="s">
        <v>62</v>
      </c>
      <c r="BJ4" s="509"/>
      <c r="BK4" s="509"/>
      <c r="BL4" s="509"/>
      <c r="BM4" s="509"/>
      <c r="BN4" s="509"/>
      <c r="BO4" s="510"/>
      <c r="BP4" s="506" t="s">
        <v>52</v>
      </c>
      <c r="BQ4" s="508" t="s">
        <v>61</v>
      </c>
      <c r="BR4" s="509"/>
      <c r="BS4" s="510"/>
      <c r="BT4" s="511" t="s">
        <v>62</v>
      </c>
      <c r="BU4" s="509"/>
      <c r="BV4" s="509"/>
      <c r="BW4" s="509"/>
      <c r="BX4" s="509"/>
      <c r="BY4" s="509"/>
      <c r="BZ4" s="510"/>
      <c r="CA4" s="506" t="s">
        <v>52</v>
      </c>
      <c r="CB4" s="508" t="s">
        <v>61</v>
      </c>
      <c r="CC4" s="509"/>
      <c r="CD4" s="510"/>
      <c r="CE4" s="511" t="s">
        <v>62</v>
      </c>
      <c r="CF4" s="509"/>
      <c r="CG4" s="509"/>
      <c r="CH4" s="509"/>
      <c r="CI4" s="509"/>
      <c r="CJ4" s="509"/>
      <c r="CK4" s="510"/>
      <c r="CL4" s="506" t="s">
        <v>52</v>
      </c>
      <c r="CM4" s="508" t="s">
        <v>61</v>
      </c>
      <c r="CN4" s="509"/>
      <c r="CO4" s="510"/>
      <c r="CP4" s="511" t="s">
        <v>62</v>
      </c>
      <c r="CQ4" s="509"/>
      <c r="CR4" s="509"/>
      <c r="CS4" s="509"/>
      <c r="CT4" s="509"/>
      <c r="CU4" s="509"/>
      <c r="CV4" s="510"/>
      <c r="CW4" s="506" t="s">
        <v>52</v>
      </c>
      <c r="CX4" s="508" t="s">
        <v>61</v>
      </c>
      <c r="CY4" s="509"/>
      <c r="CZ4" s="510"/>
      <c r="DA4" s="511" t="s">
        <v>62</v>
      </c>
      <c r="DB4" s="509"/>
      <c r="DC4" s="509"/>
      <c r="DD4" s="509"/>
      <c r="DE4" s="509"/>
      <c r="DF4" s="509"/>
      <c r="DG4" s="510"/>
      <c r="DH4" s="506" t="s">
        <v>52</v>
      </c>
      <c r="DI4" s="508" t="s">
        <v>61</v>
      </c>
      <c r="DJ4" s="509"/>
      <c r="DK4" s="510"/>
      <c r="DL4" s="511" t="s">
        <v>62</v>
      </c>
      <c r="DM4" s="509"/>
      <c r="DN4" s="509"/>
      <c r="DO4" s="509"/>
      <c r="DP4" s="509"/>
      <c r="DQ4" s="509"/>
      <c r="DR4" s="510"/>
      <c r="DS4" s="506" t="s">
        <v>52</v>
      </c>
      <c r="DT4" s="508" t="s">
        <v>61</v>
      </c>
      <c r="DU4" s="509"/>
      <c r="DV4" s="510"/>
      <c r="DW4" s="511" t="s">
        <v>62</v>
      </c>
      <c r="DX4" s="509"/>
      <c r="DY4" s="509"/>
      <c r="DZ4" s="509"/>
      <c r="EA4" s="509"/>
      <c r="EB4" s="509"/>
      <c r="EC4" s="510"/>
      <c r="ED4" s="506" t="s">
        <v>52</v>
      </c>
      <c r="EE4" s="508" t="s">
        <v>61</v>
      </c>
      <c r="EF4" s="509"/>
      <c r="EG4" s="510"/>
      <c r="EH4" s="511" t="s">
        <v>62</v>
      </c>
      <c r="EI4" s="509"/>
      <c r="EJ4" s="509"/>
      <c r="EK4" s="509"/>
      <c r="EL4" s="509"/>
      <c r="EM4" s="509"/>
      <c r="EN4" s="510"/>
      <c r="EO4" s="506" t="s">
        <v>52</v>
      </c>
      <c r="EP4" s="508" t="s">
        <v>61</v>
      </c>
      <c r="EQ4" s="509"/>
      <c r="ER4" s="510"/>
      <c r="ES4" s="511" t="s">
        <v>62</v>
      </c>
      <c r="ET4" s="509"/>
      <c r="EU4" s="509"/>
      <c r="EV4" s="509"/>
      <c r="EW4" s="509"/>
      <c r="EX4" s="509"/>
      <c r="EY4" s="510"/>
      <c r="EZ4" s="506" t="s">
        <v>52</v>
      </c>
    </row>
    <row r="5" spans="2:156" ht="30" customHeight="1" thickBot="1" x14ac:dyDescent="0.25">
      <c r="B5" s="515"/>
      <c r="C5" s="327" t="s">
        <v>43</v>
      </c>
      <c r="D5" s="243" t="s">
        <v>160</v>
      </c>
      <c r="E5" s="356" t="s">
        <v>45</v>
      </c>
      <c r="F5" s="248" t="s">
        <v>83</v>
      </c>
      <c r="G5" s="243" t="s">
        <v>47</v>
      </c>
      <c r="H5" s="243" t="s">
        <v>48</v>
      </c>
      <c r="I5" s="243" t="s">
        <v>49</v>
      </c>
      <c r="J5" s="243" t="s">
        <v>50</v>
      </c>
      <c r="K5" s="243" t="s">
        <v>51</v>
      </c>
      <c r="L5" s="249" t="s">
        <v>45</v>
      </c>
      <c r="M5" s="507"/>
      <c r="N5" s="327" t="s">
        <v>43</v>
      </c>
      <c r="O5" s="243" t="s">
        <v>44</v>
      </c>
      <c r="P5" s="246" t="s">
        <v>45</v>
      </c>
      <c r="Q5" s="248" t="s">
        <v>83</v>
      </c>
      <c r="R5" s="243" t="s">
        <v>47</v>
      </c>
      <c r="S5" s="243" t="s">
        <v>48</v>
      </c>
      <c r="T5" s="243" t="s">
        <v>49</v>
      </c>
      <c r="U5" s="243" t="s">
        <v>50</v>
      </c>
      <c r="V5" s="243" t="s">
        <v>51</v>
      </c>
      <c r="W5" s="246" t="s">
        <v>45</v>
      </c>
      <c r="X5" s="507"/>
      <c r="Y5" s="327" t="s">
        <v>43</v>
      </c>
      <c r="Z5" s="243" t="s">
        <v>44</v>
      </c>
      <c r="AA5" s="246" t="s">
        <v>45</v>
      </c>
      <c r="AB5" s="248" t="s">
        <v>83</v>
      </c>
      <c r="AC5" s="243" t="s">
        <v>47</v>
      </c>
      <c r="AD5" s="243" t="s">
        <v>48</v>
      </c>
      <c r="AE5" s="243" t="s">
        <v>49</v>
      </c>
      <c r="AF5" s="243" t="s">
        <v>50</v>
      </c>
      <c r="AG5" s="243" t="s">
        <v>51</v>
      </c>
      <c r="AH5" s="246" t="s">
        <v>45</v>
      </c>
      <c r="AI5" s="507"/>
      <c r="AJ5" s="327" t="s">
        <v>43</v>
      </c>
      <c r="AK5" s="243" t="s">
        <v>44</v>
      </c>
      <c r="AL5" s="246" t="s">
        <v>45</v>
      </c>
      <c r="AM5" s="248" t="s">
        <v>83</v>
      </c>
      <c r="AN5" s="243" t="s">
        <v>47</v>
      </c>
      <c r="AO5" s="243" t="s">
        <v>48</v>
      </c>
      <c r="AP5" s="243" t="s">
        <v>49</v>
      </c>
      <c r="AQ5" s="243" t="s">
        <v>50</v>
      </c>
      <c r="AR5" s="243" t="s">
        <v>51</v>
      </c>
      <c r="AS5" s="246" t="s">
        <v>45</v>
      </c>
      <c r="AT5" s="507"/>
      <c r="AU5" s="327" t="s">
        <v>43</v>
      </c>
      <c r="AV5" s="243" t="s">
        <v>44</v>
      </c>
      <c r="AW5" s="246" t="s">
        <v>45</v>
      </c>
      <c r="AX5" s="248" t="s">
        <v>83</v>
      </c>
      <c r="AY5" s="243" t="s">
        <v>47</v>
      </c>
      <c r="AZ5" s="243" t="s">
        <v>48</v>
      </c>
      <c r="BA5" s="243" t="s">
        <v>49</v>
      </c>
      <c r="BB5" s="243" t="s">
        <v>50</v>
      </c>
      <c r="BC5" s="243" t="s">
        <v>51</v>
      </c>
      <c r="BD5" s="249" t="s">
        <v>45</v>
      </c>
      <c r="BE5" s="507"/>
      <c r="BF5" s="327" t="s">
        <v>43</v>
      </c>
      <c r="BG5" s="243" t="s">
        <v>44</v>
      </c>
      <c r="BH5" s="246" t="s">
        <v>45</v>
      </c>
      <c r="BI5" s="248" t="s">
        <v>83</v>
      </c>
      <c r="BJ5" s="243" t="s">
        <v>47</v>
      </c>
      <c r="BK5" s="243" t="s">
        <v>48</v>
      </c>
      <c r="BL5" s="243" t="s">
        <v>49</v>
      </c>
      <c r="BM5" s="243" t="s">
        <v>50</v>
      </c>
      <c r="BN5" s="243" t="s">
        <v>51</v>
      </c>
      <c r="BO5" s="246" t="s">
        <v>45</v>
      </c>
      <c r="BP5" s="507"/>
      <c r="BQ5" s="327" t="s">
        <v>43</v>
      </c>
      <c r="BR5" s="243" t="s">
        <v>44</v>
      </c>
      <c r="BS5" s="246" t="s">
        <v>45</v>
      </c>
      <c r="BT5" s="248" t="s">
        <v>83</v>
      </c>
      <c r="BU5" s="243" t="s">
        <v>47</v>
      </c>
      <c r="BV5" s="243" t="s">
        <v>48</v>
      </c>
      <c r="BW5" s="243" t="s">
        <v>49</v>
      </c>
      <c r="BX5" s="243" t="s">
        <v>50</v>
      </c>
      <c r="BY5" s="243" t="s">
        <v>51</v>
      </c>
      <c r="BZ5" s="246" t="s">
        <v>45</v>
      </c>
      <c r="CA5" s="507"/>
      <c r="CB5" s="327" t="s">
        <v>43</v>
      </c>
      <c r="CC5" s="243" t="s">
        <v>44</v>
      </c>
      <c r="CD5" s="246" t="s">
        <v>45</v>
      </c>
      <c r="CE5" s="248" t="s">
        <v>83</v>
      </c>
      <c r="CF5" s="243" t="s">
        <v>47</v>
      </c>
      <c r="CG5" s="243" t="s">
        <v>48</v>
      </c>
      <c r="CH5" s="243" t="s">
        <v>49</v>
      </c>
      <c r="CI5" s="243" t="s">
        <v>50</v>
      </c>
      <c r="CJ5" s="243" t="s">
        <v>51</v>
      </c>
      <c r="CK5" s="246" t="s">
        <v>45</v>
      </c>
      <c r="CL5" s="507"/>
      <c r="CM5" s="327" t="s">
        <v>43</v>
      </c>
      <c r="CN5" s="243" t="s">
        <v>44</v>
      </c>
      <c r="CO5" s="246" t="s">
        <v>45</v>
      </c>
      <c r="CP5" s="248" t="s">
        <v>83</v>
      </c>
      <c r="CQ5" s="243" t="s">
        <v>47</v>
      </c>
      <c r="CR5" s="243" t="s">
        <v>48</v>
      </c>
      <c r="CS5" s="243" t="s">
        <v>49</v>
      </c>
      <c r="CT5" s="243" t="s">
        <v>50</v>
      </c>
      <c r="CU5" s="243" t="s">
        <v>51</v>
      </c>
      <c r="CV5" s="246" t="s">
        <v>45</v>
      </c>
      <c r="CW5" s="507"/>
      <c r="CX5" s="327" t="s">
        <v>43</v>
      </c>
      <c r="CY5" s="243" t="s">
        <v>44</v>
      </c>
      <c r="CZ5" s="246" t="s">
        <v>45</v>
      </c>
      <c r="DA5" s="248" t="s">
        <v>83</v>
      </c>
      <c r="DB5" s="243" t="s">
        <v>47</v>
      </c>
      <c r="DC5" s="243" t="s">
        <v>48</v>
      </c>
      <c r="DD5" s="243" t="s">
        <v>49</v>
      </c>
      <c r="DE5" s="243" t="s">
        <v>50</v>
      </c>
      <c r="DF5" s="243" t="s">
        <v>51</v>
      </c>
      <c r="DG5" s="246" t="s">
        <v>45</v>
      </c>
      <c r="DH5" s="507"/>
      <c r="DI5" s="327" t="s">
        <v>43</v>
      </c>
      <c r="DJ5" s="243" t="s">
        <v>44</v>
      </c>
      <c r="DK5" s="246" t="s">
        <v>45</v>
      </c>
      <c r="DL5" s="248" t="s">
        <v>83</v>
      </c>
      <c r="DM5" s="243" t="s">
        <v>47</v>
      </c>
      <c r="DN5" s="243" t="s">
        <v>48</v>
      </c>
      <c r="DO5" s="243" t="s">
        <v>49</v>
      </c>
      <c r="DP5" s="243" t="s">
        <v>50</v>
      </c>
      <c r="DQ5" s="243" t="s">
        <v>51</v>
      </c>
      <c r="DR5" s="246" t="s">
        <v>45</v>
      </c>
      <c r="DS5" s="507"/>
      <c r="DT5" s="327" t="s">
        <v>43</v>
      </c>
      <c r="DU5" s="243" t="s">
        <v>44</v>
      </c>
      <c r="DV5" s="246" t="s">
        <v>45</v>
      </c>
      <c r="DW5" s="248" t="s">
        <v>83</v>
      </c>
      <c r="DX5" s="243" t="s">
        <v>47</v>
      </c>
      <c r="DY5" s="243" t="s">
        <v>48</v>
      </c>
      <c r="DZ5" s="243" t="s">
        <v>49</v>
      </c>
      <c r="EA5" s="243" t="s">
        <v>50</v>
      </c>
      <c r="EB5" s="243" t="s">
        <v>51</v>
      </c>
      <c r="EC5" s="246" t="s">
        <v>45</v>
      </c>
      <c r="ED5" s="507"/>
      <c r="EE5" s="327" t="s">
        <v>43</v>
      </c>
      <c r="EF5" s="243" t="s">
        <v>44</v>
      </c>
      <c r="EG5" s="246" t="s">
        <v>45</v>
      </c>
      <c r="EH5" s="248" t="s">
        <v>83</v>
      </c>
      <c r="EI5" s="243" t="s">
        <v>47</v>
      </c>
      <c r="EJ5" s="243" t="s">
        <v>48</v>
      </c>
      <c r="EK5" s="243" t="s">
        <v>49</v>
      </c>
      <c r="EL5" s="243" t="s">
        <v>50</v>
      </c>
      <c r="EM5" s="243" t="s">
        <v>51</v>
      </c>
      <c r="EN5" s="246" t="s">
        <v>45</v>
      </c>
      <c r="EO5" s="507"/>
      <c r="EP5" s="327" t="s">
        <v>43</v>
      </c>
      <c r="EQ5" s="243" t="s">
        <v>44</v>
      </c>
      <c r="ER5" s="246" t="s">
        <v>45</v>
      </c>
      <c r="ES5" s="248" t="s">
        <v>83</v>
      </c>
      <c r="ET5" s="243" t="s">
        <v>47</v>
      </c>
      <c r="EU5" s="243" t="s">
        <v>48</v>
      </c>
      <c r="EV5" s="243" t="s">
        <v>49</v>
      </c>
      <c r="EW5" s="243" t="s">
        <v>50</v>
      </c>
      <c r="EX5" s="243" t="s">
        <v>51</v>
      </c>
      <c r="EY5" s="246" t="s">
        <v>45</v>
      </c>
      <c r="EZ5" s="507"/>
    </row>
    <row r="6" spans="2:156" ht="21" customHeight="1" x14ac:dyDescent="0.2">
      <c r="B6" s="470" t="s">
        <v>4</v>
      </c>
      <c r="C6" s="250">
        <v>0</v>
      </c>
      <c r="D6" s="254">
        <v>0</v>
      </c>
      <c r="E6" s="357">
        <v>0</v>
      </c>
      <c r="F6" s="253">
        <v>0</v>
      </c>
      <c r="G6" s="254">
        <v>1149</v>
      </c>
      <c r="H6" s="254">
        <v>1305</v>
      </c>
      <c r="I6" s="254">
        <v>670</v>
      </c>
      <c r="J6" s="254">
        <v>581</v>
      </c>
      <c r="K6" s="254">
        <v>409</v>
      </c>
      <c r="L6" s="255">
        <v>4114</v>
      </c>
      <c r="M6" s="256">
        <v>4114</v>
      </c>
      <c r="N6" s="250">
        <v>0</v>
      </c>
      <c r="O6" s="254">
        <v>4</v>
      </c>
      <c r="P6" s="251">
        <v>4</v>
      </c>
      <c r="Q6" s="253">
        <v>0</v>
      </c>
      <c r="R6" s="254">
        <v>14</v>
      </c>
      <c r="S6" s="254">
        <v>31</v>
      </c>
      <c r="T6" s="254">
        <v>62</v>
      </c>
      <c r="U6" s="254">
        <v>115</v>
      </c>
      <c r="V6" s="254">
        <v>208</v>
      </c>
      <c r="W6" s="251">
        <v>430</v>
      </c>
      <c r="X6" s="256">
        <v>434</v>
      </c>
      <c r="Y6" s="250">
        <v>224</v>
      </c>
      <c r="Z6" s="254">
        <v>463</v>
      </c>
      <c r="AA6" s="251">
        <v>687</v>
      </c>
      <c r="AB6" s="253">
        <v>0</v>
      </c>
      <c r="AC6" s="254">
        <v>930</v>
      </c>
      <c r="AD6" s="254">
        <v>1292</v>
      </c>
      <c r="AE6" s="254">
        <v>720</v>
      </c>
      <c r="AF6" s="254">
        <v>618</v>
      </c>
      <c r="AG6" s="254">
        <v>399</v>
      </c>
      <c r="AH6" s="251">
        <v>3959</v>
      </c>
      <c r="AI6" s="256">
        <v>4646</v>
      </c>
      <c r="AJ6" s="250">
        <v>19</v>
      </c>
      <c r="AK6" s="254">
        <v>65</v>
      </c>
      <c r="AL6" s="251">
        <v>84</v>
      </c>
      <c r="AM6" s="253">
        <v>0</v>
      </c>
      <c r="AN6" s="254">
        <v>94</v>
      </c>
      <c r="AO6" s="254">
        <v>160</v>
      </c>
      <c r="AP6" s="254">
        <v>83</v>
      </c>
      <c r="AQ6" s="254">
        <v>79</v>
      </c>
      <c r="AR6" s="254">
        <v>36</v>
      </c>
      <c r="AS6" s="251">
        <v>452</v>
      </c>
      <c r="AT6" s="256">
        <v>536</v>
      </c>
      <c r="AU6" s="250">
        <v>304</v>
      </c>
      <c r="AV6" s="254">
        <v>358</v>
      </c>
      <c r="AW6" s="251">
        <v>662</v>
      </c>
      <c r="AX6" s="253">
        <v>0</v>
      </c>
      <c r="AY6" s="254">
        <v>1237</v>
      </c>
      <c r="AZ6" s="254">
        <v>1640</v>
      </c>
      <c r="BA6" s="254">
        <v>1384</v>
      </c>
      <c r="BB6" s="254">
        <v>1454</v>
      </c>
      <c r="BC6" s="254">
        <v>1011</v>
      </c>
      <c r="BD6" s="255">
        <v>6726</v>
      </c>
      <c r="BE6" s="256">
        <v>7388</v>
      </c>
      <c r="BF6" s="250">
        <v>0</v>
      </c>
      <c r="BG6" s="254">
        <v>0</v>
      </c>
      <c r="BH6" s="251">
        <v>0</v>
      </c>
      <c r="BI6" s="253">
        <v>0</v>
      </c>
      <c r="BJ6" s="254">
        <v>1384</v>
      </c>
      <c r="BK6" s="254">
        <v>1216</v>
      </c>
      <c r="BL6" s="254">
        <v>575</v>
      </c>
      <c r="BM6" s="254">
        <v>331</v>
      </c>
      <c r="BN6" s="254">
        <v>147</v>
      </c>
      <c r="BO6" s="251">
        <v>3653</v>
      </c>
      <c r="BP6" s="256">
        <v>3653</v>
      </c>
      <c r="BQ6" s="250">
        <v>125</v>
      </c>
      <c r="BR6" s="254">
        <v>179</v>
      </c>
      <c r="BS6" s="251">
        <v>304</v>
      </c>
      <c r="BT6" s="253">
        <v>0</v>
      </c>
      <c r="BU6" s="254">
        <v>341</v>
      </c>
      <c r="BV6" s="254">
        <v>515</v>
      </c>
      <c r="BW6" s="254">
        <v>290</v>
      </c>
      <c r="BX6" s="254">
        <v>179</v>
      </c>
      <c r="BY6" s="254">
        <v>64</v>
      </c>
      <c r="BZ6" s="251">
        <v>1389</v>
      </c>
      <c r="CA6" s="256">
        <v>1693</v>
      </c>
      <c r="CB6" s="250">
        <v>6</v>
      </c>
      <c r="CC6" s="254">
        <v>18</v>
      </c>
      <c r="CD6" s="251">
        <v>24</v>
      </c>
      <c r="CE6" s="253">
        <v>0</v>
      </c>
      <c r="CF6" s="254">
        <v>156</v>
      </c>
      <c r="CG6" s="254">
        <v>266</v>
      </c>
      <c r="CH6" s="254">
        <v>272</v>
      </c>
      <c r="CI6" s="254">
        <v>195</v>
      </c>
      <c r="CJ6" s="254">
        <v>93</v>
      </c>
      <c r="CK6" s="251">
        <v>982</v>
      </c>
      <c r="CL6" s="256">
        <v>1006</v>
      </c>
      <c r="CM6" s="250">
        <v>1</v>
      </c>
      <c r="CN6" s="254">
        <v>3</v>
      </c>
      <c r="CO6" s="251">
        <v>4</v>
      </c>
      <c r="CP6" s="253">
        <v>0</v>
      </c>
      <c r="CQ6" s="254">
        <v>24</v>
      </c>
      <c r="CR6" s="254">
        <v>48</v>
      </c>
      <c r="CS6" s="254">
        <v>47</v>
      </c>
      <c r="CT6" s="254">
        <v>46</v>
      </c>
      <c r="CU6" s="254">
        <v>26</v>
      </c>
      <c r="CV6" s="251">
        <v>191</v>
      </c>
      <c r="CW6" s="256">
        <v>195</v>
      </c>
      <c r="CX6" s="250">
        <v>0</v>
      </c>
      <c r="CY6" s="254">
        <v>0</v>
      </c>
      <c r="CZ6" s="251">
        <v>0</v>
      </c>
      <c r="DA6" s="253">
        <v>0</v>
      </c>
      <c r="DB6" s="254">
        <v>0</v>
      </c>
      <c r="DC6" s="254">
        <v>0</v>
      </c>
      <c r="DD6" s="254">
        <v>0</v>
      </c>
      <c r="DE6" s="254">
        <v>0</v>
      </c>
      <c r="DF6" s="254">
        <v>0</v>
      </c>
      <c r="DG6" s="251">
        <v>0</v>
      </c>
      <c r="DH6" s="256">
        <v>0</v>
      </c>
      <c r="DI6" s="250">
        <v>0</v>
      </c>
      <c r="DJ6" s="254">
        <v>0</v>
      </c>
      <c r="DK6" s="251">
        <v>0</v>
      </c>
      <c r="DL6" s="253">
        <v>0</v>
      </c>
      <c r="DM6" s="254">
        <v>0</v>
      </c>
      <c r="DN6" s="254">
        <v>0</v>
      </c>
      <c r="DO6" s="254">
        <v>0</v>
      </c>
      <c r="DP6" s="254">
        <v>0</v>
      </c>
      <c r="DQ6" s="254">
        <v>0</v>
      </c>
      <c r="DR6" s="251">
        <v>0</v>
      </c>
      <c r="DS6" s="256">
        <v>0</v>
      </c>
      <c r="DT6" s="250">
        <v>616</v>
      </c>
      <c r="DU6" s="254">
        <v>1323</v>
      </c>
      <c r="DV6" s="251">
        <v>1939</v>
      </c>
      <c r="DW6" s="253">
        <v>0</v>
      </c>
      <c r="DX6" s="254">
        <v>1646</v>
      </c>
      <c r="DY6" s="254">
        <v>2788</v>
      </c>
      <c r="DZ6" s="254">
        <v>1582</v>
      </c>
      <c r="EA6" s="254">
        <v>1225</v>
      </c>
      <c r="EB6" s="254">
        <v>743</v>
      </c>
      <c r="EC6" s="251">
        <v>7984</v>
      </c>
      <c r="ED6" s="256">
        <v>9923</v>
      </c>
      <c r="EE6" s="250">
        <v>206</v>
      </c>
      <c r="EF6" s="254">
        <v>153</v>
      </c>
      <c r="EG6" s="251">
        <v>359</v>
      </c>
      <c r="EH6" s="253">
        <v>0</v>
      </c>
      <c r="EI6" s="254">
        <v>626</v>
      </c>
      <c r="EJ6" s="254">
        <v>645</v>
      </c>
      <c r="EK6" s="254">
        <v>585</v>
      </c>
      <c r="EL6" s="254">
        <v>655</v>
      </c>
      <c r="EM6" s="254">
        <v>390</v>
      </c>
      <c r="EN6" s="251">
        <v>2901</v>
      </c>
      <c r="EO6" s="256">
        <v>3260</v>
      </c>
      <c r="EP6" s="250">
        <v>903</v>
      </c>
      <c r="EQ6" s="254">
        <v>1710</v>
      </c>
      <c r="ER6" s="251">
        <v>2613</v>
      </c>
      <c r="ES6" s="253">
        <v>0</v>
      </c>
      <c r="ET6" s="254">
        <v>3819</v>
      </c>
      <c r="EU6" s="254">
        <v>3946</v>
      </c>
      <c r="EV6" s="254">
        <v>1924</v>
      </c>
      <c r="EW6" s="254">
        <v>1360</v>
      </c>
      <c r="EX6" s="254">
        <v>770</v>
      </c>
      <c r="EY6" s="251">
        <v>11819</v>
      </c>
      <c r="EZ6" s="256">
        <v>14432</v>
      </c>
    </row>
    <row r="7" spans="2:156" ht="21" customHeight="1" x14ac:dyDescent="0.2">
      <c r="B7" s="471" t="s">
        <v>5</v>
      </c>
      <c r="C7" s="257">
        <v>0</v>
      </c>
      <c r="D7" s="261">
        <v>0</v>
      </c>
      <c r="E7" s="358">
        <v>0</v>
      </c>
      <c r="F7" s="260">
        <v>0</v>
      </c>
      <c r="G7" s="261">
        <v>447</v>
      </c>
      <c r="H7" s="261">
        <v>694</v>
      </c>
      <c r="I7" s="261">
        <v>312</v>
      </c>
      <c r="J7" s="261">
        <v>265</v>
      </c>
      <c r="K7" s="261">
        <v>171</v>
      </c>
      <c r="L7" s="262">
        <v>1889</v>
      </c>
      <c r="M7" s="263">
        <v>1889</v>
      </c>
      <c r="N7" s="257">
        <v>0</v>
      </c>
      <c r="O7" s="261">
        <v>3</v>
      </c>
      <c r="P7" s="258">
        <v>3</v>
      </c>
      <c r="Q7" s="260">
        <v>0</v>
      </c>
      <c r="R7" s="261">
        <v>4</v>
      </c>
      <c r="S7" s="261">
        <v>9</v>
      </c>
      <c r="T7" s="261">
        <v>26</v>
      </c>
      <c r="U7" s="261">
        <v>42</v>
      </c>
      <c r="V7" s="261">
        <v>105</v>
      </c>
      <c r="W7" s="258">
        <v>186</v>
      </c>
      <c r="X7" s="263">
        <v>189</v>
      </c>
      <c r="Y7" s="257">
        <v>109</v>
      </c>
      <c r="Z7" s="261">
        <v>229</v>
      </c>
      <c r="AA7" s="258">
        <v>338</v>
      </c>
      <c r="AB7" s="260">
        <v>0</v>
      </c>
      <c r="AC7" s="261">
        <v>331</v>
      </c>
      <c r="AD7" s="261">
        <v>689</v>
      </c>
      <c r="AE7" s="261">
        <v>352</v>
      </c>
      <c r="AF7" s="261">
        <v>278</v>
      </c>
      <c r="AG7" s="261">
        <v>180</v>
      </c>
      <c r="AH7" s="258">
        <v>1830</v>
      </c>
      <c r="AI7" s="263">
        <v>2168</v>
      </c>
      <c r="AJ7" s="257">
        <v>9</v>
      </c>
      <c r="AK7" s="261">
        <v>35</v>
      </c>
      <c r="AL7" s="258">
        <v>44</v>
      </c>
      <c r="AM7" s="260">
        <v>0</v>
      </c>
      <c r="AN7" s="261">
        <v>35</v>
      </c>
      <c r="AO7" s="261">
        <v>76</v>
      </c>
      <c r="AP7" s="261">
        <v>33</v>
      </c>
      <c r="AQ7" s="261">
        <v>36</v>
      </c>
      <c r="AR7" s="261">
        <v>12</v>
      </c>
      <c r="AS7" s="258">
        <v>192</v>
      </c>
      <c r="AT7" s="263">
        <v>236</v>
      </c>
      <c r="AU7" s="257">
        <v>138</v>
      </c>
      <c r="AV7" s="261">
        <v>180</v>
      </c>
      <c r="AW7" s="258">
        <v>318</v>
      </c>
      <c r="AX7" s="260">
        <v>0</v>
      </c>
      <c r="AY7" s="261">
        <v>487</v>
      </c>
      <c r="AZ7" s="261">
        <v>782</v>
      </c>
      <c r="BA7" s="261">
        <v>622</v>
      </c>
      <c r="BB7" s="261">
        <v>648</v>
      </c>
      <c r="BC7" s="261">
        <v>420</v>
      </c>
      <c r="BD7" s="262">
        <v>2959</v>
      </c>
      <c r="BE7" s="263">
        <v>3277</v>
      </c>
      <c r="BF7" s="257">
        <v>0</v>
      </c>
      <c r="BG7" s="261">
        <v>0</v>
      </c>
      <c r="BH7" s="258">
        <v>0</v>
      </c>
      <c r="BI7" s="260">
        <v>0</v>
      </c>
      <c r="BJ7" s="261">
        <v>453</v>
      </c>
      <c r="BK7" s="261">
        <v>538</v>
      </c>
      <c r="BL7" s="261">
        <v>221</v>
      </c>
      <c r="BM7" s="261">
        <v>128</v>
      </c>
      <c r="BN7" s="261">
        <v>61</v>
      </c>
      <c r="BO7" s="258">
        <v>1401</v>
      </c>
      <c r="BP7" s="263">
        <v>1401</v>
      </c>
      <c r="BQ7" s="257">
        <v>57</v>
      </c>
      <c r="BR7" s="261">
        <v>100</v>
      </c>
      <c r="BS7" s="258">
        <v>157</v>
      </c>
      <c r="BT7" s="260">
        <v>0</v>
      </c>
      <c r="BU7" s="261">
        <v>113</v>
      </c>
      <c r="BV7" s="261">
        <v>256</v>
      </c>
      <c r="BW7" s="261">
        <v>132</v>
      </c>
      <c r="BX7" s="261">
        <v>74</v>
      </c>
      <c r="BY7" s="261">
        <v>29</v>
      </c>
      <c r="BZ7" s="258">
        <v>604</v>
      </c>
      <c r="CA7" s="263">
        <v>761</v>
      </c>
      <c r="CB7" s="257">
        <v>3</v>
      </c>
      <c r="CC7" s="261">
        <v>5</v>
      </c>
      <c r="CD7" s="258">
        <v>8</v>
      </c>
      <c r="CE7" s="260">
        <v>0</v>
      </c>
      <c r="CF7" s="261">
        <v>46</v>
      </c>
      <c r="CG7" s="261">
        <v>107</v>
      </c>
      <c r="CH7" s="261">
        <v>110</v>
      </c>
      <c r="CI7" s="261">
        <v>70</v>
      </c>
      <c r="CJ7" s="261">
        <v>39</v>
      </c>
      <c r="CK7" s="258">
        <v>372</v>
      </c>
      <c r="CL7" s="263">
        <v>380</v>
      </c>
      <c r="CM7" s="257">
        <v>1</v>
      </c>
      <c r="CN7" s="261">
        <v>3</v>
      </c>
      <c r="CO7" s="258">
        <v>4</v>
      </c>
      <c r="CP7" s="260">
        <v>0</v>
      </c>
      <c r="CQ7" s="261">
        <v>7</v>
      </c>
      <c r="CR7" s="261">
        <v>33</v>
      </c>
      <c r="CS7" s="261">
        <v>30</v>
      </c>
      <c r="CT7" s="261">
        <v>30</v>
      </c>
      <c r="CU7" s="261">
        <v>13</v>
      </c>
      <c r="CV7" s="258">
        <v>113</v>
      </c>
      <c r="CW7" s="263">
        <v>117</v>
      </c>
      <c r="CX7" s="257">
        <v>0</v>
      </c>
      <c r="CY7" s="261">
        <v>0</v>
      </c>
      <c r="CZ7" s="258">
        <v>0</v>
      </c>
      <c r="DA7" s="260">
        <v>0</v>
      </c>
      <c r="DB7" s="261">
        <v>0</v>
      </c>
      <c r="DC7" s="261">
        <v>0</v>
      </c>
      <c r="DD7" s="261">
        <v>0</v>
      </c>
      <c r="DE7" s="261">
        <v>0</v>
      </c>
      <c r="DF7" s="261">
        <v>0</v>
      </c>
      <c r="DG7" s="258">
        <v>0</v>
      </c>
      <c r="DH7" s="263">
        <v>0</v>
      </c>
      <c r="DI7" s="257">
        <v>0</v>
      </c>
      <c r="DJ7" s="261">
        <v>0</v>
      </c>
      <c r="DK7" s="258">
        <v>0</v>
      </c>
      <c r="DL7" s="260">
        <v>0</v>
      </c>
      <c r="DM7" s="261">
        <v>0</v>
      </c>
      <c r="DN7" s="261">
        <v>0</v>
      </c>
      <c r="DO7" s="261">
        <v>0</v>
      </c>
      <c r="DP7" s="261">
        <v>0</v>
      </c>
      <c r="DQ7" s="261">
        <v>0</v>
      </c>
      <c r="DR7" s="258">
        <v>0</v>
      </c>
      <c r="DS7" s="263">
        <v>0</v>
      </c>
      <c r="DT7" s="257">
        <v>226</v>
      </c>
      <c r="DU7" s="261">
        <v>598</v>
      </c>
      <c r="DV7" s="258">
        <v>824</v>
      </c>
      <c r="DW7" s="260">
        <v>0</v>
      </c>
      <c r="DX7" s="261">
        <v>499</v>
      </c>
      <c r="DY7" s="261">
        <v>1301</v>
      </c>
      <c r="DZ7" s="261">
        <v>667</v>
      </c>
      <c r="EA7" s="261">
        <v>543</v>
      </c>
      <c r="EB7" s="261">
        <v>309</v>
      </c>
      <c r="EC7" s="258">
        <v>3319</v>
      </c>
      <c r="ED7" s="263">
        <v>4143</v>
      </c>
      <c r="EE7" s="257">
        <v>90</v>
      </c>
      <c r="EF7" s="261">
        <v>79</v>
      </c>
      <c r="EG7" s="258">
        <v>169</v>
      </c>
      <c r="EH7" s="260">
        <v>0</v>
      </c>
      <c r="EI7" s="261">
        <v>262</v>
      </c>
      <c r="EJ7" s="261">
        <v>325</v>
      </c>
      <c r="EK7" s="261">
        <v>276</v>
      </c>
      <c r="EL7" s="261">
        <v>296</v>
      </c>
      <c r="EM7" s="261">
        <v>158</v>
      </c>
      <c r="EN7" s="258">
        <v>1317</v>
      </c>
      <c r="EO7" s="263">
        <v>1486</v>
      </c>
      <c r="EP7" s="257">
        <v>366</v>
      </c>
      <c r="EQ7" s="261">
        <v>809</v>
      </c>
      <c r="ER7" s="258">
        <v>1175</v>
      </c>
      <c r="ES7" s="260">
        <v>0</v>
      </c>
      <c r="ET7" s="261">
        <v>1338</v>
      </c>
      <c r="EU7" s="261">
        <v>1914</v>
      </c>
      <c r="EV7" s="261">
        <v>854</v>
      </c>
      <c r="EW7" s="261">
        <v>594</v>
      </c>
      <c r="EX7" s="261">
        <v>338</v>
      </c>
      <c r="EY7" s="258">
        <v>5038</v>
      </c>
      <c r="EZ7" s="263">
        <v>6213</v>
      </c>
    </row>
    <row r="8" spans="2:156" ht="21" customHeight="1" x14ac:dyDescent="0.2">
      <c r="B8" s="472" t="s">
        <v>6</v>
      </c>
      <c r="C8" s="257">
        <v>0</v>
      </c>
      <c r="D8" s="261">
        <v>0</v>
      </c>
      <c r="E8" s="358">
        <v>0</v>
      </c>
      <c r="F8" s="260">
        <v>0</v>
      </c>
      <c r="G8" s="261">
        <v>221</v>
      </c>
      <c r="H8" s="261">
        <v>179</v>
      </c>
      <c r="I8" s="261">
        <v>98</v>
      </c>
      <c r="J8" s="261">
        <v>87</v>
      </c>
      <c r="K8" s="261">
        <v>71</v>
      </c>
      <c r="L8" s="262">
        <v>656</v>
      </c>
      <c r="M8" s="263">
        <v>656</v>
      </c>
      <c r="N8" s="257">
        <v>0</v>
      </c>
      <c r="O8" s="261">
        <v>0</v>
      </c>
      <c r="P8" s="258">
        <v>0</v>
      </c>
      <c r="Q8" s="260">
        <v>0</v>
      </c>
      <c r="R8" s="261">
        <v>2</v>
      </c>
      <c r="S8" s="261">
        <v>11</v>
      </c>
      <c r="T8" s="261">
        <v>16</v>
      </c>
      <c r="U8" s="261">
        <v>19</v>
      </c>
      <c r="V8" s="261">
        <v>26</v>
      </c>
      <c r="W8" s="258">
        <v>74</v>
      </c>
      <c r="X8" s="263">
        <v>74</v>
      </c>
      <c r="Y8" s="257">
        <v>37</v>
      </c>
      <c r="Z8" s="261">
        <v>85</v>
      </c>
      <c r="AA8" s="258">
        <v>122</v>
      </c>
      <c r="AB8" s="260">
        <v>0</v>
      </c>
      <c r="AC8" s="261">
        <v>221</v>
      </c>
      <c r="AD8" s="261">
        <v>199</v>
      </c>
      <c r="AE8" s="261">
        <v>121</v>
      </c>
      <c r="AF8" s="261">
        <v>105</v>
      </c>
      <c r="AG8" s="261">
        <v>61</v>
      </c>
      <c r="AH8" s="258">
        <v>707</v>
      </c>
      <c r="AI8" s="263">
        <v>829</v>
      </c>
      <c r="AJ8" s="257">
        <v>4</v>
      </c>
      <c r="AK8" s="261">
        <v>6</v>
      </c>
      <c r="AL8" s="258">
        <v>10</v>
      </c>
      <c r="AM8" s="260">
        <v>0</v>
      </c>
      <c r="AN8" s="261">
        <v>19</v>
      </c>
      <c r="AO8" s="261">
        <v>15</v>
      </c>
      <c r="AP8" s="261">
        <v>16</v>
      </c>
      <c r="AQ8" s="261">
        <v>12</v>
      </c>
      <c r="AR8" s="261">
        <v>5</v>
      </c>
      <c r="AS8" s="258">
        <v>67</v>
      </c>
      <c r="AT8" s="263">
        <v>77</v>
      </c>
      <c r="AU8" s="257">
        <v>46</v>
      </c>
      <c r="AV8" s="261">
        <v>61</v>
      </c>
      <c r="AW8" s="258">
        <v>107</v>
      </c>
      <c r="AX8" s="260">
        <v>0</v>
      </c>
      <c r="AY8" s="261">
        <v>253</v>
      </c>
      <c r="AZ8" s="261">
        <v>292</v>
      </c>
      <c r="BA8" s="261">
        <v>230</v>
      </c>
      <c r="BB8" s="261">
        <v>267</v>
      </c>
      <c r="BC8" s="261">
        <v>202</v>
      </c>
      <c r="BD8" s="262">
        <v>1244</v>
      </c>
      <c r="BE8" s="263">
        <v>1351</v>
      </c>
      <c r="BF8" s="257">
        <v>0</v>
      </c>
      <c r="BG8" s="261">
        <v>0</v>
      </c>
      <c r="BH8" s="258">
        <v>0</v>
      </c>
      <c r="BI8" s="260">
        <v>0</v>
      </c>
      <c r="BJ8" s="261">
        <v>277</v>
      </c>
      <c r="BK8" s="261">
        <v>178</v>
      </c>
      <c r="BL8" s="261">
        <v>88</v>
      </c>
      <c r="BM8" s="261">
        <v>52</v>
      </c>
      <c r="BN8" s="261">
        <v>26</v>
      </c>
      <c r="BO8" s="258">
        <v>621</v>
      </c>
      <c r="BP8" s="263">
        <v>621</v>
      </c>
      <c r="BQ8" s="257">
        <v>14</v>
      </c>
      <c r="BR8" s="261">
        <v>16</v>
      </c>
      <c r="BS8" s="258">
        <v>30</v>
      </c>
      <c r="BT8" s="260">
        <v>0</v>
      </c>
      <c r="BU8" s="261">
        <v>63</v>
      </c>
      <c r="BV8" s="261">
        <v>65</v>
      </c>
      <c r="BW8" s="261">
        <v>36</v>
      </c>
      <c r="BX8" s="261">
        <v>30</v>
      </c>
      <c r="BY8" s="261">
        <v>8</v>
      </c>
      <c r="BZ8" s="258">
        <v>202</v>
      </c>
      <c r="CA8" s="263">
        <v>232</v>
      </c>
      <c r="CB8" s="257">
        <v>1</v>
      </c>
      <c r="CC8" s="261">
        <v>2</v>
      </c>
      <c r="CD8" s="258">
        <v>3</v>
      </c>
      <c r="CE8" s="260">
        <v>0</v>
      </c>
      <c r="CF8" s="261">
        <v>21</v>
      </c>
      <c r="CG8" s="261">
        <v>35</v>
      </c>
      <c r="CH8" s="261">
        <v>47</v>
      </c>
      <c r="CI8" s="261">
        <v>26</v>
      </c>
      <c r="CJ8" s="261">
        <v>14</v>
      </c>
      <c r="CK8" s="258">
        <v>143</v>
      </c>
      <c r="CL8" s="263">
        <v>146</v>
      </c>
      <c r="CM8" s="257">
        <v>0</v>
      </c>
      <c r="CN8" s="261">
        <v>0</v>
      </c>
      <c r="CO8" s="258">
        <v>0</v>
      </c>
      <c r="CP8" s="260">
        <v>0</v>
      </c>
      <c r="CQ8" s="261">
        <v>7</v>
      </c>
      <c r="CR8" s="261">
        <v>5</v>
      </c>
      <c r="CS8" s="261">
        <v>8</v>
      </c>
      <c r="CT8" s="261">
        <v>7</v>
      </c>
      <c r="CU8" s="261">
        <v>6</v>
      </c>
      <c r="CV8" s="258">
        <v>33</v>
      </c>
      <c r="CW8" s="263">
        <v>33</v>
      </c>
      <c r="CX8" s="257">
        <v>0</v>
      </c>
      <c r="CY8" s="261">
        <v>0</v>
      </c>
      <c r="CZ8" s="258">
        <v>0</v>
      </c>
      <c r="DA8" s="260">
        <v>0</v>
      </c>
      <c r="DB8" s="261">
        <v>0</v>
      </c>
      <c r="DC8" s="261">
        <v>0</v>
      </c>
      <c r="DD8" s="261">
        <v>0</v>
      </c>
      <c r="DE8" s="261">
        <v>0</v>
      </c>
      <c r="DF8" s="261">
        <v>0</v>
      </c>
      <c r="DG8" s="258">
        <v>0</v>
      </c>
      <c r="DH8" s="263">
        <v>0</v>
      </c>
      <c r="DI8" s="257">
        <v>0</v>
      </c>
      <c r="DJ8" s="261">
        <v>0</v>
      </c>
      <c r="DK8" s="258">
        <v>0</v>
      </c>
      <c r="DL8" s="260">
        <v>0</v>
      </c>
      <c r="DM8" s="261">
        <v>0</v>
      </c>
      <c r="DN8" s="261">
        <v>0</v>
      </c>
      <c r="DO8" s="261">
        <v>0</v>
      </c>
      <c r="DP8" s="261">
        <v>0</v>
      </c>
      <c r="DQ8" s="261">
        <v>0</v>
      </c>
      <c r="DR8" s="258">
        <v>0</v>
      </c>
      <c r="DS8" s="263">
        <v>0</v>
      </c>
      <c r="DT8" s="257">
        <v>119</v>
      </c>
      <c r="DU8" s="261">
        <v>187</v>
      </c>
      <c r="DV8" s="258">
        <v>306</v>
      </c>
      <c r="DW8" s="260">
        <v>0</v>
      </c>
      <c r="DX8" s="261">
        <v>353</v>
      </c>
      <c r="DY8" s="261">
        <v>430</v>
      </c>
      <c r="DZ8" s="261">
        <v>261</v>
      </c>
      <c r="EA8" s="261">
        <v>192</v>
      </c>
      <c r="EB8" s="261">
        <v>127</v>
      </c>
      <c r="EC8" s="258">
        <v>1363</v>
      </c>
      <c r="ED8" s="263">
        <v>1669</v>
      </c>
      <c r="EE8" s="257">
        <v>34</v>
      </c>
      <c r="EF8" s="261">
        <v>20</v>
      </c>
      <c r="EG8" s="258">
        <v>54</v>
      </c>
      <c r="EH8" s="260">
        <v>0</v>
      </c>
      <c r="EI8" s="261">
        <v>113</v>
      </c>
      <c r="EJ8" s="261">
        <v>109</v>
      </c>
      <c r="EK8" s="261">
        <v>87</v>
      </c>
      <c r="EL8" s="261">
        <v>121</v>
      </c>
      <c r="EM8" s="261">
        <v>77</v>
      </c>
      <c r="EN8" s="258">
        <v>507</v>
      </c>
      <c r="EO8" s="263">
        <v>561</v>
      </c>
      <c r="EP8" s="257">
        <v>156</v>
      </c>
      <c r="EQ8" s="261">
        <v>246</v>
      </c>
      <c r="ER8" s="258">
        <v>402</v>
      </c>
      <c r="ES8" s="260">
        <v>0</v>
      </c>
      <c r="ET8" s="261">
        <v>752</v>
      </c>
      <c r="EU8" s="261">
        <v>576</v>
      </c>
      <c r="EV8" s="261">
        <v>305</v>
      </c>
      <c r="EW8" s="261">
        <v>217</v>
      </c>
      <c r="EX8" s="261">
        <v>131</v>
      </c>
      <c r="EY8" s="258">
        <v>1981</v>
      </c>
      <c r="EZ8" s="263">
        <v>2383</v>
      </c>
    </row>
    <row r="9" spans="2:156" ht="21" customHeight="1" x14ac:dyDescent="0.2">
      <c r="B9" s="472" t="s">
        <v>14</v>
      </c>
      <c r="C9" s="257">
        <v>0</v>
      </c>
      <c r="D9" s="261">
        <v>0</v>
      </c>
      <c r="E9" s="358">
        <v>0</v>
      </c>
      <c r="F9" s="260">
        <v>0</v>
      </c>
      <c r="G9" s="261">
        <v>52</v>
      </c>
      <c r="H9" s="261">
        <v>82</v>
      </c>
      <c r="I9" s="261">
        <v>32</v>
      </c>
      <c r="J9" s="261">
        <v>42</v>
      </c>
      <c r="K9" s="261">
        <v>29</v>
      </c>
      <c r="L9" s="262">
        <v>237</v>
      </c>
      <c r="M9" s="263">
        <v>237</v>
      </c>
      <c r="N9" s="257">
        <v>0</v>
      </c>
      <c r="O9" s="261">
        <v>0</v>
      </c>
      <c r="P9" s="258">
        <v>0</v>
      </c>
      <c r="Q9" s="260">
        <v>0</v>
      </c>
      <c r="R9" s="261">
        <v>0</v>
      </c>
      <c r="S9" s="261">
        <v>4</v>
      </c>
      <c r="T9" s="261">
        <v>1</v>
      </c>
      <c r="U9" s="261">
        <v>13</v>
      </c>
      <c r="V9" s="261">
        <v>13</v>
      </c>
      <c r="W9" s="258">
        <v>31</v>
      </c>
      <c r="X9" s="263">
        <v>31</v>
      </c>
      <c r="Y9" s="257">
        <v>3</v>
      </c>
      <c r="Z9" s="261">
        <v>21</v>
      </c>
      <c r="AA9" s="258">
        <v>24</v>
      </c>
      <c r="AB9" s="260">
        <v>0</v>
      </c>
      <c r="AC9" s="261">
        <v>30</v>
      </c>
      <c r="AD9" s="261">
        <v>72</v>
      </c>
      <c r="AE9" s="261">
        <v>33</v>
      </c>
      <c r="AF9" s="261">
        <v>41</v>
      </c>
      <c r="AG9" s="261">
        <v>30</v>
      </c>
      <c r="AH9" s="258">
        <v>206</v>
      </c>
      <c r="AI9" s="263">
        <v>230</v>
      </c>
      <c r="AJ9" s="257">
        <v>0</v>
      </c>
      <c r="AK9" s="261">
        <v>4</v>
      </c>
      <c r="AL9" s="258">
        <v>4</v>
      </c>
      <c r="AM9" s="260">
        <v>0</v>
      </c>
      <c r="AN9" s="261">
        <v>4</v>
      </c>
      <c r="AO9" s="261">
        <v>4</v>
      </c>
      <c r="AP9" s="261">
        <v>4</v>
      </c>
      <c r="AQ9" s="261">
        <v>0</v>
      </c>
      <c r="AR9" s="261">
        <v>1</v>
      </c>
      <c r="AS9" s="258">
        <v>13</v>
      </c>
      <c r="AT9" s="263">
        <v>17</v>
      </c>
      <c r="AU9" s="257">
        <v>10</v>
      </c>
      <c r="AV9" s="261">
        <v>21</v>
      </c>
      <c r="AW9" s="258">
        <v>31</v>
      </c>
      <c r="AX9" s="260">
        <v>0</v>
      </c>
      <c r="AY9" s="261">
        <v>67</v>
      </c>
      <c r="AZ9" s="261">
        <v>103</v>
      </c>
      <c r="BA9" s="261">
        <v>78</v>
      </c>
      <c r="BB9" s="261">
        <v>86</v>
      </c>
      <c r="BC9" s="261">
        <v>63</v>
      </c>
      <c r="BD9" s="262">
        <v>397</v>
      </c>
      <c r="BE9" s="263">
        <v>428</v>
      </c>
      <c r="BF9" s="257">
        <v>0</v>
      </c>
      <c r="BG9" s="261">
        <v>0</v>
      </c>
      <c r="BH9" s="258">
        <v>0</v>
      </c>
      <c r="BI9" s="260">
        <v>0</v>
      </c>
      <c r="BJ9" s="261">
        <v>98</v>
      </c>
      <c r="BK9" s="261">
        <v>99</v>
      </c>
      <c r="BL9" s="261">
        <v>61</v>
      </c>
      <c r="BM9" s="261">
        <v>18</v>
      </c>
      <c r="BN9" s="261">
        <v>11</v>
      </c>
      <c r="BO9" s="258">
        <v>287</v>
      </c>
      <c r="BP9" s="263">
        <v>287</v>
      </c>
      <c r="BQ9" s="257">
        <v>7</v>
      </c>
      <c r="BR9" s="261">
        <v>7</v>
      </c>
      <c r="BS9" s="258">
        <v>14</v>
      </c>
      <c r="BT9" s="260">
        <v>0</v>
      </c>
      <c r="BU9" s="261">
        <v>9</v>
      </c>
      <c r="BV9" s="261">
        <v>24</v>
      </c>
      <c r="BW9" s="261">
        <v>12</v>
      </c>
      <c r="BX9" s="261">
        <v>11</v>
      </c>
      <c r="BY9" s="261">
        <v>2</v>
      </c>
      <c r="BZ9" s="258">
        <v>58</v>
      </c>
      <c r="CA9" s="263">
        <v>72</v>
      </c>
      <c r="CB9" s="257">
        <v>1</v>
      </c>
      <c r="CC9" s="261">
        <v>0</v>
      </c>
      <c r="CD9" s="258">
        <v>1</v>
      </c>
      <c r="CE9" s="260">
        <v>0</v>
      </c>
      <c r="CF9" s="261">
        <v>10</v>
      </c>
      <c r="CG9" s="261">
        <v>28</v>
      </c>
      <c r="CH9" s="261">
        <v>15</v>
      </c>
      <c r="CI9" s="261">
        <v>16</v>
      </c>
      <c r="CJ9" s="261">
        <v>9</v>
      </c>
      <c r="CK9" s="258">
        <v>78</v>
      </c>
      <c r="CL9" s="263">
        <v>79</v>
      </c>
      <c r="CM9" s="257">
        <v>0</v>
      </c>
      <c r="CN9" s="261">
        <v>0</v>
      </c>
      <c r="CO9" s="258">
        <v>0</v>
      </c>
      <c r="CP9" s="260">
        <v>0</v>
      </c>
      <c r="CQ9" s="261">
        <v>0</v>
      </c>
      <c r="CR9" s="261">
        <v>0</v>
      </c>
      <c r="CS9" s="261">
        <v>0</v>
      </c>
      <c r="CT9" s="261">
        <v>0</v>
      </c>
      <c r="CU9" s="261">
        <v>0</v>
      </c>
      <c r="CV9" s="258">
        <v>0</v>
      </c>
      <c r="CW9" s="263">
        <v>0</v>
      </c>
      <c r="CX9" s="257">
        <v>0</v>
      </c>
      <c r="CY9" s="261">
        <v>0</v>
      </c>
      <c r="CZ9" s="258">
        <v>0</v>
      </c>
      <c r="DA9" s="260">
        <v>0</v>
      </c>
      <c r="DB9" s="261">
        <v>0</v>
      </c>
      <c r="DC9" s="261">
        <v>0</v>
      </c>
      <c r="DD9" s="261">
        <v>0</v>
      </c>
      <c r="DE9" s="261">
        <v>0</v>
      </c>
      <c r="DF9" s="261">
        <v>0</v>
      </c>
      <c r="DG9" s="258">
        <v>0</v>
      </c>
      <c r="DH9" s="263">
        <v>0</v>
      </c>
      <c r="DI9" s="257">
        <v>0</v>
      </c>
      <c r="DJ9" s="261">
        <v>0</v>
      </c>
      <c r="DK9" s="258">
        <v>0</v>
      </c>
      <c r="DL9" s="260">
        <v>0</v>
      </c>
      <c r="DM9" s="261">
        <v>0</v>
      </c>
      <c r="DN9" s="261">
        <v>0</v>
      </c>
      <c r="DO9" s="261">
        <v>0</v>
      </c>
      <c r="DP9" s="261">
        <v>0</v>
      </c>
      <c r="DQ9" s="261">
        <v>0</v>
      </c>
      <c r="DR9" s="258">
        <v>0</v>
      </c>
      <c r="DS9" s="263">
        <v>0</v>
      </c>
      <c r="DT9" s="257">
        <v>32</v>
      </c>
      <c r="DU9" s="261">
        <v>86</v>
      </c>
      <c r="DV9" s="258">
        <v>118</v>
      </c>
      <c r="DW9" s="260">
        <v>0</v>
      </c>
      <c r="DX9" s="261">
        <v>79</v>
      </c>
      <c r="DY9" s="261">
        <v>203</v>
      </c>
      <c r="DZ9" s="261">
        <v>112</v>
      </c>
      <c r="EA9" s="261">
        <v>74</v>
      </c>
      <c r="EB9" s="261">
        <v>54</v>
      </c>
      <c r="EC9" s="258">
        <v>522</v>
      </c>
      <c r="ED9" s="263">
        <v>640</v>
      </c>
      <c r="EE9" s="257">
        <v>6</v>
      </c>
      <c r="EF9" s="261">
        <v>8</v>
      </c>
      <c r="EG9" s="258">
        <v>14</v>
      </c>
      <c r="EH9" s="260">
        <v>0</v>
      </c>
      <c r="EI9" s="261">
        <v>37</v>
      </c>
      <c r="EJ9" s="261">
        <v>33</v>
      </c>
      <c r="EK9" s="261">
        <v>32</v>
      </c>
      <c r="EL9" s="261">
        <v>31</v>
      </c>
      <c r="EM9" s="261">
        <v>16</v>
      </c>
      <c r="EN9" s="258">
        <v>149</v>
      </c>
      <c r="EO9" s="263">
        <v>163</v>
      </c>
      <c r="EP9" s="257">
        <v>40</v>
      </c>
      <c r="EQ9" s="261">
        <v>103</v>
      </c>
      <c r="ER9" s="258">
        <v>143</v>
      </c>
      <c r="ES9" s="260">
        <v>0</v>
      </c>
      <c r="ET9" s="261">
        <v>188</v>
      </c>
      <c r="EU9" s="261">
        <v>285</v>
      </c>
      <c r="EV9" s="261">
        <v>129</v>
      </c>
      <c r="EW9" s="261">
        <v>86</v>
      </c>
      <c r="EX9" s="261">
        <v>51</v>
      </c>
      <c r="EY9" s="258">
        <v>739</v>
      </c>
      <c r="EZ9" s="263">
        <v>882</v>
      </c>
    </row>
    <row r="10" spans="2:156" ht="21" customHeight="1" x14ac:dyDescent="0.2">
      <c r="B10" s="472" t="s">
        <v>7</v>
      </c>
      <c r="C10" s="257">
        <v>0</v>
      </c>
      <c r="D10" s="261">
        <v>0</v>
      </c>
      <c r="E10" s="358">
        <v>0</v>
      </c>
      <c r="F10" s="260">
        <v>0</v>
      </c>
      <c r="G10" s="261">
        <v>47</v>
      </c>
      <c r="H10" s="261">
        <v>37</v>
      </c>
      <c r="I10" s="261">
        <v>14</v>
      </c>
      <c r="J10" s="261">
        <v>23</v>
      </c>
      <c r="K10" s="261">
        <v>15</v>
      </c>
      <c r="L10" s="262">
        <v>136</v>
      </c>
      <c r="M10" s="263">
        <v>136</v>
      </c>
      <c r="N10" s="257">
        <v>0</v>
      </c>
      <c r="O10" s="261">
        <v>0</v>
      </c>
      <c r="P10" s="258">
        <v>0</v>
      </c>
      <c r="Q10" s="260">
        <v>0</v>
      </c>
      <c r="R10" s="261">
        <v>1</v>
      </c>
      <c r="S10" s="261">
        <v>1</v>
      </c>
      <c r="T10" s="261">
        <v>2</v>
      </c>
      <c r="U10" s="261">
        <v>6</v>
      </c>
      <c r="V10" s="261">
        <v>9</v>
      </c>
      <c r="W10" s="258">
        <v>19</v>
      </c>
      <c r="X10" s="263">
        <v>19</v>
      </c>
      <c r="Y10" s="257">
        <v>2</v>
      </c>
      <c r="Z10" s="261">
        <v>2</v>
      </c>
      <c r="AA10" s="258">
        <v>4</v>
      </c>
      <c r="AB10" s="260">
        <v>0</v>
      </c>
      <c r="AC10" s="261">
        <v>27</v>
      </c>
      <c r="AD10" s="261">
        <v>27</v>
      </c>
      <c r="AE10" s="261">
        <v>11</v>
      </c>
      <c r="AF10" s="261">
        <v>24</v>
      </c>
      <c r="AG10" s="261">
        <v>12</v>
      </c>
      <c r="AH10" s="258">
        <v>101</v>
      </c>
      <c r="AI10" s="263">
        <v>105</v>
      </c>
      <c r="AJ10" s="257">
        <v>1</v>
      </c>
      <c r="AK10" s="261">
        <v>0</v>
      </c>
      <c r="AL10" s="258">
        <v>1</v>
      </c>
      <c r="AM10" s="260">
        <v>0</v>
      </c>
      <c r="AN10" s="261">
        <v>4</v>
      </c>
      <c r="AO10" s="261">
        <v>8</v>
      </c>
      <c r="AP10" s="261">
        <v>1</v>
      </c>
      <c r="AQ10" s="261">
        <v>4</v>
      </c>
      <c r="AR10" s="261">
        <v>0</v>
      </c>
      <c r="AS10" s="258">
        <v>17</v>
      </c>
      <c r="AT10" s="263">
        <v>18</v>
      </c>
      <c r="AU10" s="257">
        <v>17</v>
      </c>
      <c r="AV10" s="261">
        <v>7</v>
      </c>
      <c r="AW10" s="258">
        <v>24</v>
      </c>
      <c r="AX10" s="260">
        <v>0</v>
      </c>
      <c r="AY10" s="261">
        <v>72</v>
      </c>
      <c r="AZ10" s="261">
        <v>48</v>
      </c>
      <c r="BA10" s="261">
        <v>48</v>
      </c>
      <c r="BB10" s="261">
        <v>47</v>
      </c>
      <c r="BC10" s="261">
        <v>34</v>
      </c>
      <c r="BD10" s="262">
        <v>249</v>
      </c>
      <c r="BE10" s="263">
        <v>273</v>
      </c>
      <c r="BF10" s="257">
        <v>0</v>
      </c>
      <c r="BG10" s="261">
        <v>0</v>
      </c>
      <c r="BH10" s="258">
        <v>0</v>
      </c>
      <c r="BI10" s="260">
        <v>0</v>
      </c>
      <c r="BJ10" s="261">
        <v>74</v>
      </c>
      <c r="BK10" s="261">
        <v>35</v>
      </c>
      <c r="BL10" s="261">
        <v>18</v>
      </c>
      <c r="BM10" s="261">
        <v>12</v>
      </c>
      <c r="BN10" s="261">
        <v>6</v>
      </c>
      <c r="BO10" s="258">
        <v>145</v>
      </c>
      <c r="BP10" s="263">
        <v>145</v>
      </c>
      <c r="BQ10" s="257">
        <v>3</v>
      </c>
      <c r="BR10" s="261">
        <v>4</v>
      </c>
      <c r="BS10" s="258">
        <v>7</v>
      </c>
      <c r="BT10" s="260">
        <v>0</v>
      </c>
      <c r="BU10" s="261">
        <v>16</v>
      </c>
      <c r="BV10" s="261">
        <v>10</v>
      </c>
      <c r="BW10" s="261">
        <v>7</v>
      </c>
      <c r="BX10" s="261">
        <v>7</v>
      </c>
      <c r="BY10" s="261">
        <v>2</v>
      </c>
      <c r="BZ10" s="258">
        <v>42</v>
      </c>
      <c r="CA10" s="263">
        <v>49</v>
      </c>
      <c r="CB10" s="257">
        <v>0</v>
      </c>
      <c r="CC10" s="261">
        <v>0</v>
      </c>
      <c r="CD10" s="258">
        <v>0</v>
      </c>
      <c r="CE10" s="260">
        <v>0</v>
      </c>
      <c r="CF10" s="261">
        <v>11</v>
      </c>
      <c r="CG10" s="261">
        <v>11</v>
      </c>
      <c r="CH10" s="261">
        <v>5</v>
      </c>
      <c r="CI10" s="261">
        <v>10</v>
      </c>
      <c r="CJ10" s="261">
        <v>5</v>
      </c>
      <c r="CK10" s="258">
        <v>42</v>
      </c>
      <c r="CL10" s="263">
        <v>42</v>
      </c>
      <c r="CM10" s="257">
        <v>0</v>
      </c>
      <c r="CN10" s="261">
        <v>0</v>
      </c>
      <c r="CO10" s="258">
        <v>0</v>
      </c>
      <c r="CP10" s="260">
        <v>0</v>
      </c>
      <c r="CQ10" s="261">
        <v>0</v>
      </c>
      <c r="CR10" s="261">
        <v>1</v>
      </c>
      <c r="CS10" s="261">
        <v>1</v>
      </c>
      <c r="CT10" s="261">
        <v>0</v>
      </c>
      <c r="CU10" s="261">
        <v>0</v>
      </c>
      <c r="CV10" s="258">
        <v>2</v>
      </c>
      <c r="CW10" s="263">
        <v>2</v>
      </c>
      <c r="CX10" s="257">
        <v>0</v>
      </c>
      <c r="CY10" s="261">
        <v>0</v>
      </c>
      <c r="CZ10" s="258">
        <v>0</v>
      </c>
      <c r="DA10" s="260">
        <v>0</v>
      </c>
      <c r="DB10" s="261">
        <v>0</v>
      </c>
      <c r="DC10" s="261">
        <v>0</v>
      </c>
      <c r="DD10" s="261">
        <v>0</v>
      </c>
      <c r="DE10" s="261">
        <v>0</v>
      </c>
      <c r="DF10" s="261">
        <v>0</v>
      </c>
      <c r="DG10" s="258">
        <v>0</v>
      </c>
      <c r="DH10" s="263">
        <v>0</v>
      </c>
      <c r="DI10" s="257">
        <v>0</v>
      </c>
      <c r="DJ10" s="261">
        <v>0</v>
      </c>
      <c r="DK10" s="258">
        <v>0</v>
      </c>
      <c r="DL10" s="260">
        <v>0</v>
      </c>
      <c r="DM10" s="261">
        <v>0</v>
      </c>
      <c r="DN10" s="261">
        <v>0</v>
      </c>
      <c r="DO10" s="261">
        <v>0</v>
      </c>
      <c r="DP10" s="261">
        <v>0</v>
      </c>
      <c r="DQ10" s="261">
        <v>0</v>
      </c>
      <c r="DR10" s="258">
        <v>0</v>
      </c>
      <c r="DS10" s="263">
        <v>0</v>
      </c>
      <c r="DT10" s="257">
        <v>11</v>
      </c>
      <c r="DU10" s="261">
        <v>29</v>
      </c>
      <c r="DV10" s="258">
        <v>40</v>
      </c>
      <c r="DW10" s="260">
        <v>0</v>
      </c>
      <c r="DX10" s="261">
        <v>80</v>
      </c>
      <c r="DY10" s="261">
        <v>90</v>
      </c>
      <c r="DZ10" s="261">
        <v>42</v>
      </c>
      <c r="EA10" s="261">
        <v>47</v>
      </c>
      <c r="EB10" s="261">
        <v>25</v>
      </c>
      <c r="EC10" s="258">
        <v>284</v>
      </c>
      <c r="ED10" s="263">
        <v>324</v>
      </c>
      <c r="EE10" s="257">
        <v>14</v>
      </c>
      <c r="EF10" s="261">
        <v>2</v>
      </c>
      <c r="EG10" s="258">
        <v>16</v>
      </c>
      <c r="EH10" s="260">
        <v>0</v>
      </c>
      <c r="EI10" s="261">
        <v>36</v>
      </c>
      <c r="EJ10" s="261">
        <v>19</v>
      </c>
      <c r="EK10" s="261">
        <v>22</v>
      </c>
      <c r="EL10" s="261">
        <v>15</v>
      </c>
      <c r="EM10" s="261">
        <v>16</v>
      </c>
      <c r="EN10" s="258">
        <v>108</v>
      </c>
      <c r="EO10" s="263">
        <v>124</v>
      </c>
      <c r="EP10" s="257">
        <v>16</v>
      </c>
      <c r="EQ10" s="261">
        <v>32</v>
      </c>
      <c r="ER10" s="258">
        <v>48</v>
      </c>
      <c r="ES10" s="260">
        <v>0</v>
      </c>
      <c r="ET10" s="261">
        <v>173</v>
      </c>
      <c r="EU10" s="261">
        <v>119</v>
      </c>
      <c r="EV10" s="261">
        <v>48</v>
      </c>
      <c r="EW10" s="261">
        <v>53</v>
      </c>
      <c r="EX10" s="261">
        <v>26</v>
      </c>
      <c r="EY10" s="258">
        <v>419</v>
      </c>
      <c r="EZ10" s="263">
        <v>467</v>
      </c>
    </row>
    <row r="11" spans="2:156" ht="21" customHeight="1" x14ac:dyDescent="0.2">
      <c r="B11" s="472" t="s">
        <v>8</v>
      </c>
      <c r="C11" s="257">
        <v>0</v>
      </c>
      <c r="D11" s="261">
        <v>0</v>
      </c>
      <c r="E11" s="358">
        <v>0</v>
      </c>
      <c r="F11" s="260">
        <v>0</v>
      </c>
      <c r="G11" s="261">
        <v>21</v>
      </c>
      <c r="H11" s="261">
        <v>22</v>
      </c>
      <c r="I11" s="261">
        <v>17</v>
      </c>
      <c r="J11" s="261">
        <v>12</v>
      </c>
      <c r="K11" s="261">
        <v>9</v>
      </c>
      <c r="L11" s="262">
        <v>81</v>
      </c>
      <c r="M11" s="263">
        <v>81</v>
      </c>
      <c r="N11" s="257">
        <v>0</v>
      </c>
      <c r="O11" s="261">
        <v>0</v>
      </c>
      <c r="P11" s="258">
        <v>0</v>
      </c>
      <c r="Q11" s="260">
        <v>0</v>
      </c>
      <c r="R11" s="261">
        <v>0</v>
      </c>
      <c r="S11" s="261">
        <v>0</v>
      </c>
      <c r="T11" s="261">
        <v>2</v>
      </c>
      <c r="U11" s="261">
        <v>2</v>
      </c>
      <c r="V11" s="261">
        <v>2</v>
      </c>
      <c r="W11" s="258">
        <v>6</v>
      </c>
      <c r="X11" s="263">
        <v>6</v>
      </c>
      <c r="Y11" s="257">
        <v>4</v>
      </c>
      <c r="Z11" s="261">
        <v>4</v>
      </c>
      <c r="AA11" s="258">
        <v>8</v>
      </c>
      <c r="AB11" s="260">
        <v>0</v>
      </c>
      <c r="AC11" s="261">
        <v>17</v>
      </c>
      <c r="AD11" s="261">
        <v>20</v>
      </c>
      <c r="AE11" s="261">
        <v>13</v>
      </c>
      <c r="AF11" s="261">
        <v>19</v>
      </c>
      <c r="AG11" s="261">
        <v>7</v>
      </c>
      <c r="AH11" s="258">
        <v>76</v>
      </c>
      <c r="AI11" s="263">
        <v>84</v>
      </c>
      <c r="AJ11" s="257">
        <v>0</v>
      </c>
      <c r="AK11" s="261">
        <v>2</v>
      </c>
      <c r="AL11" s="258">
        <v>2</v>
      </c>
      <c r="AM11" s="260">
        <v>0</v>
      </c>
      <c r="AN11" s="261">
        <v>3</v>
      </c>
      <c r="AO11" s="261">
        <v>6</v>
      </c>
      <c r="AP11" s="261">
        <v>4</v>
      </c>
      <c r="AQ11" s="261">
        <v>2</v>
      </c>
      <c r="AR11" s="261">
        <v>2</v>
      </c>
      <c r="AS11" s="258">
        <v>17</v>
      </c>
      <c r="AT11" s="263">
        <v>19</v>
      </c>
      <c r="AU11" s="257">
        <v>5</v>
      </c>
      <c r="AV11" s="261">
        <v>3</v>
      </c>
      <c r="AW11" s="258">
        <v>8</v>
      </c>
      <c r="AX11" s="260">
        <v>0</v>
      </c>
      <c r="AY11" s="261">
        <v>24</v>
      </c>
      <c r="AZ11" s="261">
        <v>24</v>
      </c>
      <c r="BA11" s="261">
        <v>21</v>
      </c>
      <c r="BB11" s="261">
        <v>30</v>
      </c>
      <c r="BC11" s="261">
        <v>13</v>
      </c>
      <c r="BD11" s="262">
        <v>112</v>
      </c>
      <c r="BE11" s="263">
        <v>120</v>
      </c>
      <c r="BF11" s="257">
        <v>0</v>
      </c>
      <c r="BG11" s="261">
        <v>0</v>
      </c>
      <c r="BH11" s="258">
        <v>0</v>
      </c>
      <c r="BI11" s="260">
        <v>0</v>
      </c>
      <c r="BJ11" s="261">
        <v>32</v>
      </c>
      <c r="BK11" s="261">
        <v>27</v>
      </c>
      <c r="BL11" s="261">
        <v>11</v>
      </c>
      <c r="BM11" s="261">
        <v>11</v>
      </c>
      <c r="BN11" s="261">
        <v>3</v>
      </c>
      <c r="BO11" s="258">
        <v>84</v>
      </c>
      <c r="BP11" s="263">
        <v>84</v>
      </c>
      <c r="BQ11" s="257">
        <v>2</v>
      </c>
      <c r="BR11" s="261">
        <v>4</v>
      </c>
      <c r="BS11" s="258">
        <v>6</v>
      </c>
      <c r="BT11" s="260">
        <v>0</v>
      </c>
      <c r="BU11" s="261">
        <v>14</v>
      </c>
      <c r="BV11" s="261">
        <v>7</v>
      </c>
      <c r="BW11" s="261">
        <v>12</v>
      </c>
      <c r="BX11" s="261">
        <v>4</v>
      </c>
      <c r="BY11" s="261">
        <v>3</v>
      </c>
      <c r="BZ11" s="258">
        <v>40</v>
      </c>
      <c r="CA11" s="263">
        <v>46</v>
      </c>
      <c r="CB11" s="257">
        <v>0</v>
      </c>
      <c r="CC11" s="261">
        <v>1</v>
      </c>
      <c r="CD11" s="258">
        <v>1</v>
      </c>
      <c r="CE11" s="260">
        <v>0</v>
      </c>
      <c r="CF11" s="261">
        <v>4</v>
      </c>
      <c r="CG11" s="261">
        <v>12</v>
      </c>
      <c r="CH11" s="261">
        <v>9</v>
      </c>
      <c r="CI11" s="261">
        <v>6</v>
      </c>
      <c r="CJ11" s="261">
        <v>1</v>
      </c>
      <c r="CK11" s="258">
        <v>32</v>
      </c>
      <c r="CL11" s="263">
        <v>33</v>
      </c>
      <c r="CM11" s="257">
        <v>0</v>
      </c>
      <c r="CN11" s="261">
        <v>0</v>
      </c>
      <c r="CO11" s="258">
        <v>0</v>
      </c>
      <c r="CP11" s="260">
        <v>0</v>
      </c>
      <c r="CQ11" s="261">
        <v>1</v>
      </c>
      <c r="CR11" s="261">
        <v>0</v>
      </c>
      <c r="CS11" s="261">
        <v>0</v>
      </c>
      <c r="CT11" s="261">
        <v>1</v>
      </c>
      <c r="CU11" s="261">
        <v>0</v>
      </c>
      <c r="CV11" s="258">
        <v>2</v>
      </c>
      <c r="CW11" s="263">
        <v>2</v>
      </c>
      <c r="CX11" s="257">
        <v>0</v>
      </c>
      <c r="CY11" s="261">
        <v>0</v>
      </c>
      <c r="CZ11" s="258">
        <v>0</v>
      </c>
      <c r="DA11" s="260">
        <v>0</v>
      </c>
      <c r="DB11" s="261">
        <v>0</v>
      </c>
      <c r="DC11" s="261">
        <v>0</v>
      </c>
      <c r="DD11" s="261">
        <v>0</v>
      </c>
      <c r="DE11" s="261">
        <v>0</v>
      </c>
      <c r="DF11" s="261">
        <v>0</v>
      </c>
      <c r="DG11" s="258">
        <v>0</v>
      </c>
      <c r="DH11" s="263">
        <v>0</v>
      </c>
      <c r="DI11" s="257">
        <v>0</v>
      </c>
      <c r="DJ11" s="261">
        <v>0</v>
      </c>
      <c r="DK11" s="258">
        <v>0</v>
      </c>
      <c r="DL11" s="260">
        <v>0</v>
      </c>
      <c r="DM11" s="261">
        <v>0</v>
      </c>
      <c r="DN11" s="261">
        <v>0</v>
      </c>
      <c r="DO11" s="261">
        <v>0</v>
      </c>
      <c r="DP11" s="261">
        <v>0</v>
      </c>
      <c r="DQ11" s="261">
        <v>0</v>
      </c>
      <c r="DR11" s="258">
        <v>0</v>
      </c>
      <c r="DS11" s="263">
        <v>0</v>
      </c>
      <c r="DT11" s="257">
        <v>18</v>
      </c>
      <c r="DU11" s="261">
        <v>17</v>
      </c>
      <c r="DV11" s="258">
        <v>35</v>
      </c>
      <c r="DW11" s="260">
        <v>0</v>
      </c>
      <c r="DX11" s="261">
        <v>64</v>
      </c>
      <c r="DY11" s="261">
        <v>64</v>
      </c>
      <c r="DZ11" s="261">
        <v>38</v>
      </c>
      <c r="EA11" s="261">
        <v>31</v>
      </c>
      <c r="EB11" s="261">
        <v>17</v>
      </c>
      <c r="EC11" s="258">
        <v>214</v>
      </c>
      <c r="ED11" s="263">
        <v>249</v>
      </c>
      <c r="EE11" s="257">
        <v>7</v>
      </c>
      <c r="EF11" s="261">
        <v>3</v>
      </c>
      <c r="EG11" s="258">
        <v>10</v>
      </c>
      <c r="EH11" s="260">
        <v>0</v>
      </c>
      <c r="EI11" s="261">
        <v>12</v>
      </c>
      <c r="EJ11" s="261">
        <v>11</v>
      </c>
      <c r="EK11" s="261">
        <v>11</v>
      </c>
      <c r="EL11" s="261">
        <v>10</v>
      </c>
      <c r="EM11" s="261">
        <v>5</v>
      </c>
      <c r="EN11" s="258">
        <v>49</v>
      </c>
      <c r="EO11" s="263">
        <v>59</v>
      </c>
      <c r="EP11" s="257">
        <v>23</v>
      </c>
      <c r="EQ11" s="261">
        <v>21</v>
      </c>
      <c r="ER11" s="258">
        <v>44</v>
      </c>
      <c r="ES11" s="260">
        <v>0</v>
      </c>
      <c r="ET11" s="261">
        <v>120</v>
      </c>
      <c r="EU11" s="261">
        <v>87</v>
      </c>
      <c r="EV11" s="261">
        <v>40</v>
      </c>
      <c r="EW11" s="261">
        <v>35</v>
      </c>
      <c r="EX11" s="261">
        <v>17</v>
      </c>
      <c r="EY11" s="258">
        <v>299</v>
      </c>
      <c r="EZ11" s="263">
        <v>343</v>
      </c>
    </row>
    <row r="12" spans="2:156" ht="21" customHeight="1" x14ac:dyDescent="0.2">
      <c r="B12" s="472" t="s">
        <v>9</v>
      </c>
      <c r="C12" s="257">
        <v>0</v>
      </c>
      <c r="D12" s="261">
        <v>0</v>
      </c>
      <c r="E12" s="358">
        <v>0</v>
      </c>
      <c r="F12" s="260">
        <v>0</v>
      </c>
      <c r="G12" s="261">
        <v>71</v>
      </c>
      <c r="H12" s="261">
        <v>61</v>
      </c>
      <c r="I12" s="261">
        <v>29</v>
      </c>
      <c r="J12" s="261">
        <v>38</v>
      </c>
      <c r="K12" s="261">
        <v>25</v>
      </c>
      <c r="L12" s="262">
        <v>224</v>
      </c>
      <c r="M12" s="263">
        <v>224</v>
      </c>
      <c r="N12" s="257">
        <v>0</v>
      </c>
      <c r="O12" s="261">
        <v>0</v>
      </c>
      <c r="P12" s="258">
        <v>0</v>
      </c>
      <c r="Q12" s="260">
        <v>0</v>
      </c>
      <c r="R12" s="261">
        <v>1</v>
      </c>
      <c r="S12" s="261">
        <v>0</v>
      </c>
      <c r="T12" s="261">
        <v>1</v>
      </c>
      <c r="U12" s="261">
        <v>11</v>
      </c>
      <c r="V12" s="261">
        <v>12</v>
      </c>
      <c r="W12" s="258">
        <v>25</v>
      </c>
      <c r="X12" s="263">
        <v>25</v>
      </c>
      <c r="Y12" s="257">
        <v>13</v>
      </c>
      <c r="Z12" s="261">
        <v>16</v>
      </c>
      <c r="AA12" s="258">
        <v>29</v>
      </c>
      <c r="AB12" s="260">
        <v>0</v>
      </c>
      <c r="AC12" s="261">
        <v>57</v>
      </c>
      <c r="AD12" s="261">
        <v>45</v>
      </c>
      <c r="AE12" s="261">
        <v>33</v>
      </c>
      <c r="AF12" s="261">
        <v>24</v>
      </c>
      <c r="AG12" s="261">
        <v>17</v>
      </c>
      <c r="AH12" s="258">
        <v>176</v>
      </c>
      <c r="AI12" s="263">
        <v>205</v>
      </c>
      <c r="AJ12" s="257">
        <v>0</v>
      </c>
      <c r="AK12" s="261">
        <v>1</v>
      </c>
      <c r="AL12" s="258">
        <v>1</v>
      </c>
      <c r="AM12" s="260">
        <v>0</v>
      </c>
      <c r="AN12" s="261">
        <v>2</v>
      </c>
      <c r="AO12" s="261">
        <v>10</v>
      </c>
      <c r="AP12" s="261">
        <v>8</v>
      </c>
      <c r="AQ12" s="261">
        <v>6</v>
      </c>
      <c r="AR12" s="261">
        <v>3</v>
      </c>
      <c r="AS12" s="258">
        <v>29</v>
      </c>
      <c r="AT12" s="263">
        <v>30</v>
      </c>
      <c r="AU12" s="257">
        <v>13</v>
      </c>
      <c r="AV12" s="261">
        <v>10</v>
      </c>
      <c r="AW12" s="258">
        <v>23</v>
      </c>
      <c r="AX12" s="260">
        <v>0</v>
      </c>
      <c r="AY12" s="261">
        <v>52</v>
      </c>
      <c r="AZ12" s="261">
        <v>60</v>
      </c>
      <c r="BA12" s="261">
        <v>66</v>
      </c>
      <c r="BB12" s="261">
        <v>66</v>
      </c>
      <c r="BC12" s="261">
        <v>37</v>
      </c>
      <c r="BD12" s="262">
        <v>281</v>
      </c>
      <c r="BE12" s="263">
        <v>304</v>
      </c>
      <c r="BF12" s="257">
        <v>0</v>
      </c>
      <c r="BG12" s="261">
        <v>0</v>
      </c>
      <c r="BH12" s="258">
        <v>0</v>
      </c>
      <c r="BI12" s="260">
        <v>0</v>
      </c>
      <c r="BJ12" s="261">
        <v>68</v>
      </c>
      <c r="BK12" s="261">
        <v>29</v>
      </c>
      <c r="BL12" s="261">
        <v>19</v>
      </c>
      <c r="BM12" s="261">
        <v>15</v>
      </c>
      <c r="BN12" s="261">
        <v>4</v>
      </c>
      <c r="BO12" s="258">
        <v>135</v>
      </c>
      <c r="BP12" s="263">
        <v>135</v>
      </c>
      <c r="BQ12" s="257">
        <v>4</v>
      </c>
      <c r="BR12" s="261">
        <v>9</v>
      </c>
      <c r="BS12" s="258">
        <v>13</v>
      </c>
      <c r="BT12" s="260">
        <v>0</v>
      </c>
      <c r="BU12" s="261">
        <v>14</v>
      </c>
      <c r="BV12" s="261">
        <v>17</v>
      </c>
      <c r="BW12" s="261">
        <v>11</v>
      </c>
      <c r="BX12" s="261">
        <v>10</v>
      </c>
      <c r="BY12" s="261">
        <v>1</v>
      </c>
      <c r="BZ12" s="258">
        <v>53</v>
      </c>
      <c r="CA12" s="263">
        <v>66</v>
      </c>
      <c r="CB12" s="257">
        <v>0</v>
      </c>
      <c r="CC12" s="261">
        <v>0</v>
      </c>
      <c r="CD12" s="258">
        <v>0</v>
      </c>
      <c r="CE12" s="260">
        <v>0</v>
      </c>
      <c r="CF12" s="261">
        <v>9</v>
      </c>
      <c r="CG12" s="261">
        <v>7</v>
      </c>
      <c r="CH12" s="261">
        <v>7</v>
      </c>
      <c r="CI12" s="261">
        <v>13</v>
      </c>
      <c r="CJ12" s="261">
        <v>7</v>
      </c>
      <c r="CK12" s="258">
        <v>43</v>
      </c>
      <c r="CL12" s="263">
        <v>43</v>
      </c>
      <c r="CM12" s="257">
        <v>0</v>
      </c>
      <c r="CN12" s="261">
        <v>0</v>
      </c>
      <c r="CO12" s="258">
        <v>0</v>
      </c>
      <c r="CP12" s="260">
        <v>0</v>
      </c>
      <c r="CQ12" s="261">
        <v>0</v>
      </c>
      <c r="CR12" s="261">
        <v>1</v>
      </c>
      <c r="CS12" s="261">
        <v>3</v>
      </c>
      <c r="CT12" s="261">
        <v>2</v>
      </c>
      <c r="CU12" s="261">
        <v>1</v>
      </c>
      <c r="CV12" s="258">
        <v>7</v>
      </c>
      <c r="CW12" s="263">
        <v>7</v>
      </c>
      <c r="CX12" s="257">
        <v>0</v>
      </c>
      <c r="CY12" s="261">
        <v>0</v>
      </c>
      <c r="CZ12" s="258">
        <v>0</v>
      </c>
      <c r="DA12" s="260">
        <v>0</v>
      </c>
      <c r="DB12" s="261">
        <v>0</v>
      </c>
      <c r="DC12" s="261">
        <v>0</v>
      </c>
      <c r="DD12" s="261">
        <v>0</v>
      </c>
      <c r="DE12" s="261">
        <v>0</v>
      </c>
      <c r="DF12" s="261">
        <v>0</v>
      </c>
      <c r="DG12" s="258">
        <v>0</v>
      </c>
      <c r="DH12" s="263">
        <v>0</v>
      </c>
      <c r="DI12" s="257">
        <v>0</v>
      </c>
      <c r="DJ12" s="261">
        <v>0</v>
      </c>
      <c r="DK12" s="258">
        <v>0</v>
      </c>
      <c r="DL12" s="260">
        <v>0</v>
      </c>
      <c r="DM12" s="261">
        <v>0</v>
      </c>
      <c r="DN12" s="261">
        <v>0</v>
      </c>
      <c r="DO12" s="261">
        <v>0</v>
      </c>
      <c r="DP12" s="261">
        <v>0</v>
      </c>
      <c r="DQ12" s="261">
        <v>0</v>
      </c>
      <c r="DR12" s="258">
        <v>0</v>
      </c>
      <c r="DS12" s="263">
        <v>0</v>
      </c>
      <c r="DT12" s="257">
        <v>28</v>
      </c>
      <c r="DU12" s="261">
        <v>42</v>
      </c>
      <c r="DV12" s="258">
        <v>70</v>
      </c>
      <c r="DW12" s="260">
        <v>0</v>
      </c>
      <c r="DX12" s="261">
        <v>99</v>
      </c>
      <c r="DY12" s="261">
        <v>108</v>
      </c>
      <c r="DZ12" s="261">
        <v>63</v>
      </c>
      <c r="EA12" s="261">
        <v>53</v>
      </c>
      <c r="EB12" s="261">
        <v>34</v>
      </c>
      <c r="EC12" s="258">
        <v>357</v>
      </c>
      <c r="ED12" s="263">
        <v>427</v>
      </c>
      <c r="EE12" s="257">
        <v>11</v>
      </c>
      <c r="EF12" s="261">
        <v>7</v>
      </c>
      <c r="EG12" s="258">
        <v>18</v>
      </c>
      <c r="EH12" s="260">
        <v>0</v>
      </c>
      <c r="EI12" s="261">
        <v>27</v>
      </c>
      <c r="EJ12" s="261">
        <v>23</v>
      </c>
      <c r="EK12" s="261">
        <v>28</v>
      </c>
      <c r="EL12" s="261">
        <v>27</v>
      </c>
      <c r="EM12" s="261">
        <v>12</v>
      </c>
      <c r="EN12" s="258">
        <v>117</v>
      </c>
      <c r="EO12" s="263">
        <v>135</v>
      </c>
      <c r="EP12" s="257">
        <v>44</v>
      </c>
      <c r="EQ12" s="261">
        <v>57</v>
      </c>
      <c r="ER12" s="258">
        <v>101</v>
      </c>
      <c r="ES12" s="260">
        <v>0</v>
      </c>
      <c r="ET12" s="261">
        <v>205</v>
      </c>
      <c r="EU12" s="261">
        <v>141</v>
      </c>
      <c r="EV12" s="261">
        <v>75</v>
      </c>
      <c r="EW12" s="261">
        <v>63</v>
      </c>
      <c r="EX12" s="261">
        <v>31</v>
      </c>
      <c r="EY12" s="258">
        <v>515</v>
      </c>
      <c r="EZ12" s="263">
        <v>616</v>
      </c>
    </row>
    <row r="13" spans="2:156" ht="21" customHeight="1" x14ac:dyDescent="0.2">
      <c r="B13" s="472" t="s">
        <v>10</v>
      </c>
      <c r="C13" s="257">
        <v>0</v>
      </c>
      <c r="D13" s="261">
        <v>0</v>
      </c>
      <c r="E13" s="358">
        <v>0</v>
      </c>
      <c r="F13" s="260">
        <v>0</v>
      </c>
      <c r="G13" s="261">
        <v>93</v>
      </c>
      <c r="H13" s="261">
        <v>46</v>
      </c>
      <c r="I13" s="261">
        <v>44</v>
      </c>
      <c r="J13" s="261">
        <v>22</v>
      </c>
      <c r="K13" s="261">
        <v>19</v>
      </c>
      <c r="L13" s="262">
        <v>224</v>
      </c>
      <c r="M13" s="263">
        <v>224</v>
      </c>
      <c r="N13" s="257">
        <v>0</v>
      </c>
      <c r="O13" s="261">
        <v>1</v>
      </c>
      <c r="P13" s="258">
        <v>1</v>
      </c>
      <c r="Q13" s="260">
        <v>0</v>
      </c>
      <c r="R13" s="261">
        <v>0</v>
      </c>
      <c r="S13" s="261">
        <v>3</v>
      </c>
      <c r="T13" s="261">
        <v>2</v>
      </c>
      <c r="U13" s="261">
        <v>3</v>
      </c>
      <c r="V13" s="261">
        <v>5</v>
      </c>
      <c r="W13" s="258">
        <v>13</v>
      </c>
      <c r="X13" s="263">
        <v>14</v>
      </c>
      <c r="Y13" s="257">
        <v>15</v>
      </c>
      <c r="Z13" s="261">
        <v>27</v>
      </c>
      <c r="AA13" s="258">
        <v>42</v>
      </c>
      <c r="AB13" s="260">
        <v>0</v>
      </c>
      <c r="AC13" s="261">
        <v>60</v>
      </c>
      <c r="AD13" s="261">
        <v>54</v>
      </c>
      <c r="AE13" s="261">
        <v>24</v>
      </c>
      <c r="AF13" s="261">
        <v>20</v>
      </c>
      <c r="AG13" s="261">
        <v>11</v>
      </c>
      <c r="AH13" s="258">
        <v>169</v>
      </c>
      <c r="AI13" s="263">
        <v>211</v>
      </c>
      <c r="AJ13" s="257">
        <v>2</v>
      </c>
      <c r="AK13" s="261">
        <v>6</v>
      </c>
      <c r="AL13" s="258">
        <v>8</v>
      </c>
      <c r="AM13" s="260">
        <v>0</v>
      </c>
      <c r="AN13" s="261">
        <v>8</v>
      </c>
      <c r="AO13" s="261">
        <v>12</v>
      </c>
      <c r="AP13" s="261">
        <v>3</v>
      </c>
      <c r="AQ13" s="261">
        <v>2</v>
      </c>
      <c r="AR13" s="261">
        <v>4</v>
      </c>
      <c r="AS13" s="258">
        <v>29</v>
      </c>
      <c r="AT13" s="263">
        <v>37</v>
      </c>
      <c r="AU13" s="257">
        <v>26</v>
      </c>
      <c r="AV13" s="261">
        <v>26</v>
      </c>
      <c r="AW13" s="258">
        <v>52</v>
      </c>
      <c r="AX13" s="260">
        <v>0</v>
      </c>
      <c r="AY13" s="261">
        <v>94</v>
      </c>
      <c r="AZ13" s="261">
        <v>84</v>
      </c>
      <c r="BA13" s="261">
        <v>78</v>
      </c>
      <c r="BB13" s="261">
        <v>64</v>
      </c>
      <c r="BC13" s="261">
        <v>69</v>
      </c>
      <c r="BD13" s="262">
        <v>389</v>
      </c>
      <c r="BE13" s="263">
        <v>441</v>
      </c>
      <c r="BF13" s="257">
        <v>0</v>
      </c>
      <c r="BG13" s="261">
        <v>0</v>
      </c>
      <c r="BH13" s="258">
        <v>0</v>
      </c>
      <c r="BI13" s="260">
        <v>0</v>
      </c>
      <c r="BJ13" s="261">
        <v>116</v>
      </c>
      <c r="BK13" s="261">
        <v>71</v>
      </c>
      <c r="BL13" s="261">
        <v>37</v>
      </c>
      <c r="BM13" s="261">
        <v>12</v>
      </c>
      <c r="BN13" s="261">
        <v>4</v>
      </c>
      <c r="BO13" s="258">
        <v>240</v>
      </c>
      <c r="BP13" s="263">
        <v>240</v>
      </c>
      <c r="BQ13" s="257">
        <v>4</v>
      </c>
      <c r="BR13" s="261">
        <v>4</v>
      </c>
      <c r="BS13" s="258">
        <v>8</v>
      </c>
      <c r="BT13" s="260">
        <v>0</v>
      </c>
      <c r="BU13" s="261">
        <v>22</v>
      </c>
      <c r="BV13" s="261">
        <v>19</v>
      </c>
      <c r="BW13" s="261">
        <v>7</v>
      </c>
      <c r="BX13" s="261">
        <v>2</v>
      </c>
      <c r="BY13" s="261">
        <v>1</v>
      </c>
      <c r="BZ13" s="258">
        <v>51</v>
      </c>
      <c r="CA13" s="263">
        <v>59</v>
      </c>
      <c r="CB13" s="257">
        <v>0</v>
      </c>
      <c r="CC13" s="261">
        <v>3</v>
      </c>
      <c r="CD13" s="258">
        <v>3</v>
      </c>
      <c r="CE13" s="260">
        <v>0</v>
      </c>
      <c r="CF13" s="261">
        <v>14</v>
      </c>
      <c r="CG13" s="261">
        <v>12</v>
      </c>
      <c r="CH13" s="261">
        <v>17</v>
      </c>
      <c r="CI13" s="261">
        <v>10</v>
      </c>
      <c r="CJ13" s="261">
        <v>0</v>
      </c>
      <c r="CK13" s="258">
        <v>53</v>
      </c>
      <c r="CL13" s="263">
        <v>56</v>
      </c>
      <c r="CM13" s="257">
        <v>0</v>
      </c>
      <c r="CN13" s="261">
        <v>0</v>
      </c>
      <c r="CO13" s="258">
        <v>0</v>
      </c>
      <c r="CP13" s="260">
        <v>0</v>
      </c>
      <c r="CQ13" s="261">
        <v>2</v>
      </c>
      <c r="CR13" s="261">
        <v>2</v>
      </c>
      <c r="CS13" s="261">
        <v>0</v>
      </c>
      <c r="CT13" s="261">
        <v>0</v>
      </c>
      <c r="CU13" s="261">
        <v>0</v>
      </c>
      <c r="CV13" s="258">
        <v>4</v>
      </c>
      <c r="CW13" s="263">
        <v>4</v>
      </c>
      <c r="CX13" s="257">
        <v>0</v>
      </c>
      <c r="CY13" s="261">
        <v>0</v>
      </c>
      <c r="CZ13" s="258">
        <v>0</v>
      </c>
      <c r="DA13" s="260">
        <v>0</v>
      </c>
      <c r="DB13" s="261">
        <v>0</v>
      </c>
      <c r="DC13" s="261">
        <v>0</v>
      </c>
      <c r="DD13" s="261">
        <v>0</v>
      </c>
      <c r="DE13" s="261">
        <v>0</v>
      </c>
      <c r="DF13" s="261">
        <v>0</v>
      </c>
      <c r="DG13" s="258">
        <v>0</v>
      </c>
      <c r="DH13" s="263">
        <v>0</v>
      </c>
      <c r="DI13" s="257">
        <v>0</v>
      </c>
      <c r="DJ13" s="261">
        <v>0</v>
      </c>
      <c r="DK13" s="258">
        <v>0</v>
      </c>
      <c r="DL13" s="260">
        <v>0</v>
      </c>
      <c r="DM13" s="261">
        <v>0</v>
      </c>
      <c r="DN13" s="261">
        <v>0</v>
      </c>
      <c r="DO13" s="261">
        <v>0</v>
      </c>
      <c r="DP13" s="261">
        <v>0</v>
      </c>
      <c r="DQ13" s="261">
        <v>0</v>
      </c>
      <c r="DR13" s="258">
        <v>0</v>
      </c>
      <c r="DS13" s="263">
        <v>0</v>
      </c>
      <c r="DT13" s="257">
        <v>56</v>
      </c>
      <c r="DU13" s="261">
        <v>101</v>
      </c>
      <c r="DV13" s="258">
        <v>157</v>
      </c>
      <c r="DW13" s="260">
        <v>0</v>
      </c>
      <c r="DX13" s="261">
        <v>129</v>
      </c>
      <c r="DY13" s="261">
        <v>119</v>
      </c>
      <c r="DZ13" s="261">
        <v>73</v>
      </c>
      <c r="EA13" s="261">
        <v>43</v>
      </c>
      <c r="EB13" s="261">
        <v>30</v>
      </c>
      <c r="EC13" s="258">
        <v>394</v>
      </c>
      <c r="ED13" s="263">
        <v>551</v>
      </c>
      <c r="EE13" s="257">
        <v>11</v>
      </c>
      <c r="EF13" s="261">
        <v>8</v>
      </c>
      <c r="EG13" s="258">
        <v>19</v>
      </c>
      <c r="EH13" s="260">
        <v>0</v>
      </c>
      <c r="EI13" s="261">
        <v>34</v>
      </c>
      <c r="EJ13" s="261">
        <v>23</v>
      </c>
      <c r="EK13" s="261">
        <v>21</v>
      </c>
      <c r="EL13" s="261">
        <v>33</v>
      </c>
      <c r="EM13" s="261">
        <v>33</v>
      </c>
      <c r="EN13" s="258">
        <v>144</v>
      </c>
      <c r="EO13" s="263">
        <v>163</v>
      </c>
      <c r="EP13" s="257">
        <v>69</v>
      </c>
      <c r="EQ13" s="261">
        <v>113</v>
      </c>
      <c r="ER13" s="258">
        <v>182</v>
      </c>
      <c r="ES13" s="260">
        <v>0</v>
      </c>
      <c r="ET13" s="261">
        <v>252</v>
      </c>
      <c r="EU13" s="261">
        <v>156</v>
      </c>
      <c r="EV13" s="261">
        <v>87</v>
      </c>
      <c r="EW13" s="261">
        <v>46</v>
      </c>
      <c r="EX13" s="261">
        <v>28</v>
      </c>
      <c r="EY13" s="258">
        <v>569</v>
      </c>
      <c r="EZ13" s="263">
        <v>751</v>
      </c>
    </row>
    <row r="14" spans="2:156" ht="21" customHeight="1" x14ac:dyDescent="0.2">
      <c r="B14" s="472" t="s">
        <v>11</v>
      </c>
      <c r="C14" s="257">
        <v>0</v>
      </c>
      <c r="D14" s="261">
        <v>0</v>
      </c>
      <c r="E14" s="358">
        <v>0</v>
      </c>
      <c r="F14" s="260">
        <v>0</v>
      </c>
      <c r="G14" s="261">
        <v>14</v>
      </c>
      <c r="H14" s="261">
        <v>8</v>
      </c>
      <c r="I14" s="261">
        <v>7</v>
      </c>
      <c r="J14" s="261">
        <v>11</v>
      </c>
      <c r="K14" s="261">
        <v>3</v>
      </c>
      <c r="L14" s="262">
        <v>43</v>
      </c>
      <c r="M14" s="263">
        <v>43</v>
      </c>
      <c r="N14" s="257">
        <v>0</v>
      </c>
      <c r="O14" s="261">
        <v>0</v>
      </c>
      <c r="P14" s="258">
        <v>0</v>
      </c>
      <c r="Q14" s="260">
        <v>0</v>
      </c>
      <c r="R14" s="261">
        <v>0</v>
      </c>
      <c r="S14" s="261">
        <v>0</v>
      </c>
      <c r="T14" s="261">
        <v>0</v>
      </c>
      <c r="U14" s="261">
        <v>2</v>
      </c>
      <c r="V14" s="261">
        <v>3</v>
      </c>
      <c r="W14" s="258">
        <v>5</v>
      </c>
      <c r="X14" s="263">
        <v>5</v>
      </c>
      <c r="Y14" s="257">
        <v>4</v>
      </c>
      <c r="Z14" s="261">
        <v>1</v>
      </c>
      <c r="AA14" s="258">
        <v>5</v>
      </c>
      <c r="AB14" s="260">
        <v>0</v>
      </c>
      <c r="AC14" s="261">
        <v>25</v>
      </c>
      <c r="AD14" s="261">
        <v>12</v>
      </c>
      <c r="AE14" s="261">
        <v>11</v>
      </c>
      <c r="AF14" s="261">
        <v>12</v>
      </c>
      <c r="AG14" s="261">
        <v>3</v>
      </c>
      <c r="AH14" s="258">
        <v>63</v>
      </c>
      <c r="AI14" s="263">
        <v>68</v>
      </c>
      <c r="AJ14" s="257">
        <v>0</v>
      </c>
      <c r="AK14" s="261">
        <v>1</v>
      </c>
      <c r="AL14" s="258">
        <v>1</v>
      </c>
      <c r="AM14" s="260">
        <v>0</v>
      </c>
      <c r="AN14" s="261">
        <v>1</v>
      </c>
      <c r="AO14" s="261">
        <v>3</v>
      </c>
      <c r="AP14" s="261">
        <v>1</v>
      </c>
      <c r="AQ14" s="261">
        <v>2</v>
      </c>
      <c r="AR14" s="261">
        <v>0</v>
      </c>
      <c r="AS14" s="258">
        <v>7</v>
      </c>
      <c r="AT14" s="263">
        <v>8</v>
      </c>
      <c r="AU14" s="257">
        <v>2</v>
      </c>
      <c r="AV14" s="261">
        <v>2</v>
      </c>
      <c r="AW14" s="258">
        <v>4</v>
      </c>
      <c r="AX14" s="260">
        <v>0</v>
      </c>
      <c r="AY14" s="261">
        <v>14</v>
      </c>
      <c r="AZ14" s="261">
        <v>21</v>
      </c>
      <c r="BA14" s="261">
        <v>19</v>
      </c>
      <c r="BB14" s="261">
        <v>26</v>
      </c>
      <c r="BC14" s="261">
        <v>9</v>
      </c>
      <c r="BD14" s="262">
        <v>89</v>
      </c>
      <c r="BE14" s="263">
        <v>93</v>
      </c>
      <c r="BF14" s="257">
        <v>0</v>
      </c>
      <c r="BG14" s="261">
        <v>0</v>
      </c>
      <c r="BH14" s="258">
        <v>0</v>
      </c>
      <c r="BI14" s="260">
        <v>0</v>
      </c>
      <c r="BJ14" s="261">
        <v>20</v>
      </c>
      <c r="BK14" s="261">
        <v>13</v>
      </c>
      <c r="BL14" s="261">
        <v>8</v>
      </c>
      <c r="BM14" s="261">
        <v>12</v>
      </c>
      <c r="BN14" s="261">
        <v>4</v>
      </c>
      <c r="BO14" s="258">
        <v>57</v>
      </c>
      <c r="BP14" s="263">
        <v>57</v>
      </c>
      <c r="BQ14" s="257">
        <v>0</v>
      </c>
      <c r="BR14" s="261">
        <v>5</v>
      </c>
      <c r="BS14" s="258">
        <v>5</v>
      </c>
      <c r="BT14" s="260">
        <v>0</v>
      </c>
      <c r="BU14" s="261">
        <v>15</v>
      </c>
      <c r="BV14" s="261">
        <v>9</v>
      </c>
      <c r="BW14" s="261">
        <v>13</v>
      </c>
      <c r="BX14" s="261">
        <v>4</v>
      </c>
      <c r="BY14" s="261">
        <v>0</v>
      </c>
      <c r="BZ14" s="258">
        <v>41</v>
      </c>
      <c r="CA14" s="263">
        <v>46</v>
      </c>
      <c r="CB14" s="257">
        <v>0</v>
      </c>
      <c r="CC14" s="261">
        <v>0</v>
      </c>
      <c r="CD14" s="258">
        <v>0</v>
      </c>
      <c r="CE14" s="260">
        <v>0</v>
      </c>
      <c r="CF14" s="261">
        <v>6</v>
      </c>
      <c r="CG14" s="261">
        <v>1</v>
      </c>
      <c r="CH14" s="261">
        <v>4</v>
      </c>
      <c r="CI14" s="261">
        <v>2</v>
      </c>
      <c r="CJ14" s="261">
        <v>3</v>
      </c>
      <c r="CK14" s="258">
        <v>16</v>
      </c>
      <c r="CL14" s="263">
        <v>16</v>
      </c>
      <c r="CM14" s="257">
        <v>0</v>
      </c>
      <c r="CN14" s="261">
        <v>0</v>
      </c>
      <c r="CO14" s="258">
        <v>0</v>
      </c>
      <c r="CP14" s="260">
        <v>0</v>
      </c>
      <c r="CQ14" s="261">
        <v>0</v>
      </c>
      <c r="CR14" s="261">
        <v>0</v>
      </c>
      <c r="CS14" s="261">
        <v>2</v>
      </c>
      <c r="CT14" s="261">
        <v>1</v>
      </c>
      <c r="CU14" s="261">
        <v>1</v>
      </c>
      <c r="CV14" s="258">
        <v>4</v>
      </c>
      <c r="CW14" s="263">
        <v>4</v>
      </c>
      <c r="CX14" s="257">
        <v>0</v>
      </c>
      <c r="CY14" s="261">
        <v>0</v>
      </c>
      <c r="CZ14" s="258">
        <v>0</v>
      </c>
      <c r="DA14" s="260">
        <v>0</v>
      </c>
      <c r="DB14" s="261">
        <v>0</v>
      </c>
      <c r="DC14" s="261">
        <v>0</v>
      </c>
      <c r="DD14" s="261">
        <v>0</v>
      </c>
      <c r="DE14" s="261">
        <v>0</v>
      </c>
      <c r="DF14" s="261">
        <v>0</v>
      </c>
      <c r="DG14" s="258">
        <v>0</v>
      </c>
      <c r="DH14" s="263">
        <v>0</v>
      </c>
      <c r="DI14" s="257">
        <v>0</v>
      </c>
      <c r="DJ14" s="261">
        <v>0</v>
      </c>
      <c r="DK14" s="258">
        <v>0</v>
      </c>
      <c r="DL14" s="260">
        <v>0</v>
      </c>
      <c r="DM14" s="261">
        <v>0</v>
      </c>
      <c r="DN14" s="261">
        <v>0</v>
      </c>
      <c r="DO14" s="261">
        <v>0</v>
      </c>
      <c r="DP14" s="261">
        <v>0</v>
      </c>
      <c r="DQ14" s="261">
        <v>0</v>
      </c>
      <c r="DR14" s="258">
        <v>0</v>
      </c>
      <c r="DS14" s="263">
        <v>0</v>
      </c>
      <c r="DT14" s="257">
        <v>13</v>
      </c>
      <c r="DU14" s="261">
        <v>18</v>
      </c>
      <c r="DV14" s="258">
        <v>31</v>
      </c>
      <c r="DW14" s="260">
        <v>0</v>
      </c>
      <c r="DX14" s="261">
        <v>46</v>
      </c>
      <c r="DY14" s="261">
        <v>28</v>
      </c>
      <c r="DZ14" s="261">
        <v>29</v>
      </c>
      <c r="EA14" s="261">
        <v>32</v>
      </c>
      <c r="EB14" s="261">
        <v>8</v>
      </c>
      <c r="EC14" s="258">
        <v>143</v>
      </c>
      <c r="ED14" s="263">
        <v>174</v>
      </c>
      <c r="EE14" s="257">
        <v>1</v>
      </c>
      <c r="EF14" s="261">
        <v>2</v>
      </c>
      <c r="EG14" s="258">
        <v>3</v>
      </c>
      <c r="EH14" s="260">
        <v>0</v>
      </c>
      <c r="EI14" s="261">
        <v>15</v>
      </c>
      <c r="EJ14" s="261">
        <v>10</v>
      </c>
      <c r="EK14" s="261">
        <v>11</v>
      </c>
      <c r="EL14" s="261">
        <v>15</v>
      </c>
      <c r="EM14" s="261">
        <v>5</v>
      </c>
      <c r="EN14" s="258">
        <v>56</v>
      </c>
      <c r="EO14" s="263">
        <v>59</v>
      </c>
      <c r="EP14" s="257">
        <v>17</v>
      </c>
      <c r="EQ14" s="261">
        <v>24</v>
      </c>
      <c r="ER14" s="258">
        <v>41</v>
      </c>
      <c r="ES14" s="260">
        <v>0</v>
      </c>
      <c r="ET14" s="261">
        <v>96</v>
      </c>
      <c r="EU14" s="261">
        <v>38</v>
      </c>
      <c r="EV14" s="261">
        <v>34</v>
      </c>
      <c r="EW14" s="261">
        <v>34</v>
      </c>
      <c r="EX14" s="261">
        <v>9</v>
      </c>
      <c r="EY14" s="258">
        <v>211</v>
      </c>
      <c r="EZ14" s="263">
        <v>252</v>
      </c>
    </row>
    <row r="15" spans="2:156" ht="21" customHeight="1" x14ac:dyDescent="0.2">
      <c r="B15" s="472" t="s">
        <v>12</v>
      </c>
      <c r="C15" s="257">
        <v>0</v>
      </c>
      <c r="D15" s="261">
        <v>0</v>
      </c>
      <c r="E15" s="358">
        <v>0</v>
      </c>
      <c r="F15" s="260">
        <v>0</v>
      </c>
      <c r="G15" s="261">
        <v>37</v>
      </c>
      <c r="H15" s="261">
        <v>24</v>
      </c>
      <c r="I15" s="261">
        <v>23</v>
      </c>
      <c r="J15" s="261">
        <v>15</v>
      </c>
      <c r="K15" s="261">
        <v>16</v>
      </c>
      <c r="L15" s="262">
        <v>115</v>
      </c>
      <c r="M15" s="263">
        <v>115</v>
      </c>
      <c r="N15" s="257">
        <v>0</v>
      </c>
      <c r="O15" s="261">
        <v>0</v>
      </c>
      <c r="P15" s="258">
        <v>0</v>
      </c>
      <c r="Q15" s="260">
        <v>0</v>
      </c>
      <c r="R15" s="261">
        <v>0</v>
      </c>
      <c r="S15" s="261">
        <v>2</v>
      </c>
      <c r="T15" s="261">
        <v>1</v>
      </c>
      <c r="U15" s="261">
        <v>1</v>
      </c>
      <c r="V15" s="261">
        <v>6</v>
      </c>
      <c r="W15" s="258">
        <v>10</v>
      </c>
      <c r="X15" s="263">
        <v>10</v>
      </c>
      <c r="Y15" s="257">
        <v>9</v>
      </c>
      <c r="Z15" s="261">
        <v>25</v>
      </c>
      <c r="AA15" s="258">
        <v>34</v>
      </c>
      <c r="AB15" s="260">
        <v>0</v>
      </c>
      <c r="AC15" s="261">
        <v>25</v>
      </c>
      <c r="AD15" s="261">
        <v>23</v>
      </c>
      <c r="AE15" s="261">
        <v>17</v>
      </c>
      <c r="AF15" s="261">
        <v>15</v>
      </c>
      <c r="AG15" s="261">
        <v>12</v>
      </c>
      <c r="AH15" s="258">
        <v>92</v>
      </c>
      <c r="AI15" s="263">
        <v>126</v>
      </c>
      <c r="AJ15" s="257">
        <v>1</v>
      </c>
      <c r="AK15" s="261">
        <v>1</v>
      </c>
      <c r="AL15" s="258">
        <v>2</v>
      </c>
      <c r="AM15" s="260">
        <v>0</v>
      </c>
      <c r="AN15" s="261">
        <v>2</v>
      </c>
      <c r="AO15" s="261">
        <v>4</v>
      </c>
      <c r="AP15" s="261">
        <v>1</v>
      </c>
      <c r="AQ15" s="261">
        <v>2</v>
      </c>
      <c r="AR15" s="261">
        <v>0</v>
      </c>
      <c r="AS15" s="258">
        <v>9</v>
      </c>
      <c r="AT15" s="263">
        <v>11</v>
      </c>
      <c r="AU15" s="257">
        <v>7</v>
      </c>
      <c r="AV15" s="261">
        <v>9</v>
      </c>
      <c r="AW15" s="258">
        <v>16</v>
      </c>
      <c r="AX15" s="260">
        <v>0</v>
      </c>
      <c r="AY15" s="261">
        <v>16</v>
      </c>
      <c r="AZ15" s="261">
        <v>28</v>
      </c>
      <c r="BA15" s="261">
        <v>29</v>
      </c>
      <c r="BB15" s="261">
        <v>30</v>
      </c>
      <c r="BC15" s="261">
        <v>14</v>
      </c>
      <c r="BD15" s="262">
        <v>117</v>
      </c>
      <c r="BE15" s="263">
        <v>133</v>
      </c>
      <c r="BF15" s="257">
        <v>0</v>
      </c>
      <c r="BG15" s="261">
        <v>0</v>
      </c>
      <c r="BH15" s="258">
        <v>0</v>
      </c>
      <c r="BI15" s="260">
        <v>0</v>
      </c>
      <c r="BJ15" s="261">
        <v>39</v>
      </c>
      <c r="BK15" s="261">
        <v>26</v>
      </c>
      <c r="BL15" s="261">
        <v>12</v>
      </c>
      <c r="BM15" s="261">
        <v>11</v>
      </c>
      <c r="BN15" s="261">
        <v>6</v>
      </c>
      <c r="BO15" s="258">
        <v>94</v>
      </c>
      <c r="BP15" s="263">
        <v>94</v>
      </c>
      <c r="BQ15" s="257">
        <v>14</v>
      </c>
      <c r="BR15" s="261">
        <v>6</v>
      </c>
      <c r="BS15" s="258">
        <v>20</v>
      </c>
      <c r="BT15" s="260">
        <v>0</v>
      </c>
      <c r="BU15" s="261">
        <v>9</v>
      </c>
      <c r="BV15" s="261">
        <v>7</v>
      </c>
      <c r="BW15" s="261">
        <v>8</v>
      </c>
      <c r="BX15" s="261">
        <v>5</v>
      </c>
      <c r="BY15" s="261">
        <v>0</v>
      </c>
      <c r="BZ15" s="258">
        <v>29</v>
      </c>
      <c r="CA15" s="263">
        <v>49</v>
      </c>
      <c r="CB15" s="257">
        <v>1</v>
      </c>
      <c r="CC15" s="261">
        <v>1</v>
      </c>
      <c r="CD15" s="258">
        <v>2</v>
      </c>
      <c r="CE15" s="260">
        <v>0</v>
      </c>
      <c r="CF15" s="261">
        <v>7</v>
      </c>
      <c r="CG15" s="261">
        <v>8</v>
      </c>
      <c r="CH15" s="261">
        <v>5</v>
      </c>
      <c r="CI15" s="261">
        <v>9</v>
      </c>
      <c r="CJ15" s="261">
        <v>3</v>
      </c>
      <c r="CK15" s="258">
        <v>32</v>
      </c>
      <c r="CL15" s="263">
        <v>34</v>
      </c>
      <c r="CM15" s="257">
        <v>0</v>
      </c>
      <c r="CN15" s="261">
        <v>0</v>
      </c>
      <c r="CO15" s="258">
        <v>0</v>
      </c>
      <c r="CP15" s="260">
        <v>0</v>
      </c>
      <c r="CQ15" s="261">
        <v>1</v>
      </c>
      <c r="CR15" s="261">
        <v>0</v>
      </c>
      <c r="CS15" s="261">
        <v>0</v>
      </c>
      <c r="CT15" s="261">
        <v>0</v>
      </c>
      <c r="CU15" s="261">
        <v>0</v>
      </c>
      <c r="CV15" s="258">
        <v>1</v>
      </c>
      <c r="CW15" s="263">
        <v>1</v>
      </c>
      <c r="CX15" s="257">
        <v>0</v>
      </c>
      <c r="CY15" s="261">
        <v>0</v>
      </c>
      <c r="CZ15" s="258">
        <v>0</v>
      </c>
      <c r="DA15" s="260">
        <v>0</v>
      </c>
      <c r="DB15" s="261">
        <v>0</v>
      </c>
      <c r="DC15" s="261">
        <v>0</v>
      </c>
      <c r="DD15" s="261">
        <v>0</v>
      </c>
      <c r="DE15" s="261">
        <v>0</v>
      </c>
      <c r="DF15" s="261">
        <v>0</v>
      </c>
      <c r="DG15" s="258">
        <v>0</v>
      </c>
      <c r="DH15" s="263">
        <v>0</v>
      </c>
      <c r="DI15" s="257">
        <v>0</v>
      </c>
      <c r="DJ15" s="261">
        <v>0</v>
      </c>
      <c r="DK15" s="258">
        <v>0</v>
      </c>
      <c r="DL15" s="260">
        <v>0</v>
      </c>
      <c r="DM15" s="261">
        <v>0</v>
      </c>
      <c r="DN15" s="261">
        <v>0</v>
      </c>
      <c r="DO15" s="261">
        <v>0</v>
      </c>
      <c r="DP15" s="261">
        <v>0</v>
      </c>
      <c r="DQ15" s="261">
        <v>0</v>
      </c>
      <c r="DR15" s="258">
        <v>0</v>
      </c>
      <c r="DS15" s="263">
        <v>0</v>
      </c>
      <c r="DT15" s="257">
        <v>23</v>
      </c>
      <c r="DU15" s="261">
        <v>56</v>
      </c>
      <c r="DV15" s="258">
        <v>79</v>
      </c>
      <c r="DW15" s="260">
        <v>0</v>
      </c>
      <c r="DX15" s="261">
        <v>41</v>
      </c>
      <c r="DY15" s="261">
        <v>53</v>
      </c>
      <c r="DZ15" s="261">
        <v>35</v>
      </c>
      <c r="EA15" s="261">
        <v>40</v>
      </c>
      <c r="EB15" s="261">
        <v>22</v>
      </c>
      <c r="EC15" s="258">
        <v>191</v>
      </c>
      <c r="ED15" s="263">
        <v>270</v>
      </c>
      <c r="EE15" s="257">
        <v>5</v>
      </c>
      <c r="EF15" s="261">
        <v>4</v>
      </c>
      <c r="EG15" s="258">
        <v>9</v>
      </c>
      <c r="EH15" s="260">
        <v>0</v>
      </c>
      <c r="EI15" s="261">
        <v>6</v>
      </c>
      <c r="EJ15" s="261">
        <v>15</v>
      </c>
      <c r="EK15" s="261">
        <v>13</v>
      </c>
      <c r="EL15" s="261">
        <v>13</v>
      </c>
      <c r="EM15" s="261">
        <v>4</v>
      </c>
      <c r="EN15" s="258">
        <v>51</v>
      </c>
      <c r="EO15" s="263">
        <v>60</v>
      </c>
      <c r="EP15" s="257">
        <v>44</v>
      </c>
      <c r="EQ15" s="261">
        <v>69</v>
      </c>
      <c r="ER15" s="258">
        <v>113</v>
      </c>
      <c r="ES15" s="260">
        <v>0</v>
      </c>
      <c r="ET15" s="261">
        <v>103</v>
      </c>
      <c r="EU15" s="261">
        <v>73</v>
      </c>
      <c r="EV15" s="261">
        <v>42</v>
      </c>
      <c r="EW15" s="261">
        <v>38</v>
      </c>
      <c r="EX15" s="261">
        <v>23</v>
      </c>
      <c r="EY15" s="258">
        <v>279</v>
      </c>
      <c r="EZ15" s="263">
        <v>392</v>
      </c>
    </row>
    <row r="16" spans="2:156" ht="21" customHeight="1" x14ac:dyDescent="0.2">
      <c r="B16" s="472" t="s">
        <v>13</v>
      </c>
      <c r="C16" s="257">
        <v>0</v>
      </c>
      <c r="D16" s="261">
        <v>0</v>
      </c>
      <c r="E16" s="358">
        <v>0</v>
      </c>
      <c r="F16" s="260">
        <v>0</v>
      </c>
      <c r="G16" s="261">
        <v>24</v>
      </c>
      <c r="H16" s="261">
        <v>21</v>
      </c>
      <c r="I16" s="261">
        <v>14</v>
      </c>
      <c r="J16" s="261">
        <v>10</v>
      </c>
      <c r="K16" s="261">
        <v>13</v>
      </c>
      <c r="L16" s="262">
        <v>82</v>
      </c>
      <c r="M16" s="263">
        <v>82</v>
      </c>
      <c r="N16" s="257">
        <v>0</v>
      </c>
      <c r="O16" s="261">
        <v>0</v>
      </c>
      <c r="P16" s="258">
        <v>0</v>
      </c>
      <c r="Q16" s="260">
        <v>0</v>
      </c>
      <c r="R16" s="261">
        <v>0</v>
      </c>
      <c r="S16" s="261">
        <v>0</v>
      </c>
      <c r="T16" s="261">
        <v>0</v>
      </c>
      <c r="U16" s="261">
        <v>2</v>
      </c>
      <c r="V16" s="261">
        <v>1</v>
      </c>
      <c r="W16" s="258">
        <v>3</v>
      </c>
      <c r="X16" s="263">
        <v>3</v>
      </c>
      <c r="Y16" s="257">
        <v>1</v>
      </c>
      <c r="Z16" s="261">
        <v>9</v>
      </c>
      <c r="AA16" s="258">
        <v>10</v>
      </c>
      <c r="AB16" s="260">
        <v>0</v>
      </c>
      <c r="AC16" s="261">
        <v>17</v>
      </c>
      <c r="AD16" s="261">
        <v>14</v>
      </c>
      <c r="AE16" s="261">
        <v>8</v>
      </c>
      <c r="AF16" s="261">
        <v>9</v>
      </c>
      <c r="AG16" s="261">
        <v>10</v>
      </c>
      <c r="AH16" s="258">
        <v>58</v>
      </c>
      <c r="AI16" s="263">
        <v>68</v>
      </c>
      <c r="AJ16" s="257">
        <v>0</v>
      </c>
      <c r="AK16" s="261">
        <v>0</v>
      </c>
      <c r="AL16" s="258">
        <v>0</v>
      </c>
      <c r="AM16" s="260">
        <v>0</v>
      </c>
      <c r="AN16" s="261">
        <v>1</v>
      </c>
      <c r="AO16" s="261">
        <v>2</v>
      </c>
      <c r="AP16" s="261">
        <v>0</v>
      </c>
      <c r="AQ16" s="261">
        <v>3</v>
      </c>
      <c r="AR16" s="261">
        <v>2</v>
      </c>
      <c r="AS16" s="258">
        <v>8</v>
      </c>
      <c r="AT16" s="263">
        <v>8</v>
      </c>
      <c r="AU16" s="257">
        <v>6</v>
      </c>
      <c r="AV16" s="261">
        <v>7</v>
      </c>
      <c r="AW16" s="258">
        <v>13</v>
      </c>
      <c r="AX16" s="260">
        <v>0</v>
      </c>
      <c r="AY16" s="261">
        <v>26</v>
      </c>
      <c r="AZ16" s="261">
        <v>26</v>
      </c>
      <c r="BA16" s="261">
        <v>20</v>
      </c>
      <c r="BB16" s="261">
        <v>22</v>
      </c>
      <c r="BC16" s="261">
        <v>23</v>
      </c>
      <c r="BD16" s="262">
        <v>117</v>
      </c>
      <c r="BE16" s="263">
        <v>130</v>
      </c>
      <c r="BF16" s="257">
        <v>0</v>
      </c>
      <c r="BG16" s="261">
        <v>0</v>
      </c>
      <c r="BH16" s="258">
        <v>0</v>
      </c>
      <c r="BI16" s="260">
        <v>0</v>
      </c>
      <c r="BJ16" s="261">
        <v>19</v>
      </c>
      <c r="BK16" s="261">
        <v>19</v>
      </c>
      <c r="BL16" s="261">
        <v>9</v>
      </c>
      <c r="BM16" s="261">
        <v>1</v>
      </c>
      <c r="BN16" s="261">
        <v>1</v>
      </c>
      <c r="BO16" s="258">
        <v>49</v>
      </c>
      <c r="BP16" s="263">
        <v>49</v>
      </c>
      <c r="BQ16" s="257">
        <v>0</v>
      </c>
      <c r="BR16" s="261">
        <v>0</v>
      </c>
      <c r="BS16" s="258">
        <v>0</v>
      </c>
      <c r="BT16" s="260">
        <v>0</v>
      </c>
      <c r="BU16" s="261">
        <v>3</v>
      </c>
      <c r="BV16" s="261">
        <v>2</v>
      </c>
      <c r="BW16" s="261">
        <v>2</v>
      </c>
      <c r="BX16" s="261">
        <v>2</v>
      </c>
      <c r="BY16" s="261">
        <v>2</v>
      </c>
      <c r="BZ16" s="258">
        <v>11</v>
      </c>
      <c r="CA16" s="263">
        <v>11</v>
      </c>
      <c r="CB16" s="257">
        <v>0</v>
      </c>
      <c r="CC16" s="261">
        <v>0</v>
      </c>
      <c r="CD16" s="258">
        <v>0</v>
      </c>
      <c r="CE16" s="260">
        <v>0</v>
      </c>
      <c r="CF16" s="261">
        <v>0</v>
      </c>
      <c r="CG16" s="261">
        <v>4</v>
      </c>
      <c r="CH16" s="261">
        <v>3</v>
      </c>
      <c r="CI16" s="261">
        <v>4</v>
      </c>
      <c r="CJ16" s="261">
        <v>0</v>
      </c>
      <c r="CK16" s="258">
        <v>11</v>
      </c>
      <c r="CL16" s="263">
        <v>11</v>
      </c>
      <c r="CM16" s="257">
        <v>0</v>
      </c>
      <c r="CN16" s="261">
        <v>0</v>
      </c>
      <c r="CO16" s="258">
        <v>0</v>
      </c>
      <c r="CP16" s="260">
        <v>0</v>
      </c>
      <c r="CQ16" s="261">
        <v>0</v>
      </c>
      <c r="CR16" s="261">
        <v>0</v>
      </c>
      <c r="CS16" s="261">
        <v>0</v>
      </c>
      <c r="CT16" s="261">
        <v>0</v>
      </c>
      <c r="CU16" s="261">
        <v>0</v>
      </c>
      <c r="CV16" s="258">
        <v>0</v>
      </c>
      <c r="CW16" s="263">
        <v>0</v>
      </c>
      <c r="CX16" s="257">
        <v>0</v>
      </c>
      <c r="CY16" s="261">
        <v>0</v>
      </c>
      <c r="CZ16" s="258">
        <v>0</v>
      </c>
      <c r="DA16" s="260">
        <v>0</v>
      </c>
      <c r="DB16" s="261">
        <v>0</v>
      </c>
      <c r="DC16" s="261">
        <v>0</v>
      </c>
      <c r="DD16" s="261">
        <v>0</v>
      </c>
      <c r="DE16" s="261">
        <v>0</v>
      </c>
      <c r="DF16" s="261">
        <v>0</v>
      </c>
      <c r="DG16" s="258">
        <v>0</v>
      </c>
      <c r="DH16" s="263">
        <v>0</v>
      </c>
      <c r="DI16" s="257">
        <v>0</v>
      </c>
      <c r="DJ16" s="261">
        <v>0</v>
      </c>
      <c r="DK16" s="258">
        <v>0</v>
      </c>
      <c r="DL16" s="260">
        <v>0</v>
      </c>
      <c r="DM16" s="261">
        <v>0</v>
      </c>
      <c r="DN16" s="261">
        <v>0</v>
      </c>
      <c r="DO16" s="261">
        <v>0</v>
      </c>
      <c r="DP16" s="261">
        <v>0</v>
      </c>
      <c r="DQ16" s="261">
        <v>0</v>
      </c>
      <c r="DR16" s="258">
        <v>0</v>
      </c>
      <c r="DS16" s="263">
        <v>0</v>
      </c>
      <c r="DT16" s="257">
        <v>2</v>
      </c>
      <c r="DU16" s="261">
        <v>19</v>
      </c>
      <c r="DV16" s="258">
        <v>21</v>
      </c>
      <c r="DW16" s="260">
        <v>0</v>
      </c>
      <c r="DX16" s="261">
        <v>23</v>
      </c>
      <c r="DY16" s="261">
        <v>37</v>
      </c>
      <c r="DZ16" s="261">
        <v>18</v>
      </c>
      <c r="EA16" s="261">
        <v>14</v>
      </c>
      <c r="EB16" s="261">
        <v>16</v>
      </c>
      <c r="EC16" s="258">
        <v>108</v>
      </c>
      <c r="ED16" s="263">
        <v>129</v>
      </c>
      <c r="EE16" s="257">
        <v>4</v>
      </c>
      <c r="EF16" s="261">
        <v>3</v>
      </c>
      <c r="EG16" s="258">
        <v>7</v>
      </c>
      <c r="EH16" s="260">
        <v>0</v>
      </c>
      <c r="EI16" s="261">
        <v>11</v>
      </c>
      <c r="EJ16" s="261">
        <v>9</v>
      </c>
      <c r="EK16" s="261">
        <v>8</v>
      </c>
      <c r="EL16" s="261">
        <v>10</v>
      </c>
      <c r="EM16" s="261">
        <v>7</v>
      </c>
      <c r="EN16" s="258">
        <v>45</v>
      </c>
      <c r="EO16" s="263">
        <v>52</v>
      </c>
      <c r="EP16" s="257">
        <v>2</v>
      </c>
      <c r="EQ16" s="261">
        <v>20</v>
      </c>
      <c r="ER16" s="258">
        <v>22</v>
      </c>
      <c r="ES16" s="260">
        <v>0</v>
      </c>
      <c r="ET16" s="261">
        <v>54</v>
      </c>
      <c r="EU16" s="261">
        <v>54</v>
      </c>
      <c r="EV16" s="261">
        <v>27</v>
      </c>
      <c r="EW16" s="261">
        <v>18</v>
      </c>
      <c r="EX16" s="261">
        <v>16</v>
      </c>
      <c r="EY16" s="258">
        <v>169</v>
      </c>
      <c r="EZ16" s="263">
        <v>191</v>
      </c>
    </row>
    <row r="17" spans="2:156" ht="21" customHeight="1" x14ac:dyDescent="0.2">
      <c r="B17" s="472" t="s">
        <v>15</v>
      </c>
      <c r="C17" s="257">
        <v>0</v>
      </c>
      <c r="D17" s="261">
        <v>0</v>
      </c>
      <c r="E17" s="358">
        <v>0</v>
      </c>
      <c r="F17" s="260">
        <v>0</v>
      </c>
      <c r="G17" s="261">
        <v>4</v>
      </c>
      <c r="H17" s="261">
        <v>4</v>
      </c>
      <c r="I17" s="261">
        <v>1</v>
      </c>
      <c r="J17" s="261">
        <v>3</v>
      </c>
      <c r="K17" s="261">
        <v>3</v>
      </c>
      <c r="L17" s="262">
        <v>15</v>
      </c>
      <c r="M17" s="263">
        <v>15</v>
      </c>
      <c r="N17" s="257">
        <v>0</v>
      </c>
      <c r="O17" s="261">
        <v>0</v>
      </c>
      <c r="P17" s="258">
        <v>0</v>
      </c>
      <c r="Q17" s="260">
        <v>0</v>
      </c>
      <c r="R17" s="261">
        <v>0</v>
      </c>
      <c r="S17" s="261">
        <v>0</v>
      </c>
      <c r="T17" s="261">
        <v>0</v>
      </c>
      <c r="U17" s="261">
        <v>1</v>
      </c>
      <c r="V17" s="261">
        <v>2</v>
      </c>
      <c r="W17" s="258">
        <v>3</v>
      </c>
      <c r="X17" s="263">
        <v>3</v>
      </c>
      <c r="Y17" s="257">
        <v>0</v>
      </c>
      <c r="Z17" s="261">
        <v>0</v>
      </c>
      <c r="AA17" s="258">
        <v>0</v>
      </c>
      <c r="AB17" s="260">
        <v>0</v>
      </c>
      <c r="AC17" s="261">
        <v>2</v>
      </c>
      <c r="AD17" s="261">
        <v>3</v>
      </c>
      <c r="AE17" s="261">
        <v>0</v>
      </c>
      <c r="AF17" s="261">
        <v>4</v>
      </c>
      <c r="AG17" s="261">
        <v>4</v>
      </c>
      <c r="AH17" s="258">
        <v>13</v>
      </c>
      <c r="AI17" s="263">
        <v>13</v>
      </c>
      <c r="AJ17" s="257">
        <v>0</v>
      </c>
      <c r="AK17" s="261">
        <v>1</v>
      </c>
      <c r="AL17" s="258">
        <v>1</v>
      </c>
      <c r="AM17" s="260">
        <v>0</v>
      </c>
      <c r="AN17" s="261">
        <v>0</v>
      </c>
      <c r="AO17" s="261">
        <v>0</v>
      </c>
      <c r="AP17" s="261">
        <v>0</v>
      </c>
      <c r="AQ17" s="261">
        <v>0</v>
      </c>
      <c r="AR17" s="261">
        <v>1</v>
      </c>
      <c r="AS17" s="258">
        <v>1</v>
      </c>
      <c r="AT17" s="263">
        <v>2</v>
      </c>
      <c r="AU17" s="257">
        <v>0</v>
      </c>
      <c r="AV17" s="261">
        <v>1</v>
      </c>
      <c r="AW17" s="258">
        <v>1</v>
      </c>
      <c r="AX17" s="260">
        <v>0</v>
      </c>
      <c r="AY17" s="261">
        <v>2</v>
      </c>
      <c r="AZ17" s="261">
        <v>6</v>
      </c>
      <c r="BA17" s="261">
        <v>4</v>
      </c>
      <c r="BB17" s="261">
        <v>5</v>
      </c>
      <c r="BC17" s="261">
        <v>3</v>
      </c>
      <c r="BD17" s="262">
        <v>20</v>
      </c>
      <c r="BE17" s="263">
        <v>21</v>
      </c>
      <c r="BF17" s="257">
        <v>0</v>
      </c>
      <c r="BG17" s="261">
        <v>0</v>
      </c>
      <c r="BH17" s="258">
        <v>0</v>
      </c>
      <c r="BI17" s="260">
        <v>0</v>
      </c>
      <c r="BJ17" s="261">
        <v>3</v>
      </c>
      <c r="BK17" s="261">
        <v>6</v>
      </c>
      <c r="BL17" s="261">
        <v>3</v>
      </c>
      <c r="BM17" s="261">
        <v>2</v>
      </c>
      <c r="BN17" s="261">
        <v>0</v>
      </c>
      <c r="BO17" s="258">
        <v>14</v>
      </c>
      <c r="BP17" s="263">
        <v>14</v>
      </c>
      <c r="BQ17" s="257">
        <v>0</v>
      </c>
      <c r="BR17" s="261">
        <v>0</v>
      </c>
      <c r="BS17" s="258">
        <v>0</v>
      </c>
      <c r="BT17" s="260">
        <v>0</v>
      </c>
      <c r="BU17" s="261">
        <v>1</v>
      </c>
      <c r="BV17" s="261">
        <v>2</v>
      </c>
      <c r="BW17" s="261">
        <v>2</v>
      </c>
      <c r="BX17" s="261">
        <v>2</v>
      </c>
      <c r="BY17" s="261">
        <v>1</v>
      </c>
      <c r="BZ17" s="258">
        <v>8</v>
      </c>
      <c r="CA17" s="263">
        <v>8</v>
      </c>
      <c r="CB17" s="257">
        <v>0</v>
      </c>
      <c r="CC17" s="261">
        <v>0</v>
      </c>
      <c r="CD17" s="258">
        <v>0</v>
      </c>
      <c r="CE17" s="260">
        <v>0</v>
      </c>
      <c r="CF17" s="261">
        <v>0</v>
      </c>
      <c r="CG17" s="261">
        <v>3</v>
      </c>
      <c r="CH17" s="261">
        <v>6</v>
      </c>
      <c r="CI17" s="261">
        <v>1</v>
      </c>
      <c r="CJ17" s="261">
        <v>1</v>
      </c>
      <c r="CK17" s="258">
        <v>11</v>
      </c>
      <c r="CL17" s="263">
        <v>11</v>
      </c>
      <c r="CM17" s="257">
        <v>0</v>
      </c>
      <c r="CN17" s="261">
        <v>0</v>
      </c>
      <c r="CO17" s="258">
        <v>0</v>
      </c>
      <c r="CP17" s="260">
        <v>0</v>
      </c>
      <c r="CQ17" s="261">
        <v>0</v>
      </c>
      <c r="CR17" s="261">
        <v>1</v>
      </c>
      <c r="CS17" s="261">
        <v>0</v>
      </c>
      <c r="CT17" s="261">
        <v>0</v>
      </c>
      <c r="CU17" s="261">
        <v>0</v>
      </c>
      <c r="CV17" s="258">
        <v>1</v>
      </c>
      <c r="CW17" s="263">
        <v>1</v>
      </c>
      <c r="CX17" s="257">
        <v>0</v>
      </c>
      <c r="CY17" s="261">
        <v>0</v>
      </c>
      <c r="CZ17" s="258">
        <v>0</v>
      </c>
      <c r="DA17" s="260">
        <v>0</v>
      </c>
      <c r="DB17" s="261">
        <v>0</v>
      </c>
      <c r="DC17" s="261">
        <v>0</v>
      </c>
      <c r="DD17" s="261">
        <v>0</v>
      </c>
      <c r="DE17" s="261">
        <v>0</v>
      </c>
      <c r="DF17" s="261">
        <v>0</v>
      </c>
      <c r="DG17" s="258">
        <v>0</v>
      </c>
      <c r="DH17" s="263">
        <v>0</v>
      </c>
      <c r="DI17" s="257">
        <v>0</v>
      </c>
      <c r="DJ17" s="261">
        <v>0</v>
      </c>
      <c r="DK17" s="258">
        <v>0</v>
      </c>
      <c r="DL17" s="260">
        <v>0</v>
      </c>
      <c r="DM17" s="261">
        <v>0</v>
      </c>
      <c r="DN17" s="261">
        <v>0</v>
      </c>
      <c r="DO17" s="261">
        <v>0</v>
      </c>
      <c r="DP17" s="261">
        <v>0</v>
      </c>
      <c r="DQ17" s="261">
        <v>0</v>
      </c>
      <c r="DR17" s="258">
        <v>0</v>
      </c>
      <c r="DS17" s="263">
        <v>0</v>
      </c>
      <c r="DT17" s="257">
        <v>2</v>
      </c>
      <c r="DU17" s="261">
        <v>4</v>
      </c>
      <c r="DV17" s="258">
        <v>6</v>
      </c>
      <c r="DW17" s="260">
        <v>0</v>
      </c>
      <c r="DX17" s="261">
        <v>5</v>
      </c>
      <c r="DY17" s="261">
        <v>12</v>
      </c>
      <c r="DZ17" s="261">
        <v>6</v>
      </c>
      <c r="EA17" s="261">
        <v>6</v>
      </c>
      <c r="EB17" s="261">
        <v>4</v>
      </c>
      <c r="EC17" s="258">
        <v>33</v>
      </c>
      <c r="ED17" s="263">
        <v>39</v>
      </c>
      <c r="EE17" s="257">
        <v>1</v>
      </c>
      <c r="EF17" s="261">
        <v>1</v>
      </c>
      <c r="EG17" s="258">
        <v>2</v>
      </c>
      <c r="EH17" s="260">
        <v>0</v>
      </c>
      <c r="EI17" s="261">
        <v>3</v>
      </c>
      <c r="EJ17" s="261">
        <v>3</v>
      </c>
      <c r="EK17" s="261">
        <v>1</v>
      </c>
      <c r="EL17" s="261">
        <v>2</v>
      </c>
      <c r="EM17" s="261">
        <v>0</v>
      </c>
      <c r="EN17" s="258">
        <v>9</v>
      </c>
      <c r="EO17" s="263">
        <v>11</v>
      </c>
      <c r="EP17" s="257">
        <v>2</v>
      </c>
      <c r="EQ17" s="261">
        <v>4</v>
      </c>
      <c r="ER17" s="258">
        <v>6</v>
      </c>
      <c r="ES17" s="260">
        <v>0</v>
      </c>
      <c r="ET17" s="261">
        <v>11</v>
      </c>
      <c r="EU17" s="261">
        <v>17</v>
      </c>
      <c r="EV17" s="261">
        <v>8</v>
      </c>
      <c r="EW17" s="261">
        <v>6</v>
      </c>
      <c r="EX17" s="261">
        <v>4</v>
      </c>
      <c r="EY17" s="258">
        <v>46</v>
      </c>
      <c r="EZ17" s="263">
        <v>52</v>
      </c>
    </row>
    <row r="18" spans="2:156" ht="21" customHeight="1" x14ac:dyDescent="0.2">
      <c r="B18" s="472" t="s">
        <v>16</v>
      </c>
      <c r="C18" s="257">
        <v>0</v>
      </c>
      <c r="D18" s="261">
        <v>0</v>
      </c>
      <c r="E18" s="358">
        <v>0</v>
      </c>
      <c r="F18" s="260">
        <v>0</v>
      </c>
      <c r="G18" s="261">
        <v>8</v>
      </c>
      <c r="H18" s="261">
        <v>18</v>
      </c>
      <c r="I18" s="261">
        <v>5</v>
      </c>
      <c r="J18" s="261">
        <v>5</v>
      </c>
      <c r="K18" s="261">
        <v>1</v>
      </c>
      <c r="L18" s="262">
        <v>37</v>
      </c>
      <c r="M18" s="263">
        <v>37</v>
      </c>
      <c r="N18" s="257">
        <v>0</v>
      </c>
      <c r="O18" s="261">
        <v>0</v>
      </c>
      <c r="P18" s="258">
        <v>0</v>
      </c>
      <c r="Q18" s="260">
        <v>0</v>
      </c>
      <c r="R18" s="261">
        <v>0</v>
      </c>
      <c r="S18" s="261">
        <v>0</v>
      </c>
      <c r="T18" s="261">
        <v>1</v>
      </c>
      <c r="U18" s="261">
        <v>1</v>
      </c>
      <c r="V18" s="261">
        <v>4</v>
      </c>
      <c r="W18" s="258">
        <v>6</v>
      </c>
      <c r="X18" s="263">
        <v>6</v>
      </c>
      <c r="Y18" s="257">
        <v>2</v>
      </c>
      <c r="Z18" s="261">
        <v>2</v>
      </c>
      <c r="AA18" s="258">
        <v>4</v>
      </c>
      <c r="AB18" s="260">
        <v>0</v>
      </c>
      <c r="AC18" s="261">
        <v>9</v>
      </c>
      <c r="AD18" s="261">
        <v>12</v>
      </c>
      <c r="AE18" s="261">
        <v>8</v>
      </c>
      <c r="AF18" s="261">
        <v>6</v>
      </c>
      <c r="AG18" s="261">
        <v>5</v>
      </c>
      <c r="AH18" s="258">
        <v>40</v>
      </c>
      <c r="AI18" s="263">
        <v>44</v>
      </c>
      <c r="AJ18" s="257">
        <v>0</v>
      </c>
      <c r="AK18" s="261">
        <v>0</v>
      </c>
      <c r="AL18" s="258">
        <v>0</v>
      </c>
      <c r="AM18" s="260">
        <v>0</v>
      </c>
      <c r="AN18" s="261">
        <v>0</v>
      </c>
      <c r="AO18" s="261">
        <v>2</v>
      </c>
      <c r="AP18" s="261">
        <v>2</v>
      </c>
      <c r="AQ18" s="261">
        <v>0</v>
      </c>
      <c r="AR18" s="261">
        <v>1</v>
      </c>
      <c r="AS18" s="258">
        <v>5</v>
      </c>
      <c r="AT18" s="263">
        <v>5</v>
      </c>
      <c r="AU18" s="257">
        <v>3</v>
      </c>
      <c r="AV18" s="261">
        <v>1</v>
      </c>
      <c r="AW18" s="258">
        <v>4</v>
      </c>
      <c r="AX18" s="260">
        <v>0</v>
      </c>
      <c r="AY18" s="261">
        <v>11</v>
      </c>
      <c r="AZ18" s="261">
        <v>13</v>
      </c>
      <c r="BA18" s="261">
        <v>21</v>
      </c>
      <c r="BB18" s="261">
        <v>15</v>
      </c>
      <c r="BC18" s="261">
        <v>14</v>
      </c>
      <c r="BD18" s="262">
        <v>74</v>
      </c>
      <c r="BE18" s="263">
        <v>78</v>
      </c>
      <c r="BF18" s="257">
        <v>0</v>
      </c>
      <c r="BG18" s="261">
        <v>0</v>
      </c>
      <c r="BH18" s="258">
        <v>0</v>
      </c>
      <c r="BI18" s="260">
        <v>0</v>
      </c>
      <c r="BJ18" s="261">
        <v>27</v>
      </c>
      <c r="BK18" s="261">
        <v>16</v>
      </c>
      <c r="BL18" s="261">
        <v>6</v>
      </c>
      <c r="BM18" s="261">
        <v>4</v>
      </c>
      <c r="BN18" s="261">
        <v>2</v>
      </c>
      <c r="BO18" s="258">
        <v>55</v>
      </c>
      <c r="BP18" s="263">
        <v>55</v>
      </c>
      <c r="BQ18" s="257">
        <v>1</v>
      </c>
      <c r="BR18" s="261">
        <v>4</v>
      </c>
      <c r="BS18" s="258">
        <v>5</v>
      </c>
      <c r="BT18" s="260">
        <v>0</v>
      </c>
      <c r="BU18" s="261">
        <v>6</v>
      </c>
      <c r="BV18" s="261">
        <v>21</v>
      </c>
      <c r="BW18" s="261">
        <v>7</v>
      </c>
      <c r="BX18" s="261">
        <v>3</v>
      </c>
      <c r="BY18" s="261">
        <v>1</v>
      </c>
      <c r="BZ18" s="258">
        <v>38</v>
      </c>
      <c r="CA18" s="263">
        <v>43</v>
      </c>
      <c r="CB18" s="257">
        <v>0</v>
      </c>
      <c r="CC18" s="261">
        <v>1</v>
      </c>
      <c r="CD18" s="258">
        <v>1</v>
      </c>
      <c r="CE18" s="260">
        <v>0</v>
      </c>
      <c r="CF18" s="261">
        <v>3</v>
      </c>
      <c r="CG18" s="261">
        <v>5</v>
      </c>
      <c r="CH18" s="261">
        <v>3</v>
      </c>
      <c r="CI18" s="261">
        <v>2</v>
      </c>
      <c r="CJ18" s="261">
        <v>0</v>
      </c>
      <c r="CK18" s="258">
        <v>13</v>
      </c>
      <c r="CL18" s="263">
        <v>14</v>
      </c>
      <c r="CM18" s="257">
        <v>0</v>
      </c>
      <c r="CN18" s="261">
        <v>0</v>
      </c>
      <c r="CO18" s="258">
        <v>0</v>
      </c>
      <c r="CP18" s="260">
        <v>0</v>
      </c>
      <c r="CQ18" s="261">
        <v>0</v>
      </c>
      <c r="CR18" s="261">
        <v>1</v>
      </c>
      <c r="CS18" s="261">
        <v>0</v>
      </c>
      <c r="CT18" s="261">
        <v>0</v>
      </c>
      <c r="CU18" s="261">
        <v>0</v>
      </c>
      <c r="CV18" s="258">
        <v>1</v>
      </c>
      <c r="CW18" s="263">
        <v>1</v>
      </c>
      <c r="CX18" s="257">
        <v>0</v>
      </c>
      <c r="CY18" s="261">
        <v>0</v>
      </c>
      <c r="CZ18" s="258">
        <v>0</v>
      </c>
      <c r="DA18" s="260">
        <v>0</v>
      </c>
      <c r="DB18" s="261">
        <v>0</v>
      </c>
      <c r="DC18" s="261">
        <v>0</v>
      </c>
      <c r="DD18" s="261">
        <v>0</v>
      </c>
      <c r="DE18" s="261">
        <v>0</v>
      </c>
      <c r="DF18" s="261">
        <v>0</v>
      </c>
      <c r="DG18" s="258">
        <v>0</v>
      </c>
      <c r="DH18" s="263">
        <v>0</v>
      </c>
      <c r="DI18" s="257">
        <v>0</v>
      </c>
      <c r="DJ18" s="261">
        <v>0</v>
      </c>
      <c r="DK18" s="258">
        <v>0</v>
      </c>
      <c r="DL18" s="260">
        <v>0</v>
      </c>
      <c r="DM18" s="261">
        <v>0</v>
      </c>
      <c r="DN18" s="261">
        <v>0</v>
      </c>
      <c r="DO18" s="261">
        <v>0</v>
      </c>
      <c r="DP18" s="261">
        <v>0</v>
      </c>
      <c r="DQ18" s="261">
        <v>0</v>
      </c>
      <c r="DR18" s="258">
        <v>0</v>
      </c>
      <c r="DS18" s="263">
        <v>0</v>
      </c>
      <c r="DT18" s="257">
        <v>8</v>
      </c>
      <c r="DU18" s="261">
        <v>17</v>
      </c>
      <c r="DV18" s="258">
        <v>25</v>
      </c>
      <c r="DW18" s="260">
        <v>0</v>
      </c>
      <c r="DX18" s="261">
        <v>20</v>
      </c>
      <c r="DY18" s="261">
        <v>49</v>
      </c>
      <c r="DZ18" s="261">
        <v>21</v>
      </c>
      <c r="EA18" s="261">
        <v>11</v>
      </c>
      <c r="EB18" s="261">
        <v>11</v>
      </c>
      <c r="EC18" s="258">
        <v>112</v>
      </c>
      <c r="ED18" s="263">
        <v>137</v>
      </c>
      <c r="EE18" s="257">
        <v>3</v>
      </c>
      <c r="EF18" s="261">
        <v>1</v>
      </c>
      <c r="EG18" s="258">
        <v>4</v>
      </c>
      <c r="EH18" s="260">
        <v>0</v>
      </c>
      <c r="EI18" s="261">
        <v>7</v>
      </c>
      <c r="EJ18" s="261">
        <v>6</v>
      </c>
      <c r="EK18" s="261">
        <v>14</v>
      </c>
      <c r="EL18" s="261">
        <v>10</v>
      </c>
      <c r="EM18" s="261">
        <v>8</v>
      </c>
      <c r="EN18" s="258">
        <v>45</v>
      </c>
      <c r="EO18" s="263">
        <v>49</v>
      </c>
      <c r="EP18" s="257">
        <v>10</v>
      </c>
      <c r="EQ18" s="261">
        <v>21</v>
      </c>
      <c r="ER18" s="258">
        <v>31</v>
      </c>
      <c r="ES18" s="260">
        <v>0</v>
      </c>
      <c r="ET18" s="261">
        <v>48</v>
      </c>
      <c r="EU18" s="261">
        <v>65</v>
      </c>
      <c r="EV18" s="261">
        <v>29</v>
      </c>
      <c r="EW18" s="261">
        <v>14</v>
      </c>
      <c r="EX18" s="261">
        <v>9</v>
      </c>
      <c r="EY18" s="258">
        <v>165</v>
      </c>
      <c r="EZ18" s="263">
        <v>196</v>
      </c>
    </row>
    <row r="19" spans="2:156" ht="21" customHeight="1" x14ac:dyDescent="0.2">
      <c r="B19" s="472" t="s">
        <v>17</v>
      </c>
      <c r="C19" s="257">
        <v>0</v>
      </c>
      <c r="D19" s="261">
        <v>0</v>
      </c>
      <c r="E19" s="358">
        <v>0</v>
      </c>
      <c r="F19" s="260">
        <v>0</v>
      </c>
      <c r="G19" s="261">
        <v>10</v>
      </c>
      <c r="H19" s="261">
        <v>18</v>
      </c>
      <c r="I19" s="261">
        <v>19</v>
      </c>
      <c r="J19" s="261">
        <v>8</v>
      </c>
      <c r="K19" s="261">
        <v>4</v>
      </c>
      <c r="L19" s="262">
        <v>59</v>
      </c>
      <c r="M19" s="263">
        <v>59</v>
      </c>
      <c r="N19" s="257">
        <v>0</v>
      </c>
      <c r="O19" s="261">
        <v>0</v>
      </c>
      <c r="P19" s="258">
        <v>0</v>
      </c>
      <c r="Q19" s="260">
        <v>0</v>
      </c>
      <c r="R19" s="261">
        <v>0</v>
      </c>
      <c r="S19" s="261">
        <v>0</v>
      </c>
      <c r="T19" s="261">
        <v>1</v>
      </c>
      <c r="U19" s="261">
        <v>3</v>
      </c>
      <c r="V19" s="261">
        <v>1</v>
      </c>
      <c r="W19" s="258">
        <v>5</v>
      </c>
      <c r="X19" s="263">
        <v>5</v>
      </c>
      <c r="Y19" s="257">
        <v>6</v>
      </c>
      <c r="Z19" s="261">
        <v>5</v>
      </c>
      <c r="AA19" s="258">
        <v>11</v>
      </c>
      <c r="AB19" s="260">
        <v>0</v>
      </c>
      <c r="AC19" s="261">
        <v>11</v>
      </c>
      <c r="AD19" s="261">
        <v>22</v>
      </c>
      <c r="AE19" s="261">
        <v>19</v>
      </c>
      <c r="AF19" s="261">
        <v>13</v>
      </c>
      <c r="AG19" s="261">
        <v>6</v>
      </c>
      <c r="AH19" s="258">
        <v>71</v>
      </c>
      <c r="AI19" s="263">
        <v>82</v>
      </c>
      <c r="AJ19" s="257">
        <v>0</v>
      </c>
      <c r="AK19" s="261">
        <v>0</v>
      </c>
      <c r="AL19" s="258">
        <v>0</v>
      </c>
      <c r="AM19" s="260">
        <v>0</v>
      </c>
      <c r="AN19" s="261">
        <v>0</v>
      </c>
      <c r="AO19" s="261">
        <v>3</v>
      </c>
      <c r="AP19" s="261">
        <v>5</v>
      </c>
      <c r="AQ19" s="261">
        <v>2</v>
      </c>
      <c r="AR19" s="261">
        <v>2</v>
      </c>
      <c r="AS19" s="258">
        <v>12</v>
      </c>
      <c r="AT19" s="263">
        <v>12</v>
      </c>
      <c r="AU19" s="257">
        <v>7</v>
      </c>
      <c r="AV19" s="261">
        <v>5</v>
      </c>
      <c r="AW19" s="258">
        <v>12</v>
      </c>
      <c r="AX19" s="260">
        <v>0</v>
      </c>
      <c r="AY19" s="261">
        <v>13</v>
      </c>
      <c r="AZ19" s="261">
        <v>23</v>
      </c>
      <c r="BA19" s="261">
        <v>25</v>
      </c>
      <c r="BB19" s="261">
        <v>27</v>
      </c>
      <c r="BC19" s="261">
        <v>19</v>
      </c>
      <c r="BD19" s="262">
        <v>107</v>
      </c>
      <c r="BE19" s="263">
        <v>119</v>
      </c>
      <c r="BF19" s="257">
        <v>0</v>
      </c>
      <c r="BG19" s="261">
        <v>0</v>
      </c>
      <c r="BH19" s="258">
        <v>0</v>
      </c>
      <c r="BI19" s="260">
        <v>0</v>
      </c>
      <c r="BJ19" s="261">
        <v>17</v>
      </c>
      <c r="BK19" s="261">
        <v>28</v>
      </c>
      <c r="BL19" s="261">
        <v>18</v>
      </c>
      <c r="BM19" s="261">
        <v>10</v>
      </c>
      <c r="BN19" s="261">
        <v>2</v>
      </c>
      <c r="BO19" s="258">
        <v>75</v>
      </c>
      <c r="BP19" s="263">
        <v>75</v>
      </c>
      <c r="BQ19" s="257">
        <v>6</v>
      </c>
      <c r="BR19" s="261">
        <v>4</v>
      </c>
      <c r="BS19" s="258">
        <v>10</v>
      </c>
      <c r="BT19" s="260">
        <v>0</v>
      </c>
      <c r="BU19" s="261">
        <v>4</v>
      </c>
      <c r="BV19" s="261">
        <v>15</v>
      </c>
      <c r="BW19" s="261">
        <v>10</v>
      </c>
      <c r="BX19" s="261">
        <v>3</v>
      </c>
      <c r="BY19" s="261">
        <v>4</v>
      </c>
      <c r="BZ19" s="258">
        <v>36</v>
      </c>
      <c r="CA19" s="263">
        <v>46</v>
      </c>
      <c r="CB19" s="257">
        <v>0</v>
      </c>
      <c r="CC19" s="261">
        <v>1</v>
      </c>
      <c r="CD19" s="258">
        <v>1</v>
      </c>
      <c r="CE19" s="260">
        <v>0</v>
      </c>
      <c r="CF19" s="261">
        <v>5</v>
      </c>
      <c r="CG19" s="261">
        <v>5</v>
      </c>
      <c r="CH19" s="261">
        <v>7</v>
      </c>
      <c r="CI19" s="261">
        <v>5</v>
      </c>
      <c r="CJ19" s="261">
        <v>1</v>
      </c>
      <c r="CK19" s="258">
        <v>23</v>
      </c>
      <c r="CL19" s="263">
        <v>24</v>
      </c>
      <c r="CM19" s="257">
        <v>0</v>
      </c>
      <c r="CN19" s="261">
        <v>0</v>
      </c>
      <c r="CO19" s="258">
        <v>0</v>
      </c>
      <c r="CP19" s="260">
        <v>0</v>
      </c>
      <c r="CQ19" s="261">
        <v>0</v>
      </c>
      <c r="CR19" s="261">
        <v>1</v>
      </c>
      <c r="CS19" s="261">
        <v>1</v>
      </c>
      <c r="CT19" s="261">
        <v>1</v>
      </c>
      <c r="CU19" s="261">
        <v>0</v>
      </c>
      <c r="CV19" s="258">
        <v>3</v>
      </c>
      <c r="CW19" s="263">
        <v>3</v>
      </c>
      <c r="CX19" s="257">
        <v>0</v>
      </c>
      <c r="CY19" s="261">
        <v>0</v>
      </c>
      <c r="CZ19" s="258">
        <v>0</v>
      </c>
      <c r="DA19" s="260">
        <v>0</v>
      </c>
      <c r="DB19" s="261">
        <v>0</v>
      </c>
      <c r="DC19" s="261">
        <v>0</v>
      </c>
      <c r="DD19" s="261">
        <v>0</v>
      </c>
      <c r="DE19" s="261">
        <v>0</v>
      </c>
      <c r="DF19" s="261">
        <v>0</v>
      </c>
      <c r="DG19" s="258">
        <v>0</v>
      </c>
      <c r="DH19" s="263">
        <v>0</v>
      </c>
      <c r="DI19" s="257">
        <v>0</v>
      </c>
      <c r="DJ19" s="261">
        <v>0</v>
      </c>
      <c r="DK19" s="258">
        <v>0</v>
      </c>
      <c r="DL19" s="260">
        <v>0</v>
      </c>
      <c r="DM19" s="261">
        <v>0</v>
      </c>
      <c r="DN19" s="261">
        <v>0</v>
      </c>
      <c r="DO19" s="261">
        <v>0</v>
      </c>
      <c r="DP19" s="261">
        <v>0</v>
      </c>
      <c r="DQ19" s="261">
        <v>0</v>
      </c>
      <c r="DR19" s="258">
        <v>0</v>
      </c>
      <c r="DS19" s="263">
        <v>0</v>
      </c>
      <c r="DT19" s="257">
        <v>14</v>
      </c>
      <c r="DU19" s="261">
        <v>27</v>
      </c>
      <c r="DV19" s="258">
        <v>41</v>
      </c>
      <c r="DW19" s="260">
        <v>0</v>
      </c>
      <c r="DX19" s="261">
        <v>20</v>
      </c>
      <c r="DY19" s="261">
        <v>55</v>
      </c>
      <c r="DZ19" s="261">
        <v>52</v>
      </c>
      <c r="EA19" s="261">
        <v>24</v>
      </c>
      <c r="EB19" s="261">
        <v>14</v>
      </c>
      <c r="EC19" s="258">
        <v>165</v>
      </c>
      <c r="ED19" s="263">
        <v>206</v>
      </c>
      <c r="EE19" s="257">
        <v>5</v>
      </c>
      <c r="EF19" s="261">
        <v>3</v>
      </c>
      <c r="EG19" s="258">
        <v>8</v>
      </c>
      <c r="EH19" s="260">
        <v>0</v>
      </c>
      <c r="EI19" s="261">
        <v>9</v>
      </c>
      <c r="EJ19" s="261">
        <v>9</v>
      </c>
      <c r="EK19" s="261">
        <v>10</v>
      </c>
      <c r="EL19" s="261">
        <v>14</v>
      </c>
      <c r="EM19" s="261">
        <v>7</v>
      </c>
      <c r="EN19" s="258">
        <v>49</v>
      </c>
      <c r="EO19" s="263">
        <v>57</v>
      </c>
      <c r="EP19" s="257">
        <v>22</v>
      </c>
      <c r="EQ19" s="261">
        <v>32</v>
      </c>
      <c r="ER19" s="258">
        <v>54</v>
      </c>
      <c r="ES19" s="260">
        <v>0</v>
      </c>
      <c r="ET19" s="261">
        <v>55</v>
      </c>
      <c r="EU19" s="261">
        <v>86</v>
      </c>
      <c r="EV19" s="261">
        <v>62</v>
      </c>
      <c r="EW19" s="261">
        <v>29</v>
      </c>
      <c r="EX19" s="261">
        <v>15</v>
      </c>
      <c r="EY19" s="258">
        <v>247</v>
      </c>
      <c r="EZ19" s="263">
        <v>301</v>
      </c>
    </row>
    <row r="20" spans="2:156" ht="21" customHeight="1" x14ac:dyDescent="0.2">
      <c r="B20" s="472" t="s">
        <v>18</v>
      </c>
      <c r="C20" s="257">
        <v>0</v>
      </c>
      <c r="D20" s="261">
        <v>0</v>
      </c>
      <c r="E20" s="358">
        <v>0</v>
      </c>
      <c r="F20" s="260">
        <v>0</v>
      </c>
      <c r="G20" s="261">
        <v>23</v>
      </c>
      <c r="H20" s="261">
        <v>27</v>
      </c>
      <c r="I20" s="261">
        <v>17</v>
      </c>
      <c r="J20" s="261">
        <v>16</v>
      </c>
      <c r="K20" s="261">
        <v>7</v>
      </c>
      <c r="L20" s="262">
        <v>90</v>
      </c>
      <c r="M20" s="263">
        <v>90</v>
      </c>
      <c r="N20" s="257">
        <v>0</v>
      </c>
      <c r="O20" s="261">
        <v>0</v>
      </c>
      <c r="P20" s="258">
        <v>0</v>
      </c>
      <c r="Q20" s="260">
        <v>0</v>
      </c>
      <c r="R20" s="261">
        <v>0</v>
      </c>
      <c r="S20" s="261">
        <v>0</v>
      </c>
      <c r="T20" s="261">
        <v>2</v>
      </c>
      <c r="U20" s="261">
        <v>4</v>
      </c>
      <c r="V20" s="261">
        <v>0</v>
      </c>
      <c r="W20" s="258">
        <v>6</v>
      </c>
      <c r="X20" s="263">
        <v>6</v>
      </c>
      <c r="Y20" s="257">
        <v>5</v>
      </c>
      <c r="Z20" s="261">
        <v>6</v>
      </c>
      <c r="AA20" s="258">
        <v>11</v>
      </c>
      <c r="AB20" s="260">
        <v>0</v>
      </c>
      <c r="AC20" s="261">
        <v>23</v>
      </c>
      <c r="AD20" s="261">
        <v>29</v>
      </c>
      <c r="AE20" s="261">
        <v>22</v>
      </c>
      <c r="AF20" s="261">
        <v>17</v>
      </c>
      <c r="AG20" s="261">
        <v>8</v>
      </c>
      <c r="AH20" s="258">
        <v>99</v>
      </c>
      <c r="AI20" s="263">
        <v>110</v>
      </c>
      <c r="AJ20" s="257">
        <v>1</v>
      </c>
      <c r="AK20" s="261">
        <v>0</v>
      </c>
      <c r="AL20" s="258">
        <v>1</v>
      </c>
      <c r="AM20" s="260">
        <v>0</v>
      </c>
      <c r="AN20" s="261">
        <v>0</v>
      </c>
      <c r="AO20" s="261">
        <v>3</v>
      </c>
      <c r="AP20" s="261">
        <v>1</v>
      </c>
      <c r="AQ20" s="261">
        <v>1</v>
      </c>
      <c r="AR20" s="261">
        <v>0</v>
      </c>
      <c r="AS20" s="258">
        <v>5</v>
      </c>
      <c r="AT20" s="263">
        <v>6</v>
      </c>
      <c r="AU20" s="257">
        <v>3</v>
      </c>
      <c r="AV20" s="261">
        <v>6</v>
      </c>
      <c r="AW20" s="258">
        <v>9</v>
      </c>
      <c r="AX20" s="260">
        <v>0</v>
      </c>
      <c r="AY20" s="261">
        <v>30</v>
      </c>
      <c r="AZ20" s="261">
        <v>33</v>
      </c>
      <c r="BA20" s="261">
        <v>37</v>
      </c>
      <c r="BB20" s="261">
        <v>34</v>
      </c>
      <c r="BC20" s="261">
        <v>22</v>
      </c>
      <c r="BD20" s="262">
        <v>156</v>
      </c>
      <c r="BE20" s="263">
        <v>165</v>
      </c>
      <c r="BF20" s="257">
        <v>0</v>
      </c>
      <c r="BG20" s="261">
        <v>0</v>
      </c>
      <c r="BH20" s="258">
        <v>0</v>
      </c>
      <c r="BI20" s="260">
        <v>0</v>
      </c>
      <c r="BJ20" s="261">
        <v>36</v>
      </c>
      <c r="BK20" s="261">
        <v>43</v>
      </c>
      <c r="BL20" s="261">
        <v>18</v>
      </c>
      <c r="BM20" s="261">
        <v>12</v>
      </c>
      <c r="BN20" s="261">
        <v>7</v>
      </c>
      <c r="BO20" s="258">
        <v>116</v>
      </c>
      <c r="BP20" s="263">
        <v>116</v>
      </c>
      <c r="BQ20" s="257">
        <v>6</v>
      </c>
      <c r="BR20" s="261">
        <v>6</v>
      </c>
      <c r="BS20" s="258">
        <v>12</v>
      </c>
      <c r="BT20" s="260">
        <v>0</v>
      </c>
      <c r="BU20" s="261">
        <v>13</v>
      </c>
      <c r="BV20" s="261">
        <v>19</v>
      </c>
      <c r="BW20" s="261">
        <v>7</v>
      </c>
      <c r="BX20" s="261">
        <v>7</v>
      </c>
      <c r="BY20" s="261">
        <v>1</v>
      </c>
      <c r="BZ20" s="258">
        <v>47</v>
      </c>
      <c r="CA20" s="263">
        <v>59</v>
      </c>
      <c r="CB20" s="257">
        <v>0</v>
      </c>
      <c r="CC20" s="261">
        <v>0</v>
      </c>
      <c r="CD20" s="258">
        <v>0</v>
      </c>
      <c r="CE20" s="260">
        <v>0</v>
      </c>
      <c r="CF20" s="261">
        <v>1</v>
      </c>
      <c r="CG20" s="261">
        <v>11</v>
      </c>
      <c r="CH20" s="261">
        <v>9</v>
      </c>
      <c r="CI20" s="261">
        <v>6</v>
      </c>
      <c r="CJ20" s="261">
        <v>4</v>
      </c>
      <c r="CK20" s="258">
        <v>31</v>
      </c>
      <c r="CL20" s="263">
        <v>31</v>
      </c>
      <c r="CM20" s="257">
        <v>0</v>
      </c>
      <c r="CN20" s="261">
        <v>0</v>
      </c>
      <c r="CO20" s="258">
        <v>0</v>
      </c>
      <c r="CP20" s="260">
        <v>0</v>
      </c>
      <c r="CQ20" s="261">
        <v>1</v>
      </c>
      <c r="CR20" s="261">
        <v>1</v>
      </c>
      <c r="CS20" s="261">
        <v>0</v>
      </c>
      <c r="CT20" s="261">
        <v>0</v>
      </c>
      <c r="CU20" s="261">
        <v>1</v>
      </c>
      <c r="CV20" s="258">
        <v>3</v>
      </c>
      <c r="CW20" s="263">
        <v>3</v>
      </c>
      <c r="CX20" s="257">
        <v>0</v>
      </c>
      <c r="CY20" s="261">
        <v>0</v>
      </c>
      <c r="CZ20" s="258">
        <v>0</v>
      </c>
      <c r="DA20" s="260">
        <v>0</v>
      </c>
      <c r="DB20" s="261">
        <v>0</v>
      </c>
      <c r="DC20" s="261">
        <v>0</v>
      </c>
      <c r="DD20" s="261">
        <v>0</v>
      </c>
      <c r="DE20" s="261">
        <v>0</v>
      </c>
      <c r="DF20" s="261">
        <v>0</v>
      </c>
      <c r="DG20" s="258">
        <v>0</v>
      </c>
      <c r="DH20" s="263">
        <v>0</v>
      </c>
      <c r="DI20" s="257">
        <v>0</v>
      </c>
      <c r="DJ20" s="261">
        <v>0</v>
      </c>
      <c r="DK20" s="258">
        <v>0</v>
      </c>
      <c r="DL20" s="260">
        <v>0</v>
      </c>
      <c r="DM20" s="261">
        <v>0</v>
      </c>
      <c r="DN20" s="261">
        <v>0</v>
      </c>
      <c r="DO20" s="261">
        <v>0</v>
      </c>
      <c r="DP20" s="261">
        <v>0</v>
      </c>
      <c r="DQ20" s="261">
        <v>0</v>
      </c>
      <c r="DR20" s="258">
        <v>0</v>
      </c>
      <c r="DS20" s="263">
        <v>0</v>
      </c>
      <c r="DT20" s="257">
        <v>11</v>
      </c>
      <c r="DU20" s="261">
        <v>24</v>
      </c>
      <c r="DV20" s="258">
        <v>35</v>
      </c>
      <c r="DW20" s="260">
        <v>0</v>
      </c>
      <c r="DX20" s="261">
        <v>45</v>
      </c>
      <c r="DY20" s="261">
        <v>62</v>
      </c>
      <c r="DZ20" s="261">
        <v>52</v>
      </c>
      <c r="EA20" s="261">
        <v>38</v>
      </c>
      <c r="EB20" s="261">
        <v>18</v>
      </c>
      <c r="EC20" s="258">
        <v>215</v>
      </c>
      <c r="ED20" s="263">
        <v>250</v>
      </c>
      <c r="EE20" s="257">
        <v>1</v>
      </c>
      <c r="EF20" s="261">
        <v>3</v>
      </c>
      <c r="EG20" s="258">
        <v>4</v>
      </c>
      <c r="EH20" s="260">
        <v>0</v>
      </c>
      <c r="EI20" s="261">
        <v>11</v>
      </c>
      <c r="EJ20" s="261">
        <v>10</v>
      </c>
      <c r="EK20" s="261">
        <v>9</v>
      </c>
      <c r="EL20" s="261">
        <v>14</v>
      </c>
      <c r="EM20" s="261">
        <v>12</v>
      </c>
      <c r="EN20" s="258">
        <v>56</v>
      </c>
      <c r="EO20" s="263">
        <v>60</v>
      </c>
      <c r="EP20" s="257">
        <v>21</v>
      </c>
      <c r="EQ20" s="261">
        <v>30</v>
      </c>
      <c r="ER20" s="258">
        <v>51</v>
      </c>
      <c r="ES20" s="260">
        <v>0</v>
      </c>
      <c r="ET20" s="261">
        <v>98</v>
      </c>
      <c r="EU20" s="261">
        <v>98</v>
      </c>
      <c r="EV20" s="261">
        <v>52</v>
      </c>
      <c r="EW20" s="261">
        <v>46</v>
      </c>
      <c r="EX20" s="261">
        <v>17</v>
      </c>
      <c r="EY20" s="258">
        <v>311</v>
      </c>
      <c r="EZ20" s="263">
        <v>362</v>
      </c>
    </row>
    <row r="21" spans="2:156" ht="21" customHeight="1" x14ac:dyDescent="0.2">
      <c r="B21" s="472" t="s">
        <v>19</v>
      </c>
      <c r="C21" s="257">
        <v>0</v>
      </c>
      <c r="D21" s="261">
        <v>0</v>
      </c>
      <c r="E21" s="358">
        <v>0</v>
      </c>
      <c r="F21" s="260">
        <v>0</v>
      </c>
      <c r="G21" s="261">
        <v>10</v>
      </c>
      <c r="H21" s="261">
        <v>9</v>
      </c>
      <c r="I21" s="261">
        <v>4</v>
      </c>
      <c r="J21" s="261">
        <v>3</v>
      </c>
      <c r="K21" s="261">
        <v>1</v>
      </c>
      <c r="L21" s="262">
        <v>27</v>
      </c>
      <c r="M21" s="263">
        <v>27</v>
      </c>
      <c r="N21" s="257">
        <v>0</v>
      </c>
      <c r="O21" s="261">
        <v>0</v>
      </c>
      <c r="P21" s="258">
        <v>0</v>
      </c>
      <c r="Q21" s="260">
        <v>0</v>
      </c>
      <c r="R21" s="261">
        <v>0</v>
      </c>
      <c r="S21" s="261">
        <v>0</v>
      </c>
      <c r="T21" s="261">
        <v>1</v>
      </c>
      <c r="U21" s="261">
        <v>1</v>
      </c>
      <c r="V21" s="261">
        <v>2</v>
      </c>
      <c r="W21" s="258">
        <v>4</v>
      </c>
      <c r="X21" s="263">
        <v>4</v>
      </c>
      <c r="Y21" s="257">
        <v>3</v>
      </c>
      <c r="Z21" s="261">
        <v>3</v>
      </c>
      <c r="AA21" s="258">
        <v>6</v>
      </c>
      <c r="AB21" s="260">
        <v>0</v>
      </c>
      <c r="AC21" s="261">
        <v>13</v>
      </c>
      <c r="AD21" s="261">
        <v>10</v>
      </c>
      <c r="AE21" s="261">
        <v>6</v>
      </c>
      <c r="AF21" s="261">
        <v>4</v>
      </c>
      <c r="AG21" s="261">
        <v>2</v>
      </c>
      <c r="AH21" s="258">
        <v>35</v>
      </c>
      <c r="AI21" s="263">
        <v>41</v>
      </c>
      <c r="AJ21" s="257">
        <v>0</v>
      </c>
      <c r="AK21" s="261">
        <v>0</v>
      </c>
      <c r="AL21" s="258">
        <v>0</v>
      </c>
      <c r="AM21" s="260">
        <v>0</v>
      </c>
      <c r="AN21" s="261">
        <v>2</v>
      </c>
      <c r="AO21" s="261">
        <v>0</v>
      </c>
      <c r="AP21" s="261">
        <v>0</v>
      </c>
      <c r="AQ21" s="261">
        <v>1</v>
      </c>
      <c r="AR21" s="261">
        <v>0</v>
      </c>
      <c r="AS21" s="258">
        <v>3</v>
      </c>
      <c r="AT21" s="263">
        <v>3</v>
      </c>
      <c r="AU21" s="257">
        <v>3</v>
      </c>
      <c r="AV21" s="261">
        <v>2</v>
      </c>
      <c r="AW21" s="258">
        <v>5</v>
      </c>
      <c r="AX21" s="260">
        <v>0</v>
      </c>
      <c r="AY21" s="261">
        <v>12</v>
      </c>
      <c r="AZ21" s="261">
        <v>18</v>
      </c>
      <c r="BA21" s="261">
        <v>12</v>
      </c>
      <c r="BB21" s="261">
        <v>9</v>
      </c>
      <c r="BC21" s="261">
        <v>8</v>
      </c>
      <c r="BD21" s="262">
        <v>59</v>
      </c>
      <c r="BE21" s="263">
        <v>64</v>
      </c>
      <c r="BF21" s="257">
        <v>0</v>
      </c>
      <c r="BG21" s="261">
        <v>0</v>
      </c>
      <c r="BH21" s="258">
        <v>0</v>
      </c>
      <c r="BI21" s="260">
        <v>0</v>
      </c>
      <c r="BJ21" s="261">
        <v>13</v>
      </c>
      <c r="BK21" s="261">
        <v>13</v>
      </c>
      <c r="BL21" s="261">
        <v>4</v>
      </c>
      <c r="BM21" s="261">
        <v>1</v>
      </c>
      <c r="BN21" s="261">
        <v>3</v>
      </c>
      <c r="BO21" s="258">
        <v>34</v>
      </c>
      <c r="BP21" s="263">
        <v>34</v>
      </c>
      <c r="BQ21" s="257">
        <v>1</v>
      </c>
      <c r="BR21" s="261">
        <v>2</v>
      </c>
      <c r="BS21" s="258">
        <v>3</v>
      </c>
      <c r="BT21" s="260">
        <v>0</v>
      </c>
      <c r="BU21" s="261">
        <v>11</v>
      </c>
      <c r="BV21" s="261">
        <v>6</v>
      </c>
      <c r="BW21" s="261">
        <v>7</v>
      </c>
      <c r="BX21" s="261">
        <v>3</v>
      </c>
      <c r="BY21" s="261">
        <v>1</v>
      </c>
      <c r="BZ21" s="258">
        <v>28</v>
      </c>
      <c r="CA21" s="263">
        <v>31</v>
      </c>
      <c r="CB21" s="257">
        <v>0</v>
      </c>
      <c r="CC21" s="261">
        <v>1</v>
      </c>
      <c r="CD21" s="258">
        <v>1</v>
      </c>
      <c r="CE21" s="260">
        <v>0</v>
      </c>
      <c r="CF21" s="261">
        <v>2</v>
      </c>
      <c r="CG21" s="261">
        <v>1</v>
      </c>
      <c r="CH21" s="261">
        <v>5</v>
      </c>
      <c r="CI21" s="261">
        <v>1</v>
      </c>
      <c r="CJ21" s="261">
        <v>0</v>
      </c>
      <c r="CK21" s="258">
        <v>9</v>
      </c>
      <c r="CL21" s="263">
        <v>10</v>
      </c>
      <c r="CM21" s="257">
        <v>0</v>
      </c>
      <c r="CN21" s="261">
        <v>0</v>
      </c>
      <c r="CO21" s="258">
        <v>0</v>
      </c>
      <c r="CP21" s="260">
        <v>0</v>
      </c>
      <c r="CQ21" s="261">
        <v>2</v>
      </c>
      <c r="CR21" s="261">
        <v>0</v>
      </c>
      <c r="CS21" s="261">
        <v>0</v>
      </c>
      <c r="CT21" s="261">
        <v>2</v>
      </c>
      <c r="CU21" s="261">
        <v>1</v>
      </c>
      <c r="CV21" s="258">
        <v>5</v>
      </c>
      <c r="CW21" s="263">
        <v>5</v>
      </c>
      <c r="CX21" s="257">
        <v>0</v>
      </c>
      <c r="CY21" s="261">
        <v>0</v>
      </c>
      <c r="CZ21" s="258">
        <v>0</v>
      </c>
      <c r="DA21" s="260">
        <v>0</v>
      </c>
      <c r="DB21" s="261">
        <v>0</v>
      </c>
      <c r="DC21" s="261">
        <v>0</v>
      </c>
      <c r="DD21" s="261">
        <v>0</v>
      </c>
      <c r="DE21" s="261">
        <v>0</v>
      </c>
      <c r="DF21" s="261">
        <v>0</v>
      </c>
      <c r="DG21" s="258">
        <v>0</v>
      </c>
      <c r="DH21" s="263">
        <v>0</v>
      </c>
      <c r="DI21" s="257">
        <v>0</v>
      </c>
      <c r="DJ21" s="261">
        <v>0</v>
      </c>
      <c r="DK21" s="258">
        <v>0</v>
      </c>
      <c r="DL21" s="260">
        <v>0</v>
      </c>
      <c r="DM21" s="261">
        <v>0</v>
      </c>
      <c r="DN21" s="261">
        <v>0</v>
      </c>
      <c r="DO21" s="261">
        <v>0</v>
      </c>
      <c r="DP21" s="261">
        <v>0</v>
      </c>
      <c r="DQ21" s="261">
        <v>0</v>
      </c>
      <c r="DR21" s="258">
        <v>0</v>
      </c>
      <c r="DS21" s="263">
        <v>0</v>
      </c>
      <c r="DT21" s="257">
        <v>6</v>
      </c>
      <c r="DU21" s="261">
        <v>8</v>
      </c>
      <c r="DV21" s="258">
        <v>14</v>
      </c>
      <c r="DW21" s="260">
        <v>0</v>
      </c>
      <c r="DX21" s="261">
        <v>23</v>
      </c>
      <c r="DY21" s="261">
        <v>24</v>
      </c>
      <c r="DZ21" s="261">
        <v>17</v>
      </c>
      <c r="EA21" s="261">
        <v>10</v>
      </c>
      <c r="EB21" s="261">
        <v>6</v>
      </c>
      <c r="EC21" s="258">
        <v>80</v>
      </c>
      <c r="ED21" s="263">
        <v>94</v>
      </c>
      <c r="EE21" s="257">
        <v>1</v>
      </c>
      <c r="EF21" s="261">
        <v>1</v>
      </c>
      <c r="EG21" s="258">
        <v>2</v>
      </c>
      <c r="EH21" s="260">
        <v>0</v>
      </c>
      <c r="EI21" s="261">
        <v>6</v>
      </c>
      <c r="EJ21" s="261">
        <v>7</v>
      </c>
      <c r="EK21" s="261">
        <v>5</v>
      </c>
      <c r="EL21" s="261">
        <v>3</v>
      </c>
      <c r="EM21" s="261">
        <v>3</v>
      </c>
      <c r="EN21" s="258">
        <v>24</v>
      </c>
      <c r="EO21" s="263">
        <v>26</v>
      </c>
      <c r="EP21" s="257">
        <v>10</v>
      </c>
      <c r="EQ21" s="261">
        <v>12</v>
      </c>
      <c r="ER21" s="258">
        <v>22</v>
      </c>
      <c r="ES21" s="260">
        <v>0</v>
      </c>
      <c r="ET21" s="261">
        <v>51</v>
      </c>
      <c r="EU21" s="261">
        <v>33</v>
      </c>
      <c r="EV21" s="261">
        <v>18</v>
      </c>
      <c r="EW21" s="261">
        <v>10</v>
      </c>
      <c r="EX21" s="261">
        <v>5</v>
      </c>
      <c r="EY21" s="258">
        <v>117</v>
      </c>
      <c r="EZ21" s="263">
        <v>139</v>
      </c>
    </row>
    <row r="22" spans="2:156" ht="21" customHeight="1" x14ac:dyDescent="0.2">
      <c r="B22" s="472" t="s">
        <v>20</v>
      </c>
      <c r="C22" s="257">
        <v>0</v>
      </c>
      <c r="D22" s="261">
        <v>0</v>
      </c>
      <c r="E22" s="358">
        <v>0</v>
      </c>
      <c r="F22" s="260">
        <v>0</v>
      </c>
      <c r="G22" s="261">
        <v>12</v>
      </c>
      <c r="H22" s="261">
        <v>12</v>
      </c>
      <c r="I22" s="261">
        <v>6</v>
      </c>
      <c r="J22" s="261">
        <v>4</v>
      </c>
      <c r="K22" s="261">
        <v>3</v>
      </c>
      <c r="L22" s="262">
        <v>37</v>
      </c>
      <c r="M22" s="263">
        <v>37</v>
      </c>
      <c r="N22" s="257">
        <v>0</v>
      </c>
      <c r="O22" s="261">
        <v>0</v>
      </c>
      <c r="P22" s="258">
        <v>0</v>
      </c>
      <c r="Q22" s="260">
        <v>0</v>
      </c>
      <c r="R22" s="261">
        <v>2</v>
      </c>
      <c r="S22" s="261">
        <v>0</v>
      </c>
      <c r="T22" s="261">
        <v>0</v>
      </c>
      <c r="U22" s="261">
        <v>3</v>
      </c>
      <c r="V22" s="261">
        <v>1</v>
      </c>
      <c r="W22" s="258">
        <v>6</v>
      </c>
      <c r="X22" s="263">
        <v>6</v>
      </c>
      <c r="Y22" s="257">
        <v>3</v>
      </c>
      <c r="Z22" s="261">
        <v>6</v>
      </c>
      <c r="AA22" s="258">
        <v>9</v>
      </c>
      <c r="AB22" s="260">
        <v>0</v>
      </c>
      <c r="AC22" s="261">
        <v>14</v>
      </c>
      <c r="AD22" s="261">
        <v>11</v>
      </c>
      <c r="AE22" s="261">
        <v>5</v>
      </c>
      <c r="AF22" s="261">
        <v>4</v>
      </c>
      <c r="AG22" s="261">
        <v>2</v>
      </c>
      <c r="AH22" s="258">
        <v>36</v>
      </c>
      <c r="AI22" s="263">
        <v>45</v>
      </c>
      <c r="AJ22" s="257">
        <v>0</v>
      </c>
      <c r="AK22" s="261">
        <v>4</v>
      </c>
      <c r="AL22" s="258">
        <v>4</v>
      </c>
      <c r="AM22" s="260">
        <v>0</v>
      </c>
      <c r="AN22" s="261">
        <v>5</v>
      </c>
      <c r="AO22" s="261">
        <v>4</v>
      </c>
      <c r="AP22" s="261">
        <v>2</v>
      </c>
      <c r="AQ22" s="261">
        <v>2</v>
      </c>
      <c r="AR22" s="261">
        <v>1</v>
      </c>
      <c r="AS22" s="258">
        <v>14</v>
      </c>
      <c r="AT22" s="263">
        <v>18</v>
      </c>
      <c r="AU22" s="257">
        <v>3</v>
      </c>
      <c r="AV22" s="261">
        <v>2</v>
      </c>
      <c r="AW22" s="258">
        <v>5</v>
      </c>
      <c r="AX22" s="260">
        <v>0</v>
      </c>
      <c r="AY22" s="261">
        <v>10</v>
      </c>
      <c r="AZ22" s="261">
        <v>18</v>
      </c>
      <c r="BA22" s="261">
        <v>11</v>
      </c>
      <c r="BB22" s="261">
        <v>8</v>
      </c>
      <c r="BC22" s="261">
        <v>9</v>
      </c>
      <c r="BD22" s="262">
        <v>56</v>
      </c>
      <c r="BE22" s="263">
        <v>61</v>
      </c>
      <c r="BF22" s="257">
        <v>0</v>
      </c>
      <c r="BG22" s="261">
        <v>0</v>
      </c>
      <c r="BH22" s="258">
        <v>0</v>
      </c>
      <c r="BI22" s="260">
        <v>0</v>
      </c>
      <c r="BJ22" s="261">
        <v>19</v>
      </c>
      <c r="BK22" s="261">
        <v>12</v>
      </c>
      <c r="BL22" s="261">
        <v>7</v>
      </c>
      <c r="BM22" s="261">
        <v>5</v>
      </c>
      <c r="BN22" s="261">
        <v>2</v>
      </c>
      <c r="BO22" s="258">
        <v>45</v>
      </c>
      <c r="BP22" s="263">
        <v>45</v>
      </c>
      <c r="BQ22" s="257">
        <v>1</v>
      </c>
      <c r="BR22" s="261">
        <v>3</v>
      </c>
      <c r="BS22" s="258">
        <v>4</v>
      </c>
      <c r="BT22" s="260">
        <v>0</v>
      </c>
      <c r="BU22" s="261">
        <v>3</v>
      </c>
      <c r="BV22" s="261">
        <v>14</v>
      </c>
      <c r="BW22" s="261">
        <v>4</v>
      </c>
      <c r="BX22" s="261">
        <v>3</v>
      </c>
      <c r="BY22" s="261">
        <v>2</v>
      </c>
      <c r="BZ22" s="258">
        <v>26</v>
      </c>
      <c r="CA22" s="263">
        <v>30</v>
      </c>
      <c r="CB22" s="257">
        <v>0</v>
      </c>
      <c r="CC22" s="261">
        <v>0</v>
      </c>
      <c r="CD22" s="258">
        <v>0</v>
      </c>
      <c r="CE22" s="260">
        <v>0</v>
      </c>
      <c r="CF22" s="261">
        <v>6</v>
      </c>
      <c r="CG22" s="261">
        <v>2</v>
      </c>
      <c r="CH22" s="261">
        <v>4</v>
      </c>
      <c r="CI22" s="261">
        <v>3</v>
      </c>
      <c r="CJ22" s="261">
        <v>2</v>
      </c>
      <c r="CK22" s="258">
        <v>17</v>
      </c>
      <c r="CL22" s="263">
        <v>17</v>
      </c>
      <c r="CM22" s="257">
        <v>0</v>
      </c>
      <c r="CN22" s="261">
        <v>0</v>
      </c>
      <c r="CO22" s="258">
        <v>0</v>
      </c>
      <c r="CP22" s="260">
        <v>0</v>
      </c>
      <c r="CQ22" s="261">
        <v>1</v>
      </c>
      <c r="CR22" s="261">
        <v>0</v>
      </c>
      <c r="CS22" s="261">
        <v>1</v>
      </c>
      <c r="CT22" s="261">
        <v>0</v>
      </c>
      <c r="CU22" s="261">
        <v>0</v>
      </c>
      <c r="CV22" s="258">
        <v>2</v>
      </c>
      <c r="CW22" s="263">
        <v>2</v>
      </c>
      <c r="CX22" s="257">
        <v>0</v>
      </c>
      <c r="CY22" s="261">
        <v>0</v>
      </c>
      <c r="CZ22" s="258">
        <v>0</v>
      </c>
      <c r="DA22" s="260">
        <v>0</v>
      </c>
      <c r="DB22" s="261">
        <v>0</v>
      </c>
      <c r="DC22" s="261">
        <v>0</v>
      </c>
      <c r="DD22" s="261">
        <v>0</v>
      </c>
      <c r="DE22" s="261">
        <v>0</v>
      </c>
      <c r="DF22" s="261">
        <v>0</v>
      </c>
      <c r="DG22" s="258">
        <v>0</v>
      </c>
      <c r="DH22" s="263">
        <v>0</v>
      </c>
      <c r="DI22" s="257">
        <v>0</v>
      </c>
      <c r="DJ22" s="261">
        <v>0</v>
      </c>
      <c r="DK22" s="258">
        <v>0</v>
      </c>
      <c r="DL22" s="260">
        <v>0</v>
      </c>
      <c r="DM22" s="261">
        <v>0</v>
      </c>
      <c r="DN22" s="261">
        <v>0</v>
      </c>
      <c r="DO22" s="261">
        <v>0</v>
      </c>
      <c r="DP22" s="261">
        <v>0</v>
      </c>
      <c r="DQ22" s="261">
        <v>0</v>
      </c>
      <c r="DR22" s="258">
        <v>0</v>
      </c>
      <c r="DS22" s="263">
        <v>0</v>
      </c>
      <c r="DT22" s="257">
        <v>9</v>
      </c>
      <c r="DU22" s="261">
        <v>24</v>
      </c>
      <c r="DV22" s="258">
        <v>33</v>
      </c>
      <c r="DW22" s="260">
        <v>0</v>
      </c>
      <c r="DX22" s="261">
        <v>27</v>
      </c>
      <c r="DY22" s="261">
        <v>30</v>
      </c>
      <c r="DZ22" s="261">
        <v>17</v>
      </c>
      <c r="EA22" s="261">
        <v>14</v>
      </c>
      <c r="EB22" s="261">
        <v>6</v>
      </c>
      <c r="EC22" s="258">
        <v>94</v>
      </c>
      <c r="ED22" s="263">
        <v>127</v>
      </c>
      <c r="EE22" s="257">
        <v>2</v>
      </c>
      <c r="EF22" s="261">
        <v>1</v>
      </c>
      <c r="EG22" s="258">
        <v>3</v>
      </c>
      <c r="EH22" s="260">
        <v>0</v>
      </c>
      <c r="EI22" s="261">
        <v>4</v>
      </c>
      <c r="EJ22" s="261">
        <v>5</v>
      </c>
      <c r="EK22" s="261">
        <v>4</v>
      </c>
      <c r="EL22" s="261">
        <v>3</v>
      </c>
      <c r="EM22" s="261">
        <v>4</v>
      </c>
      <c r="EN22" s="258">
        <v>20</v>
      </c>
      <c r="EO22" s="263">
        <v>23</v>
      </c>
      <c r="EP22" s="257">
        <v>12</v>
      </c>
      <c r="EQ22" s="261">
        <v>32</v>
      </c>
      <c r="ER22" s="258">
        <v>44</v>
      </c>
      <c r="ES22" s="260">
        <v>0</v>
      </c>
      <c r="ET22" s="261">
        <v>56</v>
      </c>
      <c r="EU22" s="261">
        <v>40</v>
      </c>
      <c r="EV22" s="261">
        <v>19</v>
      </c>
      <c r="EW22" s="261">
        <v>15</v>
      </c>
      <c r="EX22" s="261">
        <v>6</v>
      </c>
      <c r="EY22" s="258">
        <v>136</v>
      </c>
      <c r="EZ22" s="263">
        <v>180</v>
      </c>
    </row>
    <row r="23" spans="2:156" ht="21" customHeight="1" x14ac:dyDescent="0.2">
      <c r="B23" s="472" t="s">
        <v>21</v>
      </c>
      <c r="C23" s="257">
        <v>0</v>
      </c>
      <c r="D23" s="261">
        <v>0</v>
      </c>
      <c r="E23" s="358">
        <v>0</v>
      </c>
      <c r="F23" s="260">
        <v>0</v>
      </c>
      <c r="G23" s="261">
        <v>12</v>
      </c>
      <c r="H23" s="261">
        <v>12</v>
      </c>
      <c r="I23" s="261">
        <v>9</v>
      </c>
      <c r="J23" s="261">
        <v>2</v>
      </c>
      <c r="K23" s="261">
        <v>5</v>
      </c>
      <c r="L23" s="262">
        <v>40</v>
      </c>
      <c r="M23" s="263">
        <v>40</v>
      </c>
      <c r="N23" s="257">
        <v>0</v>
      </c>
      <c r="O23" s="261">
        <v>0</v>
      </c>
      <c r="P23" s="258">
        <v>0</v>
      </c>
      <c r="Q23" s="260">
        <v>0</v>
      </c>
      <c r="R23" s="261">
        <v>0</v>
      </c>
      <c r="S23" s="261">
        <v>0</v>
      </c>
      <c r="T23" s="261">
        <v>0</v>
      </c>
      <c r="U23" s="261">
        <v>0</v>
      </c>
      <c r="V23" s="261">
        <v>5</v>
      </c>
      <c r="W23" s="258">
        <v>5</v>
      </c>
      <c r="X23" s="263">
        <v>5</v>
      </c>
      <c r="Y23" s="257">
        <v>0</v>
      </c>
      <c r="Z23" s="261">
        <v>2</v>
      </c>
      <c r="AA23" s="258">
        <v>2</v>
      </c>
      <c r="AB23" s="260">
        <v>0</v>
      </c>
      <c r="AC23" s="261">
        <v>11</v>
      </c>
      <c r="AD23" s="261">
        <v>8</v>
      </c>
      <c r="AE23" s="261">
        <v>8</v>
      </c>
      <c r="AF23" s="261">
        <v>2</v>
      </c>
      <c r="AG23" s="261">
        <v>7</v>
      </c>
      <c r="AH23" s="258">
        <v>36</v>
      </c>
      <c r="AI23" s="263">
        <v>38</v>
      </c>
      <c r="AJ23" s="257">
        <v>0</v>
      </c>
      <c r="AK23" s="261">
        <v>1</v>
      </c>
      <c r="AL23" s="258">
        <v>1</v>
      </c>
      <c r="AM23" s="260">
        <v>0</v>
      </c>
      <c r="AN23" s="261">
        <v>0</v>
      </c>
      <c r="AO23" s="261">
        <v>1</v>
      </c>
      <c r="AP23" s="261">
        <v>1</v>
      </c>
      <c r="AQ23" s="261">
        <v>0</v>
      </c>
      <c r="AR23" s="261">
        <v>1</v>
      </c>
      <c r="AS23" s="258">
        <v>3</v>
      </c>
      <c r="AT23" s="263">
        <v>4</v>
      </c>
      <c r="AU23" s="257">
        <v>3</v>
      </c>
      <c r="AV23" s="261">
        <v>6</v>
      </c>
      <c r="AW23" s="258">
        <v>9</v>
      </c>
      <c r="AX23" s="260">
        <v>0</v>
      </c>
      <c r="AY23" s="261">
        <v>12</v>
      </c>
      <c r="AZ23" s="261">
        <v>20</v>
      </c>
      <c r="BA23" s="261">
        <v>10</v>
      </c>
      <c r="BB23" s="261">
        <v>11</v>
      </c>
      <c r="BC23" s="261">
        <v>13</v>
      </c>
      <c r="BD23" s="262">
        <v>66</v>
      </c>
      <c r="BE23" s="263">
        <v>75</v>
      </c>
      <c r="BF23" s="257">
        <v>0</v>
      </c>
      <c r="BG23" s="261">
        <v>0</v>
      </c>
      <c r="BH23" s="258">
        <v>0</v>
      </c>
      <c r="BI23" s="260">
        <v>0</v>
      </c>
      <c r="BJ23" s="261">
        <v>18</v>
      </c>
      <c r="BK23" s="261">
        <v>9</v>
      </c>
      <c r="BL23" s="261">
        <v>9</v>
      </c>
      <c r="BM23" s="261">
        <v>4</v>
      </c>
      <c r="BN23" s="261">
        <v>0</v>
      </c>
      <c r="BO23" s="258">
        <v>40</v>
      </c>
      <c r="BP23" s="263">
        <v>40</v>
      </c>
      <c r="BQ23" s="257">
        <v>0</v>
      </c>
      <c r="BR23" s="261">
        <v>1</v>
      </c>
      <c r="BS23" s="258">
        <v>1</v>
      </c>
      <c r="BT23" s="260">
        <v>0</v>
      </c>
      <c r="BU23" s="261">
        <v>2</v>
      </c>
      <c r="BV23" s="261">
        <v>2</v>
      </c>
      <c r="BW23" s="261">
        <v>2</v>
      </c>
      <c r="BX23" s="261">
        <v>0</v>
      </c>
      <c r="BY23" s="261">
        <v>1</v>
      </c>
      <c r="BZ23" s="258">
        <v>7</v>
      </c>
      <c r="CA23" s="263">
        <v>8</v>
      </c>
      <c r="CB23" s="257">
        <v>0</v>
      </c>
      <c r="CC23" s="261">
        <v>1</v>
      </c>
      <c r="CD23" s="258">
        <v>1</v>
      </c>
      <c r="CE23" s="260">
        <v>0</v>
      </c>
      <c r="CF23" s="261">
        <v>1</v>
      </c>
      <c r="CG23" s="261">
        <v>3</v>
      </c>
      <c r="CH23" s="261">
        <v>6</v>
      </c>
      <c r="CI23" s="261">
        <v>2</v>
      </c>
      <c r="CJ23" s="261">
        <v>0</v>
      </c>
      <c r="CK23" s="258">
        <v>12</v>
      </c>
      <c r="CL23" s="263">
        <v>13</v>
      </c>
      <c r="CM23" s="257">
        <v>0</v>
      </c>
      <c r="CN23" s="261">
        <v>0</v>
      </c>
      <c r="CO23" s="258">
        <v>0</v>
      </c>
      <c r="CP23" s="260">
        <v>0</v>
      </c>
      <c r="CQ23" s="261">
        <v>0</v>
      </c>
      <c r="CR23" s="261">
        <v>0</v>
      </c>
      <c r="CS23" s="261">
        <v>0</v>
      </c>
      <c r="CT23" s="261">
        <v>0</v>
      </c>
      <c r="CU23" s="261">
        <v>0</v>
      </c>
      <c r="CV23" s="258">
        <v>0</v>
      </c>
      <c r="CW23" s="263">
        <v>0</v>
      </c>
      <c r="CX23" s="257">
        <v>0</v>
      </c>
      <c r="CY23" s="261">
        <v>0</v>
      </c>
      <c r="CZ23" s="258">
        <v>0</v>
      </c>
      <c r="DA23" s="260">
        <v>0</v>
      </c>
      <c r="DB23" s="261">
        <v>0</v>
      </c>
      <c r="DC23" s="261">
        <v>0</v>
      </c>
      <c r="DD23" s="261">
        <v>0</v>
      </c>
      <c r="DE23" s="261">
        <v>0</v>
      </c>
      <c r="DF23" s="261">
        <v>0</v>
      </c>
      <c r="DG23" s="258">
        <v>0</v>
      </c>
      <c r="DH23" s="263">
        <v>0</v>
      </c>
      <c r="DI23" s="257">
        <v>0</v>
      </c>
      <c r="DJ23" s="261">
        <v>0</v>
      </c>
      <c r="DK23" s="258">
        <v>0</v>
      </c>
      <c r="DL23" s="260">
        <v>0</v>
      </c>
      <c r="DM23" s="261">
        <v>0</v>
      </c>
      <c r="DN23" s="261">
        <v>0</v>
      </c>
      <c r="DO23" s="261">
        <v>0</v>
      </c>
      <c r="DP23" s="261">
        <v>0</v>
      </c>
      <c r="DQ23" s="261">
        <v>0</v>
      </c>
      <c r="DR23" s="258">
        <v>0</v>
      </c>
      <c r="DS23" s="263">
        <v>0</v>
      </c>
      <c r="DT23" s="257">
        <v>8</v>
      </c>
      <c r="DU23" s="261">
        <v>10</v>
      </c>
      <c r="DV23" s="258">
        <v>18</v>
      </c>
      <c r="DW23" s="260">
        <v>0</v>
      </c>
      <c r="DX23" s="261">
        <v>16</v>
      </c>
      <c r="DY23" s="261">
        <v>24</v>
      </c>
      <c r="DZ23" s="261">
        <v>11</v>
      </c>
      <c r="EA23" s="261">
        <v>8</v>
      </c>
      <c r="EB23" s="261">
        <v>9</v>
      </c>
      <c r="EC23" s="258">
        <v>68</v>
      </c>
      <c r="ED23" s="263">
        <v>86</v>
      </c>
      <c r="EE23" s="257">
        <v>2</v>
      </c>
      <c r="EF23" s="261">
        <v>2</v>
      </c>
      <c r="EG23" s="258">
        <v>4</v>
      </c>
      <c r="EH23" s="260">
        <v>0</v>
      </c>
      <c r="EI23" s="261">
        <v>4</v>
      </c>
      <c r="EJ23" s="261">
        <v>5</v>
      </c>
      <c r="EK23" s="261">
        <v>5</v>
      </c>
      <c r="EL23" s="261">
        <v>6</v>
      </c>
      <c r="EM23" s="261">
        <v>4</v>
      </c>
      <c r="EN23" s="258">
        <v>24</v>
      </c>
      <c r="EO23" s="263">
        <v>28</v>
      </c>
      <c r="EP23" s="257">
        <v>8</v>
      </c>
      <c r="EQ23" s="261">
        <v>14</v>
      </c>
      <c r="ER23" s="258">
        <v>22</v>
      </c>
      <c r="ES23" s="260">
        <v>0</v>
      </c>
      <c r="ET23" s="261">
        <v>45</v>
      </c>
      <c r="EU23" s="261">
        <v>30</v>
      </c>
      <c r="EV23" s="261">
        <v>16</v>
      </c>
      <c r="EW23" s="261">
        <v>8</v>
      </c>
      <c r="EX23" s="261">
        <v>10</v>
      </c>
      <c r="EY23" s="258">
        <v>109</v>
      </c>
      <c r="EZ23" s="263">
        <v>131</v>
      </c>
    </row>
    <row r="24" spans="2:156" ht="21" customHeight="1" x14ac:dyDescent="0.2">
      <c r="B24" s="472" t="s">
        <v>22</v>
      </c>
      <c r="C24" s="257">
        <v>0</v>
      </c>
      <c r="D24" s="261">
        <v>0</v>
      </c>
      <c r="E24" s="358">
        <v>0</v>
      </c>
      <c r="F24" s="260">
        <v>0</v>
      </c>
      <c r="G24" s="261">
        <v>4</v>
      </c>
      <c r="H24" s="261">
        <v>0</v>
      </c>
      <c r="I24" s="261">
        <v>3</v>
      </c>
      <c r="J24" s="261">
        <v>2</v>
      </c>
      <c r="K24" s="261">
        <v>2</v>
      </c>
      <c r="L24" s="262">
        <v>11</v>
      </c>
      <c r="M24" s="263">
        <v>11</v>
      </c>
      <c r="N24" s="257">
        <v>0</v>
      </c>
      <c r="O24" s="261">
        <v>0</v>
      </c>
      <c r="P24" s="258">
        <v>0</v>
      </c>
      <c r="Q24" s="260">
        <v>0</v>
      </c>
      <c r="R24" s="261">
        <v>1</v>
      </c>
      <c r="S24" s="261">
        <v>0</v>
      </c>
      <c r="T24" s="261">
        <v>1</v>
      </c>
      <c r="U24" s="261">
        <v>0</v>
      </c>
      <c r="V24" s="261">
        <v>4</v>
      </c>
      <c r="W24" s="258">
        <v>6</v>
      </c>
      <c r="X24" s="263">
        <v>6</v>
      </c>
      <c r="Y24" s="257">
        <v>0</v>
      </c>
      <c r="Z24" s="261">
        <v>0</v>
      </c>
      <c r="AA24" s="258">
        <v>0</v>
      </c>
      <c r="AB24" s="260">
        <v>0</v>
      </c>
      <c r="AC24" s="261">
        <v>3</v>
      </c>
      <c r="AD24" s="261">
        <v>4</v>
      </c>
      <c r="AE24" s="261">
        <v>6</v>
      </c>
      <c r="AF24" s="261">
        <v>4</v>
      </c>
      <c r="AG24" s="261">
        <v>4</v>
      </c>
      <c r="AH24" s="258">
        <v>21</v>
      </c>
      <c r="AI24" s="263">
        <v>21</v>
      </c>
      <c r="AJ24" s="257">
        <v>0</v>
      </c>
      <c r="AK24" s="261">
        <v>0</v>
      </c>
      <c r="AL24" s="258">
        <v>0</v>
      </c>
      <c r="AM24" s="260">
        <v>0</v>
      </c>
      <c r="AN24" s="261">
        <v>2</v>
      </c>
      <c r="AO24" s="261">
        <v>1</v>
      </c>
      <c r="AP24" s="261">
        <v>0</v>
      </c>
      <c r="AQ24" s="261">
        <v>0</v>
      </c>
      <c r="AR24" s="261">
        <v>0</v>
      </c>
      <c r="AS24" s="258">
        <v>3</v>
      </c>
      <c r="AT24" s="263">
        <v>3</v>
      </c>
      <c r="AU24" s="257">
        <v>0</v>
      </c>
      <c r="AV24" s="261">
        <v>0</v>
      </c>
      <c r="AW24" s="258">
        <v>0</v>
      </c>
      <c r="AX24" s="260">
        <v>0</v>
      </c>
      <c r="AY24" s="261">
        <v>3</v>
      </c>
      <c r="AZ24" s="261">
        <v>1</v>
      </c>
      <c r="BA24" s="261">
        <v>3</v>
      </c>
      <c r="BB24" s="261">
        <v>6</v>
      </c>
      <c r="BC24" s="261">
        <v>1</v>
      </c>
      <c r="BD24" s="262">
        <v>14</v>
      </c>
      <c r="BE24" s="263">
        <v>14</v>
      </c>
      <c r="BF24" s="257">
        <v>0</v>
      </c>
      <c r="BG24" s="261">
        <v>0</v>
      </c>
      <c r="BH24" s="258">
        <v>0</v>
      </c>
      <c r="BI24" s="260">
        <v>0</v>
      </c>
      <c r="BJ24" s="261">
        <v>3</v>
      </c>
      <c r="BK24" s="261">
        <v>2</v>
      </c>
      <c r="BL24" s="261">
        <v>6</v>
      </c>
      <c r="BM24" s="261">
        <v>3</v>
      </c>
      <c r="BN24" s="261">
        <v>2</v>
      </c>
      <c r="BO24" s="258">
        <v>16</v>
      </c>
      <c r="BP24" s="263">
        <v>16</v>
      </c>
      <c r="BQ24" s="257">
        <v>1</v>
      </c>
      <c r="BR24" s="261">
        <v>0</v>
      </c>
      <c r="BS24" s="258">
        <v>1</v>
      </c>
      <c r="BT24" s="260">
        <v>0</v>
      </c>
      <c r="BU24" s="261">
        <v>4</v>
      </c>
      <c r="BV24" s="261">
        <v>1</v>
      </c>
      <c r="BW24" s="261">
        <v>0</v>
      </c>
      <c r="BX24" s="261">
        <v>2</v>
      </c>
      <c r="BY24" s="261">
        <v>0</v>
      </c>
      <c r="BZ24" s="258">
        <v>7</v>
      </c>
      <c r="CA24" s="263">
        <v>8</v>
      </c>
      <c r="CB24" s="257">
        <v>0</v>
      </c>
      <c r="CC24" s="261">
        <v>0</v>
      </c>
      <c r="CD24" s="258">
        <v>0</v>
      </c>
      <c r="CE24" s="260">
        <v>0</v>
      </c>
      <c r="CF24" s="261">
        <v>1</v>
      </c>
      <c r="CG24" s="261">
        <v>1</v>
      </c>
      <c r="CH24" s="261">
        <v>1</v>
      </c>
      <c r="CI24" s="261">
        <v>2</v>
      </c>
      <c r="CJ24" s="261">
        <v>0</v>
      </c>
      <c r="CK24" s="258">
        <v>5</v>
      </c>
      <c r="CL24" s="263">
        <v>5</v>
      </c>
      <c r="CM24" s="257">
        <v>0</v>
      </c>
      <c r="CN24" s="261">
        <v>0</v>
      </c>
      <c r="CO24" s="258">
        <v>0</v>
      </c>
      <c r="CP24" s="260">
        <v>0</v>
      </c>
      <c r="CQ24" s="261">
        <v>0</v>
      </c>
      <c r="CR24" s="261">
        <v>0</v>
      </c>
      <c r="CS24" s="261">
        <v>0</v>
      </c>
      <c r="CT24" s="261">
        <v>1</v>
      </c>
      <c r="CU24" s="261">
        <v>0</v>
      </c>
      <c r="CV24" s="258">
        <v>1</v>
      </c>
      <c r="CW24" s="263">
        <v>1</v>
      </c>
      <c r="CX24" s="257">
        <v>0</v>
      </c>
      <c r="CY24" s="261">
        <v>0</v>
      </c>
      <c r="CZ24" s="258">
        <v>0</v>
      </c>
      <c r="DA24" s="260">
        <v>0</v>
      </c>
      <c r="DB24" s="261">
        <v>0</v>
      </c>
      <c r="DC24" s="261">
        <v>0</v>
      </c>
      <c r="DD24" s="261">
        <v>0</v>
      </c>
      <c r="DE24" s="261">
        <v>0</v>
      </c>
      <c r="DF24" s="261">
        <v>0</v>
      </c>
      <c r="DG24" s="258">
        <v>0</v>
      </c>
      <c r="DH24" s="263">
        <v>0</v>
      </c>
      <c r="DI24" s="257">
        <v>0</v>
      </c>
      <c r="DJ24" s="261">
        <v>0</v>
      </c>
      <c r="DK24" s="258">
        <v>0</v>
      </c>
      <c r="DL24" s="260">
        <v>0</v>
      </c>
      <c r="DM24" s="261">
        <v>0</v>
      </c>
      <c r="DN24" s="261">
        <v>0</v>
      </c>
      <c r="DO24" s="261">
        <v>0</v>
      </c>
      <c r="DP24" s="261">
        <v>0</v>
      </c>
      <c r="DQ24" s="261">
        <v>0</v>
      </c>
      <c r="DR24" s="258">
        <v>0</v>
      </c>
      <c r="DS24" s="263">
        <v>0</v>
      </c>
      <c r="DT24" s="257">
        <v>2</v>
      </c>
      <c r="DU24" s="261">
        <v>4</v>
      </c>
      <c r="DV24" s="258">
        <v>6</v>
      </c>
      <c r="DW24" s="260">
        <v>0</v>
      </c>
      <c r="DX24" s="261">
        <v>11</v>
      </c>
      <c r="DY24" s="261">
        <v>7</v>
      </c>
      <c r="DZ24" s="261">
        <v>8</v>
      </c>
      <c r="EA24" s="261">
        <v>6</v>
      </c>
      <c r="EB24" s="261">
        <v>5</v>
      </c>
      <c r="EC24" s="258">
        <v>37</v>
      </c>
      <c r="ED24" s="263">
        <v>43</v>
      </c>
      <c r="EE24" s="257">
        <v>0</v>
      </c>
      <c r="EF24" s="261">
        <v>0</v>
      </c>
      <c r="EG24" s="258">
        <v>0</v>
      </c>
      <c r="EH24" s="260">
        <v>0</v>
      </c>
      <c r="EI24" s="261">
        <v>4</v>
      </c>
      <c r="EJ24" s="261">
        <v>2</v>
      </c>
      <c r="EK24" s="261">
        <v>1</v>
      </c>
      <c r="EL24" s="261">
        <v>2</v>
      </c>
      <c r="EM24" s="261">
        <v>1</v>
      </c>
      <c r="EN24" s="258">
        <v>10</v>
      </c>
      <c r="EO24" s="263">
        <v>10</v>
      </c>
      <c r="EP24" s="257">
        <v>3</v>
      </c>
      <c r="EQ24" s="261">
        <v>4</v>
      </c>
      <c r="ER24" s="258">
        <v>7</v>
      </c>
      <c r="ES24" s="260">
        <v>0</v>
      </c>
      <c r="ET24" s="261">
        <v>19</v>
      </c>
      <c r="EU24" s="261">
        <v>11</v>
      </c>
      <c r="EV24" s="261">
        <v>9</v>
      </c>
      <c r="EW24" s="261">
        <v>6</v>
      </c>
      <c r="EX24" s="261">
        <v>6</v>
      </c>
      <c r="EY24" s="258">
        <v>51</v>
      </c>
      <c r="EZ24" s="263">
        <v>58</v>
      </c>
    </row>
    <row r="25" spans="2:156" ht="21" customHeight="1" x14ac:dyDescent="0.2">
      <c r="B25" s="472" t="s">
        <v>23</v>
      </c>
      <c r="C25" s="257">
        <v>0</v>
      </c>
      <c r="D25" s="261">
        <v>0</v>
      </c>
      <c r="E25" s="358">
        <v>0</v>
      </c>
      <c r="F25" s="260">
        <v>0</v>
      </c>
      <c r="G25" s="261">
        <v>3</v>
      </c>
      <c r="H25" s="261">
        <v>6</v>
      </c>
      <c r="I25" s="261">
        <v>5</v>
      </c>
      <c r="J25" s="261">
        <v>3</v>
      </c>
      <c r="K25" s="261">
        <v>0</v>
      </c>
      <c r="L25" s="262">
        <v>17</v>
      </c>
      <c r="M25" s="263">
        <v>17</v>
      </c>
      <c r="N25" s="257">
        <v>0</v>
      </c>
      <c r="O25" s="261">
        <v>0</v>
      </c>
      <c r="P25" s="258">
        <v>0</v>
      </c>
      <c r="Q25" s="260">
        <v>0</v>
      </c>
      <c r="R25" s="261">
        <v>1</v>
      </c>
      <c r="S25" s="261">
        <v>0</v>
      </c>
      <c r="T25" s="261">
        <v>2</v>
      </c>
      <c r="U25" s="261">
        <v>0</v>
      </c>
      <c r="V25" s="261">
        <v>1</v>
      </c>
      <c r="W25" s="258">
        <v>4</v>
      </c>
      <c r="X25" s="263">
        <v>4</v>
      </c>
      <c r="Y25" s="257">
        <v>3</v>
      </c>
      <c r="Z25" s="261">
        <v>3</v>
      </c>
      <c r="AA25" s="258">
        <v>6</v>
      </c>
      <c r="AB25" s="260">
        <v>0</v>
      </c>
      <c r="AC25" s="261">
        <v>4</v>
      </c>
      <c r="AD25" s="261">
        <v>8</v>
      </c>
      <c r="AE25" s="261">
        <v>8</v>
      </c>
      <c r="AF25" s="261">
        <v>2</v>
      </c>
      <c r="AG25" s="261">
        <v>1</v>
      </c>
      <c r="AH25" s="258">
        <v>23</v>
      </c>
      <c r="AI25" s="263">
        <v>29</v>
      </c>
      <c r="AJ25" s="257">
        <v>0</v>
      </c>
      <c r="AK25" s="261">
        <v>1</v>
      </c>
      <c r="AL25" s="258">
        <v>1</v>
      </c>
      <c r="AM25" s="260">
        <v>0</v>
      </c>
      <c r="AN25" s="261">
        <v>0</v>
      </c>
      <c r="AO25" s="261">
        <v>1</v>
      </c>
      <c r="AP25" s="261">
        <v>0</v>
      </c>
      <c r="AQ25" s="261">
        <v>0</v>
      </c>
      <c r="AR25" s="261">
        <v>0</v>
      </c>
      <c r="AS25" s="258">
        <v>1</v>
      </c>
      <c r="AT25" s="263">
        <v>2</v>
      </c>
      <c r="AU25" s="257">
        <v>1</v>
      </c>
      <c r="AV25" s="261">
        <v>0</v>
      </c>
      <c r="AW25" s="258">
        <v>1</v>
      </c>
      <c r="AX25" s="260">
        <v>0</v>
      </c>
      <c r="AY25" s="261">
        <v>5</v>
      </c>
      <c r="AZ25" s="261">
        <v>8</v>
      </c>
      <c r="BA25" s="261">
        <v>11</v>
      </c>
      <c r="BB25" s="261">
        <v>12</v>
      </c>
      <c r="BC25" s="261">
        <v>7</v>
      </c>
      <c r="BD25" s="262">
        <v>43</v>
      </c>
      <c r="BE25" s="263">
        <v>44</v>
      </c>
      <c r="BF25" s="257">
        <v>0</v>
      </c>
      <c r="BG25" s="261">
        <v>0</v>
      </c>
      <c r="BH25" s="258">
        <v>0</v>
      </c>
      <c r="BI25" s="260">
        <v>0</v>
      </c>
      <c r="BJ25" s="261">
        <v>10</v>
      </c>
      <c r="BK25" s="261">
        <v>12</v>
      </c>
      <c r="BL25" s="261">
        <v>8</v>
      </c>
      <c r="BM25" s="261">
        <v>6</v>
      </c>
      <c r="BN25" s="261">
        <v>0</v>
      </c>
      <c r="BO25" s="258">
        <v>36</v>
      </c>
      <c r="BP25" s="263">
        <v>36</v>
      </c>
      <c r="BQ25" s="257">
        <v>0</v>
      </c>
      <c r="BR25" s="261">
        <v>0</v>
      </c>
      <c r="BS25" s="258">
        <v>0</v>
      </c>
      <c r="BT25" s="260">
        <v>0</v>
      </c>
      <c r="BU25" s="261">
        <v>2</v>
      </c>
      <c r="BV25" s="261">
        <v>2</v>
      </c>
      <c r="BW25" s="261">
        <v>2</v>
      </c>
      <c r="BX25" s="261">
        <v>2</v>
      </c>
      <c r="BY25" s="261">
        <v>1</v>
      </c>
      <c r="BZ25" s="258">
        <v>9</v>
      </c>
      <c r="CA25" s="263">
        <v>9</v>
      </c>
      <c r="CB25" s="257">
        <v>0</v>
      </c>
      <c r="CC25" s="261">
        <v>0</v>
      </c>
      <c r="CD25" s="258">
        <v>0</v>
      </c>
      <c r="CE25" s="260">
        <v>0</v>
      </c>
      <c r="CF25" s="261">
        <v>2</v>
      </c>
      <c r="CG25" s="261">
        <v>1</v>
      </c>
      <c r="CH25" s="261">
        <v>2</v>
      </c>
      <c r="CI25" s="261">
        <v>2</v>
      </c>
      <c r="CJ25" s="261">
        <v>0</v>
      </c>
      <c r="CK25" s="258">
        <v>7</v>
      </c>
      <c r="CL25" s="263">
        <v>7</v>
      </c>
      <c r="CM25" s="257">
        <v>0</v>
      </c>
      <c r="CN25" s="261">
        <v>0</v>
      </c>
      <c r="CO25" s="258">
        <v>0</v>
      </c>
      <c r="CP25" s="260">
        <v>0</v>
      </c>
      <c r="CQ25" s="261">
        <v>0</v>
      </c>
      <c r="CR25" s="261">
        <v>0</v>
      </c>
      <c r="CS25" s="261">
        <v>1</v>
      </c>
      <c r="CT25" s="261">
        <v>1</v>
      </c>
      <c r="CU25" s="261">
        <v>0</v>
      </c>
      <c r="CV25" s="258">
        <v>2</v>
      </c>
      <c r="CW25" s="263">
        <v>2</v>
      </c>
      <c r="CX25" s="257">
        <v>0</v>
      </c>
      <c r="CY25" s="261">
        <v>0</v>
      </c>
      <c r="CZ25" s="258">
        <v>0</v>
      </c>
      <c r="DA25" s="260">
        <v>0</v>
      </c>
      <c r="DB25" s="261">
        <v>0</v>
      </c>
      <c r="DC25" s="261">
        <v>0</v>
      </c>
      <c r="DD25" s="261">
        <v>0</v>
      </c>
      <c r="DE25" s="261">
        <v>0</v>
      </c>
      <c r="DF25" s="261">
        <v>0</v>
      </c>
      <c r="DG25" s="258">
        <v>0</v>
      </c>
      <c r="DH25" s="263">
        <v>0</v>
      </c>
      <c r="DI25" s="257">
        <v>0</v>
      </c>
      <c r="DJ25" s="261">
        <v>0</v>
      </c>
      <c r="DK25" s="258">
        <v>0</v>
      </c>
      <c r="DL25" s="260">
        <v>0</v>
      </c>
      <c r="DM25" s="261">
        <v>0</v>
      </c>
      <c r="DN25" s="261">
        <v>0</v>
      </c>
      <c r="DO25" s="261">
        <v>0</v>
      </c>
      <c r="DP25" s="261">
        <v>0</v>
      </c>
      <c r="DQ25" s="261">
        <v>0</v>
      </c>
      <c r="DR25" s="258">
        <v>0</v>
      </c>
      <c r="DS25" s="263">
        <v>0</v>
      </c>
      <c r="DT25" s="257">
        <v>4</v>
      </c>
      <c r="DU25" s="261">
        <v>6</v>
      </c>
      <c r="DV25" s="258">
        <v>10</v>
      </c>
      <c r="DW25" s="260">
        <v>0</v>
      </c>
      <c r="DX25" s="261">
        <v>10</v>
      </c>
      <c r="DY25" s="261">
        <v>19</v>
      </c>
      <c r="DZ25" s="261">
        <v>13</v>
      </c>
      <c r="EA25" s="261">
        <v>8</v>
      </c>
      <c r="EB25" s="261">
        <v>4</v>
      </c>
      <c r="EC25" s="258">
        <v>54</v>
      </c>
      <c r="ED25" s="263">
        <v>64</v>
      </c>
      <c r="EE25" s="257">
        <v>0</v>
      </c>
      <c r="EF25" s="261">
        <v>0</v>
      </c>
      <c r="EG25" s="258">
        <v>0</v>
      </c>
      <c r="EH25" s="260">
        <v>0</v>
      </c>
      <c r="EI25" s="261">
        <v>1</v>
      </c>
      <c r="EJ25" s="261">
        <v>2</v>
      </c>
      <c r="EK25" s="261">
        <v>1</v>
      </c>
      <c r="EL25" s="261">
        <v>9</v>
      </c>
      <c r="EM25" s="261">
        <v>5</v>
      </c>
      <c r="EN25" s="258">
        <v>18</v>
      </c>
      <c r="EO25" s="263">
        <v>18</v>
      </c>
      <c r="EP25" s="257">
        <v>6</v>
      </c>
      <c r="EQ25" s="261">
        <v>7</v>
      </c>
      <c r="ER25" s="258">
        <v>13</v>
      </c>
      <c r="ES25" s="260">
        <v>0</v>
      </c>
      <c r="ET25" s="261">
        <v>21</v>
      </c>
      <c r="EU25" s="261">
        <v>25</v>
      </c>
      <c r="EV25" s="261">
        <v>19</v>
      </c>
      <c r="EW25" s="261">
        <v>8</v>
      </c>
      <c r="EX25" s="261">
        <v>4</v>
      </c>
      <c r="EY25" s="258">
        <v>77</v>
      </c>
      <c r="EZ25" s="263">
        <v>90</v>
      </c>
    </row>
    <row r="26" spans="2:156" ht="21" customHeight="1" x14ac:dyDescent="0.2">
      <c r="B26" s="472" t="s">
        <v>24</v>
      </c>
      <c r="C26" s="257">
        <v>0</v>
      </c>
      <c r="D26" s="261">
        <v>0</v>
      </c>
      <c r="E26" s="358">
        <v>0</v>
      </c>
      <c r="F26" s="260">
        <v>0</v>
      </c>
      <c r="G26" s="261">
        <v>9</v>
      </c>
      <c r="H26" s="261">
        <v>6</v>
      </c>
      <c r="I26" s="261">
        <v>4</v>
      </c>
      <c r="J26" s="261">
        <v>2</v>
      </c>
      <c r="K26" s="261">
        <v>3</v>
      </c>
      <c r="L26" s="262">
        <v>24</v>
      </c>
      <c r="M26" s="263">
        <v>24</v>
      </c>
      <c r="N26" s="257">
        <v>0</v>
      </c>
      <c r="O26" s="261">
        <v>0</v>
      </c>
      <c r="P26" s="258">
        <v>0</v>
      </c>
      <c r="Q26" s="260">
        <v>0</v>
      </c>
      <c r="R26" s="261">
        <v>1</v>
      </c>
      <c r="S26" s="261">
        <v>0</v>
      </c>
      <c r="T26" s="261">
        <v>0</v>
      </c>
      <c r="U26" s="261">
        <v>0</v>
      </c>
      <c r="V26" s="261">
        <v>2</v>
      </c>
      <c r="W26" s="258">
        <v>3</v>
      </c>
      <c r="X26" s="263">
        <v>3</v>
      </c>
      <c r="Y26" s="257">
        <v>3</v>
      </c>
      <c r="Z26" s="261">
        <v>1</v>
      </c>
      <c r="AA26" s="258">
        <v>4</v>
      </c>
      <c r="AB26" s="260">
        <v>0</v>
      </c>
      <c r="AC26" s="261">
        <v>9</v>
      </c>
      <c r="AD26" s="261">
        <v>3</v>
      </c>
      <c r="AE26" s="261">
        <v>3</v>
      </c>
      <c r="AF26" s="261">
        <v>5</v>
      </c>
      <c r="AG26" s="261">
        <v>3</v>
      </c>
      <c r="AH26" s="258">
        <v>23</v>
      </c>
      <c r="AI26" s="263">
        <v>27</v>
      </c>
      <c r="AJ26" s="257">
        <v>0</v>
      </c>
      <c r="AK26" s="261">
        <v>0</v>
      </c>
      <c r="AL26" s="258">
        <v>0</v>
      </c>
      <c r="AM26" s="260">
        <v>0</v>
      </c>
      <c r="AN26" s="261">
        <v>0</v>
      </c>
      <c r="AO26" s="261">
        <v>1</v>
      </c>
      <c r="AP26" s="261">
        <v>0</v>
      </c>
      <c r="AQ26" s="261">
        <v>0</v>
      </c>
      <c r="AR26" s="261">
        <v>1</v>
      </c>
      <c r="AS26" s="258">
        <v>2</v>
      </c>
      <c r="AT26" s="263">
        <v>2</v>
      </c>
      <c r="AU26" s="257">
        <v>3</v>
      </c>
      <c r="AV26" s="261">
        <v>2</v>
      </c>
      <c r="AW26" s="258">
        <v>5</v>
      </c>
      <c r="AX26" s="260">
        <v>0</v>
      </c>
      <c r="AY26" s="261">
        <v>12</v>
      </c>
      <c r="AZ26" s="261">
        <v>8</v>
      </c>
      <c r="BA26" s="261">
        <v>8</v>
      </c>
      <c r="BB26" s="261">
        <v>10</v>
      </c>
      <c r="BC26" s="261">
        <v>10</v>
      </c>
      <c r="BD26" s="262">
        <v>48</v>
      </c>
      <c r="BE26" s="263">
        <v>53</v>
      </c>
      <c r="BF26" s="257">
        <v>0</v>
      </c>
      <c r="BG26" s="261">
        <v>0</v>
      </c>
      <c r="BH26" s="258">
        <v>0</v>
      </c>
      <c r="BI26" s="260">
        <v>0</v>
      </c>
      <c r="BJ26" s="261">
        <v>12</v>
      </c>
      <c r="BK26" s="261">
        <v>7</v>
      </c>
      <c r="BL26" s="261">
        <v>2</v>
      </c>
      <c r="BM26" s="261">
        <v>0</v>
      </c>
      <c r="BN26" s="261">
        <v>0</v>
      </c>
      <c r="BO26" s="258">
        <v>21</v>
      </c>
      <c r="BP26" s="263">
        <v>21</v>
      </c>
      <c r="BQ26" s="257">
        <v>2</v>
      </c>
      <c r="BR26" s="261">
        <v>1</v>
      </c>
      <c r="BS26" s="258">
        <v>3</v>
      </c>
      <c r="BT26" s="260">
        <v>0</v>
      </c>
      <c r="BU26" s="261">
        <v>5</v>
      </c>
      <c r="BV26" s="261">
        <v>4</v>
      </c>
      <c r="BW26" s="261">
        <v>2</v>
      </c>
      <c r="BX26" s="261">
        <v>1</v>
      </c>
      <c r="BY26" s="261">
        <v>2</v>
      </c>
      <c r="BZ26" s="258">
        <v>14</v>
      </c>
      <c r="CA26" s="263">
        <v>17</v>
      </c>
      <c r="CB26" s="257">
        <v>0</v>
      </c>
      <c r="CC26" s="261">
        <v>0</v>
      </c>
      <c r="CD26" s="258">
        <v>0</v>
      </c>
      <c r="CE26" s="260">
        <v>0</v>
      </c>
      <c r="CF26" s="261">
        <v>0</v>
      </c>
      <c r="CG26" s="261">
        <v>1</v>
      </c>
      <c r="CH26" s="261">
        <v>1</v>
      </c>
      <c r="CI26" s="261">
        <v>0</v>
      </c>
      <c r="CJ26" s="261">
        <v>1</v>
      </c>
      <c r="CK26" s="258">
        <v>3</v>
      </c>
      <c r="CL26" s="263">
        <v>3</v>
      </c>
      <c r="CM26" s="257">
        <v>0</v>
      </c>
      <c r="CN26" s="261">
        <v>0</v>
      </c>
      <c r="CO26" s="258">
        <v>0</v>
      </c>
      <c r="CP26" s="260">
        <v>0</v>
      </c>
      <c r="CQ26" s="261">
        <v>0</v>
      </c>
      <c r="CR26" s="261">
        <v>1</v>
      </c>
      <c r="CS26" s="261">
        <v>0</v>
      </c>
      <c r="CT26" s="261">
        <v>0</v>
      </c>
      <c r="CU26" s="261">
        <v>0</v>
      </c>
      <c r="CV26" s="258">
        <v>1</v>
      </c>
      <c r="CW26" s="263">
        <v>1</v>
      </c>
      <c r="CX26" s="257">
        <v>0</v>
      </c>
      <c r="CY26" s="261">
        <v>0</v>
      </c>
      <c r="CZ26" s="258">
        <v>0</v>
      </c>
      <c r="DA26" s="260">
        <v>0</v>
      </c>
      <c r="DB26" s="261">
        <v>0</v>
      </c>
      <c r="DC26" s="261">
        <v>0</v>
      </c>
      <c r="DD26" s="261">
        <v>0</v>
      </c>
      <c r="DE26" s="261">
        <v>0</v>
      </c>
      <c r="DF26" s="261">
        <v>0</v>
      </c>
      <c r="DG26" s="258">
        <v>0</v>
      </c>
      <c r="DH26" s="263">
        <v>0</v>
      </c>
      <c r="DI26" s="257">
        <v>0</v>
      </c>
      <c r="DJ26" s="261">
        <v>0</v>
      </c>
      <c r="DK26" s="258">
        <v>0</v>
      </c>
      <c r="DL26" s="260">
        <v>0</v>
      </c>
      <c r="DM26" s="261">
        <v>0</v>
      </c>
      <c r="DN26" s="261">
        <v>0</v>
      </c>
      <c r="DO26" s="261">
        <v>0</v>
      </c>
      <c r="DP26" s="261">
        <v>0</v>
      </c>
      <c r="DQ26" s="261">
        <v>0</v>
      </c>
      <c r="DR26" s="258">
        <v>0</v>
      </c>
      <c r="DS26" s="263">
        <v>0</v>
      </c>
      <c r="DT26" s="257">
        <v>6</v>
      </c>
      <c r="DU26" s="261">
        <v>10</v>
      </c>
      <c r="DV26" s="258">
        <v>16</v>
      </c>
      <c r="DW26" s="260">
        <v>0</v>
      </c>
      <c r="DX26" s="261">
        <v>12</v>
      </c>
      <c r="DY26" s="261">
        <v>15</v>
      </c>
      <c r="DZ26" s="261">
        <v>10</v>
      </c>
      <c r="EA26" s="261">
        <v>9</v>
      </c>
      <c r="EB26" s="261">
        <v>5</v>
      </c>
      <c r="EC26" s="258">
        <v>51</v>
      </c>
      <c r="ED26" s="263">
        <v>67</v>
      </c>
      <c r="EE26" s="257">
        <v>2</v>
      </c>
      <c r="EF26" s="261">
        <v>2</v>
      </c>
      <c r="EG26" s="258">
        <v>4</v>
      </c>
      <c r="EH26" s="260">
        <v>0</v>
      </c>
      <c r="EI26" s="261">
        <v>10</v>
      </c>
      <c r="EJ26" s="261">
        <v>6</v>
      </c>
      <c r="EK26" s="261">
        <v>4</v>
      </c>
      <c r="EL26" s="261">
        <v>5</v>
      </c>
      <c r="EM26" s="261">
        <v>4</v>
      </c>
      <c r="EN26" s="258">
        <v>29</v>
      </c>
      <c r="EO26" s="263">
        <v>33</v>
      </c>
      <c r="EP26" s="257">
        <v>9</v>
      </c>
      <c r="EQ26" s="261">
        <v>11</v>
      </c>
      <c r="ER26" s="258">
        <v>20</v>
      </c>
      <c r="ES26" s="260">
        <v>0</v>
      </c>
      <c r="ET26" s="261">
        <v>25</v>
      </c>
      <c r="EU26" s="261">
        <v>21</v>
      </c>
      <c r="EV26" s="261">
        <v>12</v>
      </c>
      <c r="EW26" s="261">
        <v>8</v>
      </c>
      <c r="EX26" s="261">
        <v>5</v>
      </c>
      <c r="EY26" s="258">
        <v>71</v>
      </c>
      <c r="EZ26" s="263">
        <v>91</v>
      </c>
    </row>
    <row r="27" spans="2:156" ht="21" customHeight="1" x14ac:dyDescent="0.2">
      <c r="B27" s="472" t="s">
        <v>25</v>
      </c>
      <c r="C27" s="257">
        <v>0</v>
      </c>
      <c r="D27" s="261">
        <v>0</v>
      </c>
      <c r="E27" s="358">
        <v>0</v>
      </c>
      <c r="F27" s="260">
        <v>0</v>
      </c>
      <c r="G27" s="261">
        <v>4</v>
      </c>
      <c r="H27" s="261">
        <v>2</v>
      </c>
      <c r="I27" s="261">
        <v>1</v>
      </c>
      <c r="J27" s="261">
        <v>1</v>
      </c>
      <c r="K27" s="261">
        <v>0</v>
      </c>
      <c r="L27" s="262">
        <v>8</v>
      </c>
      <c r="M27" s="263">
        <v>8</v>
      </c>
      <c r="N27" s="257">
        <v>0</v>
      </c>
      <c r="O27" s="261">
        <v>0</v>
      </c>
      <c r="P27" s="258">
        <v>0</v>
      </c>
      <c r="Q27" s="260">
        <v>0</v>
      </c>
      <c r="R27" s="261">
        <v>0</v>
      </c>
      <c r="S27" s="261">
        <v>1</v>
      </c>
      <c r="T27" s="261">
        <v>0</v>
      </c>
      <c r="U27" s="261">
        <v>0</v>
      </c>
      <c r="V27" s="261">
        <v>1</v>
      </c>
      <c r="W27" s="258">
        <v>2</v>
      </c>
      <c r="X27" s="263">
        <v>2</v>
      </c>
      <c r="Y27" s="257">
        <v>1</v>
      </c>
      <c r="Z27" s="261">
        <v>4</v>
      </c>
      <c r="AA27" s="258">
        <v>5</v>
      </c>
      <c r="AB27" s="260">
        <v>0</v>
      </c>
      <c r="AC27" s="261">
        <v>2</v>
      </c>
      <c r="AD27" s="261">
        <v>4</v>
      </c>
      <c r="AE27" s="261">
        <v>0</v>
      </c>
      <c r="AF27" s="261">
        <v>0</v>
      </c>
      <c r="AG27" s="261">
        <v>1</v>
      </c>
      <c r="AH27" s="258">
        <v>7</v>
      </c>
      <c r="AI27" s="263">
        <v>12</v>
      </c>
      <c r="AJ27" s="257">
        <v>0</v>
      </c>
      <c r="AK27" s="261">
        <v>0</v>
      </c>
      <c r="AL27" s="258">
        <v>0</v>
      </c>
      <c r="AM27" s="260">
        <v>0</v>
      </c>
      <c r="AN27" s="261">
        <v>0</v>
      </c>
      <c r="AO27" s="261">
        <v>0</v>
      </c>
      <c r="AP27" s="261">
        <v>0</v>
      </c>
      <c r="AQ27" s="261">
        <v>0</v>
      </c>
      <c r="AR27" s="261">
        <v>0</v>
      </c>
      <c r="AS27" s="258">
        <v>0</v>
      </c>
      <c r="AT27" s="263">
        <v>0</v>
      </c>
      <c r="AU27" s="257">
        <v>2</v>
      </c>
      <c r="AV27" s="261">
        <v>1</v>
      </c>
      <c r="AW27" s="258">
        <v>3</v>
      </c>
      <c r="AX27" s="260">
        <v>0</v>
      </c>
      <c r="AY27" s="261">
        <v>1</v>
      </c>
      <c r="AZ27" s="261">
        <v>2</v>
      </c>
      <c r="BA27" s="261">
        <v>1</v>
      </c>
      <c r="BB27" s="261">
        <v>2</v>
      </c>
      <c r="BC27" s="261">
        <v>4</v>
      </c>
      <c r="BD27" s="262">
        <v>10</v>
      </c>
      <c r="BE27" s="263">
        <v>13</v>
      </c>
      <c r="BF27" s="257">
        <v>0</v>
      </c>
      <c r="BG27" s="261">
        <v>0</v>
      </c>
      <c r="BH27" s="258">
        <v>0</v>
      </c>
      <c r="BI27" s="260">
        <v>0</v>
      </c>
      <c r="BJ27" s="261">
        <v>3</v>
      </c>
      <c r="BK27" s="261">
        <v>6</v>
      </c>
      <c r="BL27" s="261">
        <v>1</v>
      </c>
      <c r="BM27" s="261">
        <v>1</v>
      </c>
      <c r="BN27" s="261">
        <v>0</v>
      </c>
      <c r="BO27" s="258">
        <v>11</v>
      </c>
      <c r="BP27" s="263">
        <v>11</v>
      </c>
      <c r="BQ27" s="257">
        <v>0</v>
      </c>
      <c r="BR27" s="261">
        <v>1</v>
      </c>
      <c r="BS27" s="258">
        <v>1</v>
      </c>
      <c r="BT27" s="260">
        <v>0</v>
      </c>
      <c r="BU27" s="261">
        <v>1</v>
      </c>
      <c r="BV27" s="261">
        <v>1</v>
      </c>
      <c r="BW27" s="261">
        <v>2</v>
      </c>
      <c r="BX27" s="261">
        <v>0</v>
      </c>
      <c r="BY27" s="261">
        <v>1</v>
      </c>
      <c r="BZ27" s="258">
        <v>5</v>
      </c>
      <c r="CA27" s="263">
        <v>6</v>
      </c>
      <c r="CB27" s="257">
        <v>0</v>
      </c>
      <c r="CC27" s="261">
        <v>1</v>
      </c>
      <c r="CD27" s="258">
        <v>1</v>
      </c>
      <c r="CE27" s="260">
        <v>0</v>
      </c>
      <c r="CF27" s="261">
        <v>1</v>
      </c>
      <c r="CG27" s="261">
        <v>0</v>
      </c>
      <c r="CH27" s="261">
        <v>2</v>
      </c>
      <c r="CI27" s="261">
        <v>0</v>
      </c>
      <c r="CJ27" s="261">
        <v>0</v>
      </c>
      <c r="CK27" s="258">
        <v>3</v>
      </c>
      <c r="CL27" s="263">
        <v>4</v>
      </c>
      <c r="CM27" s="257">
        <v>0</v>
      </c>
      <c r="CN27" s="261">
        <v>0</v>
      </c>
      <c r="CO27" s="258">
        <v>0</v>
      </c>
      <c r="CP27" s="260">
        <v>0</v>
      </c>
      <c r="CQ27" s="261">
        <v>0</v>
      </c>
      <c r="CR27" s="261">
        <v>0</v>
      </c>
      <c r="CS27" s="261">
        <v>0</v>
      </c>
      <c r="CT27" s="261">
        <v>0</v>
      </c>
      <c r="CU27" s="261">
        <v>0</v>
      </c>
      <c r="CV27" s="258">
        <v>0</v>
      </c>
      <c r="CW27" s="263">
        <v>0</v>
      </c>
      <c r="CX27" s="257">
        <v>0</v>
      </c>
      <c r="CY27" s="261">
        <v>0</v>
      </c>
      <c r="CZ27" s="258">
        <v>0</v>
      </c>
      <c r="DA27" s="260">
        <v>0</v>
      </c>
      <c r="DB27" s="261">
        <v>0</v>
      </c>
      <c r="DC27" s="261">
        <v>0</v>
      </c>
      <c r="DD27" s="261">
        <v>0</v>
      </c>
      <c r="DE27" s="261">
        <v>0</v>
      </c>
      <c r="DF27" s="261">
        <v>0</v>
      </c>
      <c r="DG27" s="258">
        <v>0</v>
      </c>
      <c r="DH27" s="263">
        <v>0</v>
      </c>
      <c r="DI27" s="257">
        <v>0</v>
      </c>
      <c r="DJ27" s="261">
        <v>0</v>
      </c>
      <c r="DK27" s="258">
        <v>0</v>
      </c>
      <c r="DL27" s="260">
        <v>0</v>
      </c>
      <c r="DM27" s="261">
        <v>0</v>
      </c>
      <c r="DN27" s="261">
        <v>0</v>
      </c>
      <c r="DO27" s="261">
        <v>0</v>
      </c>
      <c r="DP27" s="261">
        <v>0</v>
      </c>
      <c r="DQ27" s="261">
        <v>0</v>
      </c>
      <c r="DR27" s="258">
        <v>0</v>
      </c>
      <c r="DS27" s="263">
        <v>0</v>
      </c>
      <c r="DT27" s="257">
        <v>5</v>
      </c>
      <c r="DU27" s="261">
        <v>5</v>
      </c>
      <c r="DV27" s="258">
        <v>10</v>
      </c>
      <c r="DW27" s="260">
        <v>0</v>
      </c>
      <c r="DX27" s="261">
        <v>8</v>
      </c>
      <c r="DY27" s="261">
        <v>10</v>
      </c>
      <c r="DZ27" s="261">
        <v>5</v>
      </c>
      <c r="EA27" s="261">
        <v>2</v>
      </c>
      <c r="EB27" s="261">
        <v>3</v>
      </c>
      <c r="EC27" s="258">
        <v>28</v>
      </c>
      <c r="ED27" s="263">
        <v>38</v>
      </c>
      <c r="EE27" s="257">
        <v>0</v>
      </c>
      <c r="EF27" s="261">
        <v>0</v>
      </c>
      <c r="EG27" s="258">
        <v>0</v>
      </c>
      <c r="EH27" s="260">
        <v>0</v>
      </c>
      <c r="EI27" s="261">
        <v>0</v>
      </c>
      <c r="EJ27" s="261">
        <v>1</v>
      </c>
      <c r="EK27" s="261">
        <v>2</v>
      </c>
      <c r="EL27" s="261">
        <v>1</v>
      </c>
      <c r="EM27" s="261">
        <v>3</v>
      </c>
      <c r="EN27" s="258">
        <v>7</v>
      </c>
      <c r="EO27" s="263">
        <v>7</v>
      </c>
      <c r="EP27" s="257">
        <v>6</v>
      </c>
      <c r="EQ27" s="261">
        <v>9</v>
      </c>
      <c r="ER27" s="258">
        <v>15</v>
      </c>
      <c r="ES27" s="260">
        <v>0</v>
      </c>
      <c r="ET27" s="261">
        <v>12</v>
      </c>
      <c r="EU27" s="261">
        <v>15</v>
      </c>
      <c r="EV27" s="261">
        <v>5</v>
      </c>
      <c r="EW27" s="261">
        <v>2</v>
      </c>
      <c r="EX27" s="261">
        <v>3</v>
      </c>
      <c r="EY27" s="258">
        <v>37</v>
      </c>
      <c r="EZ27" s="263">
        <v>52</v>
      </c>
    </row>
    <row r="28" spans="2:156" ht="21" customHeight="1" x14ac:dyDescent="0.2">
      <c r="B28" s="472" t="s">
        <v>26</v>
      </c>
      <c r="C28" s="257">
        <v>0</v>
      </c>
      <c r="D28" s="261">
        <v>0</v>
      </c>
      <c r="E28" s="358">
        <v>0</v>
      </c>
      <c r="F28" s="260">
        <v>0</v>
      </c>
      <c r="G28" s="261">
        <v>8</v>
      </c>
      <c r="H28" s="261">
        <v>5</v>
      </c>
      <c r="I28" s="261">
        <v>1</v>
      </c>
      <c r="J28" s="261">
        <v>1</v>
      </c>
      <c r="K28" s="261">
        <v>5</v>
      </c>
      <c r="L28" s="262">
        <v>20</v>
      </c>
      <c r="M28" s="263">
        <v>20</v>
      </c>
      <c r="N28" s="257">
        <v>0</v>
      </c>
      <c r="O28" s="261">
        <v>0</v>
      </c>
      <c r="P28" s="258">
        <v>0</v>
      </c>
      <c r="Q28" s="260">
        <v>0</v>
      </c>
      <c r="R28" s="261">
        <v>0</v>
      </c>
      <c r="S28" s="261">
        <v>0</v>
      </c>
      <c r="T28" s="261">
        <v>0</v>
      </c>
      <c r="U28" s="261">
        <v>0</v>
      </c>
      <c r="V28" s="261">
        <v>2</v>
      </c>
      <c r="W28" s="258">
        <v>2</v>
      </c>
      <c r="X28" s="263">
        <v>2</v>
      </c>
      <c r="Y28" s="257">
        <v>0</v>
      </c>
      <c r="Z28" s="261">
        <v>0</v>
      </c>
      <c r="AA28" s="258">
        <v>0</v>
      </c>
      <c r="AB28" s="260">
        <v>0</v>
      </c>
      <c r="AC28" s="261">
        <v>7</v>
      </c>
      <c r="AD28" s="261">
        <v>5</v>
      </c>
      <c r="AE28" s="261">
        <v>0</v>
      </c>
      <c r="AF28" s="261">
        <v>2</v>
      </c>
      <c r="AG28" s="261">
        <v>6</v>
      </c>
      <c r="AH28" s="258">
        <v>20</v>
      </c>
      <c r="AI28" s="263">
        <v>20</v>
      </c>
      <c r="AJ28" s="257">
        <v>0</v>
      </c>
      <c r="AK28" s="261">
        <v>1</v>
      </c>
      <c r="AL28" s="258">
        <v>1</v>
      </c>
      <c r="AM28" s="260">
        <v>0</v>
      </c>
      <c r="AN28" s="261">
        <v>0</v>
      </c>
      <c r="AO28" s="261">
        <v>0</v>
      </c>
      <c r="AP28" s="261">
        <v>0</v>
      </c>
      <c r="AQ28" s="261">
        <v>0</v>
      </c>
      <c r="AR28" s="261">
        <v>0</v>
      </c>
      <c r="AS28" s="258">
        <v>0</v>
      </c>
      <c r="AT28" s="263">
        <v>1</v>
      </c>
      <c r="AU28" s="257">
        <v>3</v>
      </c>
      <c r="AV28" s="261">
        <v>0</v>
      </c>
      <c r="AW28" s="258">
        <v>3</v>
      </c>
      <c r="AX28" s="260">
        <v>0</v>
      </c>
      <c r="AY28" s="261">
        <v>5</v>
      </c>
      <c r="AZ28" s="261">
        <v>5</v>
      </c>
      <c r="BA28" s="261">
        <v>7</v>
      </c>
      <c r="BB28" s="261">
        <v>5</v>
      </c>
      <c r="BC28" s="261">
        <v>5</v>
      </c>
      <c r="BD28" s="262">
        <v>27</v>
      </c>
      <c r="BE28" s="263">
        <v>30</v>
      </c>
      <c r="BF28" s="257">
        <v>0</v>
      </c>
      <c r="BG28" s="261">
        <v>0</v>
      </c>
      <c r="BH28" s="258">
        <v>0</v>
      </c>
      <c r="BI28" s="260">
        <v>0</v>
      </c>
      <c r="BJ28" s="261">
        <v>10</v>
      </c>
      <c r="BK28" s="261">
        <v>3</v>
      </c>
      <c r="BL28" s="261">
        <v>1</v>
      </c>
      <c r="BM28" s="261">
        <v>2</v>
      </c>
      <c r="BN28" s="261">
        <v>0</v>
      </c>
      <c r="BO28" s="258">
        <v>16</v>
      </c>
      <c r="BP28" s="263">
        <v>16</v>
      </c>
      <c r="BQ28" s="257">
        <v>0</v>
      </c>
      <c r="BR28" s="261">
        <v>0</v>
      </c>
      <c r="BS28" s="258">
        <v>0</v>
      </c>
      <c r="BT28" s="260">
        <v>0</v>
      </c>
      <c r="BU28" s="261">
        <v>2</v>
      </c>
      <c r="BV28" s="261">
        <v>4</v>
      </c>
      <c r="BW28" s="261">
        <v>0</v>
      </c>
      <c r="BX28" s="261">
        <v>0</v>
      </c>
      <c r="BY28" s="261">
        <v>0</v>
      </c>
      <c r="BZ28" s="258">
        <v>6</v>
      </c>
      <c r="CA28" s="263">
        <v>6</v>
      </c>
      <c r="CB28" s="257">
        <v>0</v>
      </c>
      <c r="CC28" s="261">
        <v>0</v>
      </c>
      <c r="CD28" s="258">
        <v>0</v>
      </c>
      <c r="CE28" s="260">
        <v>0</v>
      </c>
      <c r="CF28" s="261">
        <v>4</v>
      </c>
      <c r="CG28" s="261">
        <v>2</v>
      </c>
      <c r="CH28" s="261">
        <v>1</v>
      </c>
      <c r="CI28" s="261">
        <v>0</v>
      </c>
      <c r="CJ28" s="261">
        <v>1</v>
      </c>
      <c r="CK28" s="258">
        <v>8</v>
      </c>
      <c r="CL28" s="263">
        <v>8</v>
      </c>
      <c r="CM28" s="257">
        <v>0</v>
      </c>
      <c r="CN28" s="261">
        <v>0</v>
      </c>
      <c r="CO28" s="258">
        <v>0</v>
      </c>
      <c r="CP28" s="260">
        <v>0</v>
      </c>
      <c r="CQ28" s="261">
        <v>0</v>
      </c>
      <c r="CR28" s="261">
        <v>0</v>
      </c>
      <c r="CS28" s="261">
        <v>0</v>
      </c>
      <c r="CT28" s="261">
        <v>0</v>
      </c>
      <c r="CU28" s="261">
        <v>0</v>
      </c>
      <c r="CV28" s="258">
        <v>0</v>
      </c>
      <c r="CW28" s="263">
        <v>0</v>
      </c>
      <c r="CX28" s="257">
        <v>0</v>
      </c>
      <c r="CY28" s="261">
        <v>0</v>
      </c>
      <c r="CZ28" s="258">
        <v>0</v>
      </c>
      <c r="DA28" s="260">
        <v>0</v>
      </c>
      <c r="DB28" s="261">
        <v>0</v>
      </c>
      <c r="DC28" s="261">
        <v>0</v>
      </c>
      <c r="DD28" s="261">
        <v>0</v>
      </c>
      <c r="DE28" s="261">
        <v>0</v>
      </c>
      <c r="DF28" s="261">
        <v>0</v>
      </c>
      <c r="DG28" s="258">
        <v>0</v>
      </c>
      <c r="DH28" s="263">
        <v>0</v>
      </c>
      <c r="DI28" s="257">
        <v>0</v>
      </c>
      <c r="DJ28" s="261">
        <v>0</v>
      </c>
      <c r="DK28" s="258">
        <v>0</v>
      </c>
      <c r="DL28" s="260">
        <v>0</v>
      </c>
      <c r="DM28" s="261">
        <v>0</v>
      </c>
      <c r="DN28" s="261">
        <v>0</v>
      </c>
      <c r="DO28" s="261">
        <v>0</v>
      </c>
      <c r="DP28" s="261">
        <v>0</v>
      </c>
      <c r="DQ28" s="261">
        <v>0</v>
      </c>
      <c r="DR28" s="258">
        <v>0</v>
      </c>
      <c r="DS28" s="263">
        <v>0</v>
      </c>
      <c r="DT28" s="257">
        <v>0</v>
      </c>
      <c r="DU28" s="261">
        <v>6</v>
      </c>
      <c r="DV28" s="258">
        <v>6</v>
      </c>
      <c r="DW28" s="260">
        <v>0</v>
      </c>
      <c r="DX28" s="261">
        <v>10</v>
      </c>
      <c r="DY28" s="261">
        <v>11</v>
      </c>
      <c r="DZ28" s="261">
        <v>3</v>
      </c>
      <c r="EA28" s="261">
        <v>3</v>
      </c>
      <c r="EB28" s="261">
        <v>8</v>
      </c>
      <c r="EC28" s="258">
        <v>35</v>
      </c>
      <c r="ED28" s="263">
        <v>41</v>
      </c>
      <c r="EE28" s="257">
        <v>2</v>
      </c>
      <c r="EF28" s="261">
        <v>0</v>
      </c>
      <c r="EG28" s="258">
        <v>2</v>
      </c>
      <c r="EH28" s="260">
        <v>0</v>
      </c>
      <c r="EI28" s="261">
        <v>4</v>
      </c>
      <c r="EJ28" s="261">
        <v>4</v>
      </c>
      <c r="EK28" s="261">
        <v>4</v>
      </c>
      <c r="EL28" s="261">
        <v>2</v>
      </c>
      <c r="EM28" s="261">
        <v>1</v>
      </c>
      <c r="EN28" s="258">
        <v>15</v>
      </c>
      <c r="EO28" s="263">
        <v>17</v>
      </c>
      <c r="EP28" s="257">
        <v>0</v>
      </c>
      <c r="EQ28" s="261">
        <v>6</v>
      </c>
      <c r="ER28" s="258">
        <v>6</v>
      </c>
      <c r="ES28" s="260">
        <v>0</v>
      </c>
      <c r="ET28" s="261">
        <v>27</v>
      </c>
      <c r="EU28" s="261">
        <v>13</v>
      </c>
      <c r="EV28" s="261">
        <v>4</v>
      </c>
      <c r="EW28" s="261">
        <v>4</v>
      </c>
      <c r="EX28" s="261">
        <v>8</v>
      </c>
      <c r="EY28" s="258">
        <v>56</v>
      </c>
      <c r="EZ28" s="263">
        <v>62</v>
      </c>
    </row>
    <row r="29" spans="2:156" ht="21" customHeight="1" x14ac:dyDescent="0.2">
      <c r="B29" s="472" t="s">
        <v>27</v>
      </c>
      <c r="C29" s="257">
        <v>0</v>
      </c>
      <c r="D29" s="261">
        <v>0</v>
      </c>
      <c r="E29" s="358">
        <v>0</v>
      </c>
      <c r="F29" s="260">
        <v>0</v>
      </c>
      <c r="G29" s="261">
        <v>1</v>
      </c>
      <c r="H29" s="261">
        <v>2</v>
      </c>
      <c r="I29" s="261">
        <v>3</v>
      </c>
      <c r="J29" s="261">
        <v>0</v>
      </c>
      <c r="K29" s="261">
        <v>1</v>
      </c>
      <c r="L29" s="262">
        <v>7</v>
      </c>
      <c r="M29" s="263">
        <v>7</v>
      </c>
      <c r="N29" s="257">
        <v>0</v>
      </c>
      <c r="O29" s="261">
        <v>0</v>
      </c>
      <c r="P29" s="258">
        <v>0</v>
      </c>
      <c r="Q29" s="260">
        <v>0</v>
      </c>
      <c r="R29" s="261">
        <v>0</v>
      </c>
      <c r="S29" s="261">
        <v>0</v>
      </c>
      <c r="T29" s="261">
        <v>0</v>
      </c>
      <c r="U29" s="261">
        <v>1</v>
      </c>
      <c r="V29" s="261">
        <v>0</v>
      </c>
      <c r="W29" s="258">
        <v>1</v>
      </c>
      <c r="X29" s="263">
        <v>1</v>
      </c>
      <c r="Y29" s="257">
        <v>0</v>
      </c>
      <c r="Z29" s="261">
        <v>3</v>
      </c>
      <c r="AA29" s="258">
        <v>3</v>
      </c>
      <c r="AB29" s="260">
        <v>0</v>
      </c>
      <c r="AC29" s="261">
        <v>0</v>
      </c>
      <c r="AD29" s="261">
        <v>5</v>
      </c>
      <c r="AE29" s="261">
        <v>3</v>
      </c>
      <c r="AF29" s="261">
        <v>2</v>
      </c>
      <c r="AG29" s="261">
        <v>1</v>
      </c>
      <c r="AH29" s="258">
        <v>11</v>
      </c>
      <c r="AI29" s="263">
        <v>14</v>
      </c>
      <c r="AJ29" s="257">
        <v>0</v>
      </c>
      <c r="AK29" s="261">
        <v>0</v>
      </c>
      <c r="AL29" s="258">
        <v>0</v>
      </c>
      <c r="AM29" s="260">
        <v>0</v>
      </c>
      <c r="AN29" s="261">
        <v>0</v>
      </c>
      <c r="AO29" s="261">
        <v>0</v>
      </c>
      <c r="AP29" s="261">
        <v>0</v>
      </c>
      <c r="AQ29" s="261">
        <v>0</v>
      </c>
      <c r="AR29" s="261">
        <v>0</v>
      </c>
      <c r="AS29" s="258">
        <v>0</v>
      </c>
      <c r="AT29" s="263">
        <v>0</v>
      </c>
      <c r="AU29" s="257">
        <v>0</v>
      </c>
      <c r="AV29" s="261">
        <v>0</v>
      </c>
      <c r="AW29" s="258">
        <v>0</v>
      </c>
      <c r="AX29" s="260">
        <v>0</v>
      </c>
      <c r="AY29" s="261">
        <v>5</v>
      </c>
      <c r="AZ29" s="261">
        <v>4</v>
      </c>
      <c r="BA29" s="261">
        <v>7</v>
      </c>
      <c r="BB29" s="261">
        <v>5</v>
      </c>
      <c r="BC29" s="261">
        <v>2</v>
      </c>
      <c r="BD29" s="262">
        <v>23</v>
      </c>
      <c r="BE29" s="263">
        <v>23</v>
      </c>
      <c r="BF29" s="257">
        <v>0</v>
      </c>
      <c r="BG29" s="261">
        <v>0</v>
      </c>
      <c r="BH29" s="258">
        <v>0</v>
      </c>
      <c r="BI29" s="260">
        <v>0</v>
      </c>
      <c r="BJ29" s="261">
        <v>5</v>
      </c>
      <c r="BK29" s="261">
        <v>4</v>
      </c>
      <c r="BL29" s="261">
        <v>2</v>
      </c>
      <c r="BM29" s="261">
        <v>2</v>
      </c>
      <c r="BN29" s="261">
        <v>0</v>
      </c>
      <c r="BO29" s="258">
        <v>13</v>
      </c>
      <c r="BP29" s="263">
        <v>13</v>
      </c>
      <c r="BQ29" s="257">
        <v>1</v>
      </c>
      <c r="BR29" s="261">
        <v>0</v>
      </c>
      <c r="BS29" s="258">
        <v>1</v>
      </c>
      <c r="BT29" s="260">
        <v>0</v>
      </c>
      <c r="BU29" s="261">
        <v>1</v>
      </c>
      <c r="BV29" s="261">
        <v>2</v>
      </c>
      <c r="BW29" s="261">
        <v>1</v>
      </c>
      <c r="BX29" s="261">
        <v>0</v>
      </c>
      <c r="BY29" s="261">
        <v>0</v>
      </c>
      <c r="BZ29" s="258">
        <v>4</v>
      </c>
      <c r="CA29" s="263">
        <v>5</v>
      </c>
      <c r="CB29" s="257">
        <v>0</v>
      </c>
      <c r="CC29" s="261">
        <v>1</v>
      </c>
      <c r="CD29" s="258">
        <v>1</v>
      </c>
      <c r="CE29" s="260">
        <v>0</v>
      </c>
      <c r="CF29" s="261">
        <v>1</v>
      </c>
      <c r="CG29" s="261">
        <v>1</v>
      </c>
      <c r="CH29" s="261">
        <v>0</v>
      </c>
      <c r="CI29" s="261">
        <v>1</v>
      </c>
      <c r="CJ29" s="261">
        <v>0</v>
      </c>
      <c r="CK29" s="258">
        <v>3</v>
      </c>
      <c r="CL29" s="263">
        <v>4</v>
      </c>
      <c r="CM29" s="257">
        <v>0</v>
      </c>
      <c r="CN29" s="261">
        <v>0</v>
      </c>
      <c r="CO29" s="258">
        <v>0</v>
      </c>
      <c r="CP29" s="260">
        <v>0</v>
      </c>
      <c r="CQ29" s="261">
        <v>0</v>
      </c>
      <c r="CR29" s="261">
        <v>1</v>
      </c>
      <c r="CS29" s="261">
        <v>0</v>
      </c>
      <c r="CT29" s="261">
        <v>0</v>
      </c>
      <c r="CU29" s="261">
        <v>0</v>
      </c>
      <c r="CV29" s="258">
        <v>1</v>
      </c>
      <c r="CW29" s="263">
        <v>1</v>
      </c>
      <c r="CX29" s="257">
        <v>0</v>
      </c>
      <c r="CY29" s="261">
        <v>0</v>
      </c>
      <c r="CZ29" s="258">
        <v>0</v>
      </c>
      <c r="DA29" s="260">
        <v>0</v>
      </c>
      <c r="DB29" s="261">
        <v>0</v>
      </c>
      <c r="DC29" s="261">
        <v>0</v>
      </c>
      <c r="DD29" s="261">
        <v>0</v>
      </c>
      <c r="DE29" s="261">
        <v>0</v>
      </c>
      <c r="DF29" s="261">
        <v>0</v>
      </c>
      <c r="DG29" s="258">
        <v>0</v>
      </c>
      <c r="DH29" s="263">
        <v>0</v>
      </c>
      <c r="DI29" s="257">
        <v>0</v>
      </c>
      <c r="DJ29" s="261">
        <v>0</v>
      </c>
      <c r="DK29" s="258">
        <v>0</v>
      </c>
      <c r="DL29" s="260">
        <v>0</v>
      </c>
      <c r="DM29" s="261">
        <v>0</v>
      </c>
      <c r="DN29" s="261">
        <v>0</v>
      </c>
      <c r="DO29" s="261">
        <v>0</v>
      </c>
      <c r="DP29" s="261">
        <v>0</v>
      </c>
      <c r="DQ29" s="261">
        <v>0</v>
      </c>
      <c r="DR29" s="258">
        <v>0</v>
      </c>
      <c r="DS29" s="263">
        <v>0</v>
      </c>
      <c r="DT29" s="257">
        <v>5</v>
      </c>
      <c r="DU29" s="261">
        <v>8</v>
      </c>
      <c r="DV29" s="258">
        <v>13</v>
      </c>
      <c r="DW29" s="260">
        <v>0</v>
      </c>
      <c r="DX29" s="261">
        <v>1</v>
      </c>
      <c r="DY29" s="261">
        <v>6</v>
      </c>
      <c r="DZ29" s="261">
        <v>10</v>
      </c>
      <c r="EA29" s="261">
        <v>2</v>
      </c>
      <c r="EB29" s="261">
        <v>1</v>
      </c>
      <c r="EC29" s="258">
        <v>20</v>
      </c>
      <c r="ED29" s="263">
        <v>33</v>
      </c>
      <c r="EE29" s="257">
        <v>0</v>
      </c>
      <c r="EF29" s="261">
        <v>0</v>
      </c>
      <c r="EG29" s="258">
        <v>0</v>
      </c>
      <c r="EH29" s="260">
        <v>0</v>
      </c>
      <c r="EI29" s="261">
        <v>4</v>
      </c>
      <c r="EJ29" s="261">
        <v>2</v>
      </c>
      <c r="EK29" s="261">
        <v>5</v>
      </c>
      <c r="EL29" s="261">
        <v>2</v>
      </c>
      <c r="EM29" s="261">
        <v>2</v>
      </c>
      <c r="EN29" s="258">
        <v>15</v>
      </c>
      <c r="EO29" s="263">
        <v>15</v>
      </c>
      <c r="EP29" s="257">
        <v>6</v>
      </c>
      <c r="EQ29" s="261">
        <v>11</v>
      </c>
      <c r="ER29" s="258">
        <v>17</v>
      </c>
      <c r="ES29" s="260">
        <v>0</v>
      </c>
      <c r="ET29" s="261">
        <v>9</v>
      </c>
      <c r="EU29" s="261">
        <v>11</v>
      </c>
      <c r="EV29" s="261">
        <v>11</v>
      </c>
      <c r="EW29" s="261">
        <v>3</v>
      </c>
      <c r="EX29" s="261">
        <v>1</v>
      </c>
      <c r="EY29" s="258">
        <v>35</v>
      </c>
      <c r="EZ29" s="263">
        <v>52</v>
      </c>
    </row>
    <row r="30" spans="2:156" ht="21" customHeight="1" x14ac:dyDescent="0.2">
      <c r="B30" s="472" t="s">
        <v>28</v>
      </c>
      <c r="C30" s="257">
        <v>0</v>
      </c>
      <c r="D30" s="261">
        <v>0</v>
      </c>
      <c r="E30" s="358">
        <v>0</v>
      </c>
      <c r="F30" s="260">
        <v>0</v>
      </c>
      <c r="G30" s="261">
        <v>1</v>
      </c>
      <c r="H30" s="261">
        <v>1</v>
      </c>
      <c r="I30" s="261">
        <v>0</v>
      </c>
      <c r="J30" s="261">
        <v>1</v>
      </c>
      <c r="K30" s="261">
        <v>0</v>
      </c>
      <c r="L30" s="262">
        <v>3</v>
      </c>
      <c r="M30" s="263">
        <v>3</v>
      </c>
      <c r="N30" s="257">
        <v>0</v>
      </c>
      <c r="O30" s="261">
        <v>0</v>
      </c>
      <c r="P30" s="258">
        <v>0</v>
      </c>
      <c r="Q30" s="260">
        <v>0</v>
      </c>
      <c r="R30" s="261">
        <v>0</v>
      </c>
      <c r="S30" s="261">
        <v>0</v>
      </c>
      <c r="T30" s="261">
        <v>0</v>
      </c>
      <c r="U30" s="261">
        <v>0</v>
      </c>
      <c r="V30" s="261">
        <v>0</v>
      </c>
      <c r="W30" s="258">
        <v>0</v>
      </c>
      <c r="X30" s="263">
        <v>0</v>
      </c>
      <c r="Y30" s="257">
        <v>0</v>
      </c>
      <c r="Z30" s="261">
        <v>0</v>
      </c>
      <c r="AA30" s="258">
        <v>0</v>
      </c>
      <c r="AB30" s="260">
        <v>0</v>
      </c>
      <c r="AC30" s="261">
        <v>0</v>
      </c>
      <c r="AD30" s="261">
        <v>1</v>
      </c>
      <c r="AE30" s="261">
        <v>2</v>
      </c>
      <c r="AF30" s="261">
        <v>0</v>
      </c>
      <c r="AG30" s="261">
        <v>0</v>
      </c>
      <c r="AH30" s="258">
        <v>3</v>
      </c>
      <c r="AI30" s="263">
        <v>3</v>
      </c>
      <c r="AJ30" s="257">
        <v>0</v>
      </c>
      <c r="AK30" s="261">
        <v>0</v>
      </c>
      <c r="AL30" s="258">
        <v>0</v>
      </c>
      <c r="AM30" s="260">
        <v>0</v>
      </c>
      <c r="AN30" s="261">
        <v>0</v>
      </c>
      <c r="AO30" s="261">
        <v>0</v>
      </c>
      <c r="AP30" s="261">
        <v>0</v>
      </c>
      <c r="AQ30" s="261">
        <v>0</v>
      </c>
      <c r="AR30" s="261">
        <v>0</v>
      </c>
      <c r="AS30" s="258">
        <v>0</v>
      </c>
      <c r="AT30" s="263">
        <v>0</v>
      </c>
      <c r="AU30" s="257">
        <v>0</v>
      </c>
      <c r="AV30" s="261">
        <v>0</v>
      </c>
      <c r="AW30" s="258">
        <v>0</v>
      </c>
      <c r="AX30" s="260">
        <v>0</v>
      </c>
      <c r="AY30" s="261">
        <v>0</v>
      </c>
      <c r="AZ30" s="261">
        <v>2</v>
      </c>
      <c r="BA30" s="261">
        <v>2</v>
      </c>
      <c r="BB30" s="261">
        <v>2</v>
      </c>
      <c r="BC30" s="261">
        <v>0</v>
      </c>
      <c r="BD30" s="262">
        <v>6</v>
      </c>
      <c r="BE30" s="263">
        <v>6</v>
      </c>
      <c r="BF30" s="257">
        <v>0</v>
      </c>
      <c r="BG30" s="261">
        <v>0</v>
      </c>
      <c r="BH30" s="258">
        <v>0</v>
      </c>
      <c r="BI30" s="260">
        <v>0</v>
      </c>
      <c r="BJ30" s="261">
        <v>1</v>
      </c>
      <c r="BK30" s="261">
        <v>2</v>
      </c>
      <c r="BL30" s="261">
        <v>2</v>
      </c>
      <c r="BM30" s="261">
        <v>1</v>
      </c>
      <c r="BN30" s="261">
        <v>0</v>
      </c>
      <c r="BO30" s="258">
        <v>6</v>
      </c>
      <c r="BP30" s="263">
        <v>6</v>
      </c>
      <c r="BQ30" s="257">
        <v>0</v>
      </c>
      <c r="BR30" s="261">
        <v>0</v>
      </c>
      <c r="BS30" s="258">
        <v>0</v>
      </c>
      <c r="BT30" s="260">
        <v>0</v>
      </c>
      <c r="BU30" s="261">
        <v>0</v>
      </c>
      <c r="BV30" s="261">
        <v>1</v>
      </c>
      <c r="BW30" s="261">
        <v>1</v>
      </c>
      <c r="BX30" s="261">
        <v>0</v>
      </c>
      <c r="BY30" s="261">
        <v>0</v>
      </c>
      <c r="BZ30" s="258">
        <v>2</v>
      </c>
      <c r="CA30" s="263">
        <v>2</v>
      </c>
      <c r="CB30" s="257">
        <v>0</v>
      </c>
      <c r="CC30" s="261">
        <v>0</v>
      </c>
      <c r="CD30" s="258">
        <v>0</v>
      </c>
      <c r="CE30" s="260">
        <v>0</v>
      </c>
      <c r="CF30" s="261">
        <v>0</v>
      </c>
      <c r="CG30" s="261">
        <v>1</v>
      </c>
      <c r="CH30" s="261">
        <v>2</v>
      </c>
      <c r="CI30" s="261">
        <v>0</v>
      </c>
      <c r="CJ30" s="261">
        <v>0</v>
      </c>
      <c r="CK30" s="258">
        <v>3</v>
      </c>
      <c r="CL30" s="263">
        <v>3</v>
      </c>
      <c r="CM30" s="257">
        <v>0</v>
      </c>
      <c r="CN30" s="261">
        <v>0</v>
      </c>
      <c r="CO30" s="258">
        <v>0</v>
      </c>
      <c r="CP30" s="260">
        <v>0</v>
      </c>
      <c r="CQ30" s="261">
        <v>0</v>
      </c>
      <c r="CR30" s="261">
        <v>0</v>
      </c>
      <c r="CS30" s="261">
        <v>0</v>
      </c>
      <c r="CT30" s="261">
        <v>0</v>
      </c>
      <c r="CU30" s="261">
        <v>0</v>
      </c>
      <c r="CV30" s="258">
        <v>0</v>
      </c>
      <c r="CW30" s="263">
        <v>0</v>
      </c>
      <c r="CX30" s="257">
        <v>0</v>
      </c>
      <c r="CY30" s="261">
        <v>0</v>
      </c>
      <c r="CZ30" s="258">
        <v>0</v>
      </c>
      <c r="DA30" s="260">
        <v>0</v>
      </c>
      <c r="DB30" s="261">
        <v>0</v>
      </c>
      <c r="DC30" s="261">
        <v>0</v>
      </c>
      <c r="DD30" s="261">
        <v>0</v>
      </c>
      <c r="DE30" s="261">
        <v>0</v>
      </c>
      <c r="DF30" s="261">
        <v>0</v>
      </c>
      <c r="DG30" s="258">
        <v>0</v>
      </c>
      <c r="DH30" s="263">
        <v>0</v>
      </c>
      <c r="DI30" s="257">
        <v>0</v>
      </c>
      <c r="DJ30" s="261">
        <v>0</v>
      </c>
      <c r="DK30" s="258">
        <v>0</v>
      </c>
      <c r="DL30" s="260">
        <v>0</v>
      </c>
      <c r="DM30" s="261">
        <v>0</v>
      </c>
      <c r="DN30" s="261">
        <v>0</v>
      </c>
      <c r="DO30" s="261">
        <v>0</v>
      </c>
      <c r="DP30" s="261">
        <v>0</v>
      </c>
      <c r="DQ30" s="261">
        <v>0</v>
      </c>
      <c r="DR30" s="258">
        <v>0</v>
      </c>
      <c r="DS30" s="263">
        <v>0</v>
      </c>
      <c r="DT30" s="257">
        <v>0</v>
      </c>
      <c r="DU30" s="261">
        <v>1</v>
      </c>
      <c r="DV30" s="258">
        <v>1</v>
      </c>
      <c r="DW30" s="260">
        <v>0</v>
      </c>
      <c r="DX30" s="261">
        <v>1</v>
      </c>
      <c r="DY30" s="261">
        <v>3</v>
      </c>
      <c r="DZ30" s="261">
        <v>2</v>
      </c>
      <c r="EA30" s="261">
        <v>1</v>
      </c>
      <c r="EB30" s="261">
        <v>0</v>
      </c>
      <c r="EC30" s="258">
        <v>7</v>
      </c>
      <c r="ED30" s="263">
        <v>8</v>
      </c>
      <c r="EE30" s="257">
        <v>0</v>
      </c>
      <c r="EF30" s="261">
        <v>0</v>
      </c>
      <c r="EG30" s="258">
        <v>0</v>
      </c>
      <c r="EH30" s="260">
        <v>0</v>
      </c>
      <c r="EI30" s="261">
        <v>0</v>
      </c>
      <c r="EJ30" s="261">
        <v>0</v>
      </c>
      <c r="EK30" s="261">
        <v>1</v>
      </c>
      <c r="EL30" s="261">
        <v>1</v>
      </c>
      <c r="EM30" s="261">
        <v>0</v>
      </c>
      <c r="EN30" s="258">
        <v>2</v>
      </c>
      <c r="EO30" s="263">
        <v>2</v>
      </c>
      <c r="EP30" s="257">
        <v>0</v>
      </c>
      <c r="EQ30" s="261">
        <v>1</v>
      </c>
      <c r="ER30" s="258">
        <v>1</v>
      </c>
      <c r="ES30" s="260">
        <v>0</v>
      </c>
      <c r="ET30" s="261">
        <v>6</v>
      </c>
      <c r="EU30" s="261">
        <v>4</v>
      </c>
      <c r="EV30" s="261">
        <v>3</v>
      </c>
      <c r="EW30" s="261">
        <v>2</v>
      </c>
      <c r="EX30" s="261">
        <v>0</v>
      </c>
      <c r="EY30" s="258">
        <v>15</v>
      </c>
      <c r="EZ30" s="263">
        <v>16</v>
      </c>
    </row>
    <row r="31" spans="2:156" ht="21" customHeight="1" x14ac:dyDescent="0.2">
      <c r="B31" s="472" t="s">
        <v>29</v>
      </c>
      <c r="C31" s="257">
        <v>0</v>
      </c>
      <c r="D31" s="261">
        <v>0</v>
      </c>
      <c r="E31" s="358">
        <v>0</v>
      </c>
      <c r="F31" s="260">
        <v>0</v>
      </c>
      <c r="G31" s="261">
        <v>1</v>
      </c>
      <c r="H31" s="261">
        <v>2</v>
      </c>
      <c r="I31" s="261">
        <v>0</v>
      </c>
      <c r="J31" s="261">
        <v>2</v>
      </c>
      <c r="K31" s="261">
        <v>0</v>
      </c>
      <c r="L31" s="262">
        <v>5</v>
      </c>
      <c r="M31" s="263">
        <v>5</v>
      </c>
      <c r="N31" s="257">
        <v>0</v>
      </c>
      <c r="O31" s="261">
        <v>0</v>
      </c>
      <c r="P31" s="258">
        <v>0</v>
      </c>
      <c r="Q31" s="260">
        <v>0</v>
      </c>
      <c r="R31" s="261">
        <v>0</v>
      </c>
      <c r="S31" s="261">
        <v>0</v>
      </c>
      <c r="T31" s="261">
        <v>1</v>
      </c>
      <c r="U31" s="261">
        <v>0</v>
      </c>
      <c r="V31" s="261">
        <v>0</v>
      </c>
      <c r="W31" s="258">
        <v>1</v>
      </c>
      <c r="X31" s="263">
        <v>1</v>
      </c>
      <c r="Y31" s="257">
        <v>0</v>
      </c>
      <c r="Z31" s="261">
        <v>2</v>
      </c>
      <c r="AA31" s="258">
        <v>2</v>
      </c>
      <c r="AB31" s="260">
        <v>0</v>
      </c>
      <c r="AC31" s="261">
        <v>2</v>
      </c>
      <c r="AD31" s="261">
        <v>2</v>
      </c>
      <c r="AE31" s="261">
        <v>2</v>
      </c>
      <c r="AF31" s="261">
        <v>1</v>
      </c>
      <c r="AG31" s="261">
        <v>0</v>
      </c>
      <c r="AH31" s="258">
        <v>7</v>
      </c>
      <c r="AI31" s="263">
        <v>9</v>
      </c>
      <c r="AJ31" s="257">
        <v>0</v>
      </c>
      <c r="AK31" s="261">
        <v>0</v>
      </c>
      <c r="AL31" s="258">
        <v>0</v>
      </c>
      <c r="AM31" s="260">
        <v>0</v>
      </c>
      <c r="AN31" s="261">
        <v>1</v>
      </c>
      <c r="AO31" s="261">
        <v>0</v>
      </c>
      <c r="AP31" s="261">
        <v>0</v>
      </c>
      <c r="AQ31" s="261">
        <v>1</v>
      </c>
      <c r="AR31" s="261">
        <v>0</v>
      </c>
      <c r="AS31" s="258">
        <v>2</v>
      </c>
      <c r="AT31" s="263">
        <v>2</v>
      </c>
      <c r="AU31" s="257">
        <v>0</v>
      </c>
      <c r="AV31" s="261">
        <v>0</v>
      </c>
      <c r="AW31" s="258">
        <v>0</v>
      </c>
      <c r="AX31" s="260">
        <v>0</v>
      </c>
      <c r="AY31" s="261">
        <v>2</v>
      </c>
      <c r="AZ31" s="261">
        <v>2</v>
      </c>
      <c r="BA31" s="261">
        <v>1</v>
      </c>
      <c r="BB31" s="261">
        <v>1</v>
      </c>
      <c r="BC31" s="261">
        <v>0</v>
      </c>
      <c r="BD31" s="262">
        <v>6</v>
      </c>
      <c r="BE31" s="263">
        <v>6</v>
      </c>
      <c r="BF31" s="257">
        <v>0</v>
      </c>
      <c r="BG31" s="261">
        <v>0</v>
      </c>
      <c r="BH31" s="258">
        <v>0</v>
      </c>
      <c r="BI31" s="260">
        <v>0</v>
      </c>
      <c r="BJ31" s="261">
        <v>1</v>
      </c>
      <c r="BK31" s="261">
        <v>1</v>
      </c>
      <c r="BL31" s="261">
        <v>0</v>
      </c>
      <c r="BM31" s="261">
        <v>1</v>
      </c>
      <c r="BN31" s="261">
        <v>0</v>
      </c>
      <c r="BO31" s="258">
        <v>3</v>
      </c>
      <c r="BP31" s="263">
        <v>3</v>
      </c>
      <c r="BQ31" s="257">
        <v>0</v>
      </c>
      <c r="BR31" s="261">
        <v>0</v>
      </c>
      <c r="BS31" s="258">
        <v>0</v>
      </c>
      <c r="BT31" s="260">
        <v>0</v>
      </c>
      <c r="BU31" s="261">
        <v>1</v>
      </c>
      <c r="BV31" s="261">
        <v>0</v>
      </c>
      <c r="BW31" s="261">
        <v>1</v>
      </c>
      <c r="BX31" s="261">
        <v>0</v>
      </c>
      <c r="BY31" s="261">
        <v>0</v>
      </c>
      <c r="BZ31" s="258">
        <v>2</v>
      </c>
      <c r="CA31" s="263">
        <v>2</v>
      </c>
      <c r="CB31" s="257">
        <v>0</v>
      </c>
      <c r="CC31" s="261">
        <v>0</v>
      </c>
      <c r="CD31" s="258">
        <v>0</v>
      </c>
      <c r="CE31" s="260">
        <v>0</v>
      </c>
      <c r="CF31" s="261">
        <v>0</v>
      </c>
      <c r="CG31" s="261">
        <v>0</v>
      </c>
      <c r="CH31" s="261">
        <v>0</v>
      </c>
      <c r="CI31" s="261">
        <v>0</v>
      </c>
      <c r="CJ31" s="261">
        <v>0</v>
      </c>
      <c r="CK31" s="258">
        <v>0</v>
      </c>
      <c r="CL31" s="263">
        <v>0</v>
      </c>
      <c r="CM31" s="257">
        <v>0</v>
      </c>
      <c r="CN31" s="261">
        <v>0</v>
      </c>
      <c r="CO31" s="258">
        <v>0</v>
      </c>
      <c r="CP31" s="260">
        <v>0</v>
      </c>
      <c r="CQ31" s="261">
        <v>1</v>
      </c>
      <c r="CR31" s="261">
        <v>0</v>
      </c>
      <c r="CS31" s="261">
        <v>0</v>
      </c>
      <c r="CT31" s="261">
        <v>0</v>
      </c>
      <c r="CU31" s="261">
        <v>0</v>
      </c>
      <c r="CV31" s="258">
        <v>1</v>
      </c>
      <c r="CW31" s="263">
        <v>1</v>
      </c>
      <c r="CX31" s="257">
        <v>0</v>
      </c>
      <c r="CY31" s="261">
        <v>0</v>
      </c>
      <c r="CZ31" s="258">
        <v>0</v>
      </c>
      <c r="DA31" s="260">
        <v>0</v>
      </c>
      <c r="DB31" s="261">
        <v>0</v>
      </c>
      <c r="DC31" s="261">
        <v>0</v>
      </c>
      <c r="DD31" s="261">
        <v>0</v>
      </c>
      <c r="DE31" s="261">
        <v>0</v>
      </c>
      <c r="DF31" s="261">
        <v>0</v>
      </c>
      <c r="DG31" s="258">
        <v>0</v>
      </c>
      <c r="DH31" s="263">
        <v>0</v>
      </c>
      <c r="DI31" s="257">
        <v>0</v>
      </c>
      <c r="DJ31" s="261">
        <v>0</v>
      </c>
      <c r="DK31" s="258">
        <v>0</v>
      </c>
      <c r="DL31" s="260">
        <v>0</v>
      </c>
      <c r="DM31" s="261">
        <v>0</v>
      </c>
      <c r="DN31" s="261">
        <v>0</v>
      </c>
      <c r="DO31" s="261">
        <v>0</v>
      </c>
      <c r="DP31" s="261">
        <v>0</v>
      </c>
      <c r="DQ31" s="261">
        <v>0</v>
      </c>
      <c r="DR31" s="258">
        <v>0</v>
      </c>
      <c r="DS31" s="263">
        <v>0</v>
      </c>
      <c r="DT31" s="257">
        <v>0</v>
      </c>
      <c r="DU31" s="261">
        <v>3</v>
      </c>
      <c r="DV31" s="258">
        <v>3</v>
      </c>
      <c r="DW31" s="260">
        <v>0</v>
      </c>
      <c r="DX31" s="261">
        <v>2</v>
      </c>
      <c r="DY31" s="261">
        <v>3</v>
      </c>
      <c r="DZ31" s="261">
        <v>3</v>
      </c>
      <c r="EA31" s="261">
        <v>2</v>
      </c>
      <c r="EB31" s="261">
        <v>0</v>
      </c>
      <c r="EC31" s="258">
        <v>10</v>
      </c>
      <c r="ED31" s="263">
        <v>13</v>
      </c>
      <c r="EE31" s="257">
        <v>0</v>
      </c>
      <c r="EF31" s="261">
        <v>0</v>
      </c>
      <c r="EG31" s="258">
        <v>0</v>
      </c>
      <c r="EH31" s="260">
        <v>0</v>
      </c>
      <c r="EI31" s="261">
        <v>1</v>
      </c>
      <c r="EJ31" s="261">
        <v>1</v>
      </c>
      <c r="EK31" s="261">
        <v>0</v>
      </c>
      <c r="EL31" s="261">
        <v>1</v>
      </c>
      <c r="EM31" s="261">
        <v>0</v>
      </c>
      <c r="EN31" s="258">
        <v>3</v>
      </c>
      <c r="EO31" s="263">
        <v>3</v>
      </c>
      <c r="EP31" s="257">
        <v>0</v>
      </c>
      <c r="EQ31" s="261">
        <v>4</v>
      </c>
      <c r="ER31" s="258">
        <v>4</v>
      </c>
      <c r="ES31" s="260">
        <v>0</v>
      </c>
      <c r="ET31" s="261">
        <v>6</v>
      </c>
      <c r="EU31" s="261">
        <v>3</v>
      </c>
      <c r="EV31" s="261">
        <v>3</v>
      </c>
      <c r="EW31" s="261">
        <v>2</v>
      </c>
      <c r="EX31" s="261">
        <v>0</v>
      </c>
      <c r="EY31" s="258">
        <v>14</v>
      </c>
      <c r="EZ31" s="263">
        <v>18</v>
      </c>
    </row>
    <row r="32" spans="2:156" ht="21" customHeight="1" x14ac:dyDescent="0.2">
      <c r="B32" s="472" t="s">
        <v>30</v>
      </c>
      <c r="C32" s="257">
        <v>0</v>
      </c>
      <c r="D32" s="261">
        <v>0</v>
      </c>
      <c r="E32" s="358">
        <v>0</v>
      </c>
      <c r="F32" s="260">
        <v>0</v>
      </c>
      <c r="G32" s="261">
        <v>3</v>
      </c>
      <c r="H32" s="261">
        <v>1</v>
      </c>
      <c r="I32" s="261">
        <v>0</v>
      </c>
      <c r="J32" s="261">
        <v>1</v>
      </c>
      <c r="K32" s="261">
        <v>0</v>
      </c>
      <c r="L32" s="262">
        <v>5</v>
      </c>
      <c r="M32" s="263">
        <v>5</v>
      </c>
      <c r="N32" s="257">
        <v>0</v>
      </c>
      <c r="O32" s="261">
        <v>0</v>
      </c>
      <c r="P32" s="258">
        <v>0</v>
      </c>
      <c r="Q32" s="260">
        <v>0</v>
      </c>
      <c r="R32" s="261">
        <v>1</v>
      </c>
      <c r="S32" s="261">
        <v>0</v>
      </c>
      <c r="T32" s="261">
        <v>1</v>
      </c>
      <c r="U32" s="261">
        <v>0</v>
      </c>
      <c r="V32" s="261">
        <v>0</v>
      </c>
      <c r="W32" s="258">
        <v>2</v>
      </c>
      <c r="X32" s="263">
        <v>2</v>
      </c>
      <c r="Y32" s="257">
        <v>0</v>
      </c>
      <c r="Z32" s="261">
        <v>0</v>
      </c>
      <c r="AA32" s="258">
        <v>0</v>
      </c>
      <c r="AB32" s="260">
        <v>0</v>
      </c>
      <c r="AC32" s="261">
        <v>2</v>
      </c>
      <c r="AD32" s="261">
        <v>0</v>
      </c>
      <c r="AE32" s="261">
        <v>1</v>
      </c>
      <c r="AF32" s="261">
        <v>0</v>
      </c>
      <c r="AG32" s="261">
        <v>0</v>
      </c>
      <c r="AH32" s="258">
        <v>3</v>
      </c>
      <c r="AI32" s="263">
        <v>3</v>
      </c>
      <c r="AJ32" s="257">
        <v>0</v>
      </c>
      <c r="AK32" s="261">
        <v>0</v>
      </c>
      <c r="AL32" s="258">
        <v>0</v>
      </c>
      <c r="AM32" s="260">
        <v>0</v>
      </c>
      <c r="AN32" s="261">
        <v>0</v>
      </c>
      <c r="AO32" s="261">
        <v>1</v>
      </c>
      <c r="AP32" s="261">
        <v>0</v>
      </c>
      <c r="AQ32" s="261">
        <v>0</v>
      </c>
      <c r="AR32" s="261">
        <v>0</v>
      </c>
      <c r="AS32" s="258">
        <v>1</v>
      </c>
      <c r="AT32" s="263">
        <v>1</v>
      </c>
      <c r="AU32" s="257">
        <v>0</v>
      </c>
      <c r="AV32" s="261">
        <v>0</v>
      </c>
      <c r="AW32" s="258">
        <v>0</v>
      </c>
      <c r="AX32" s="260">
        <v>0</v>
      </c>
      <c r="AY32" s="261">
        <v>2</v>
      </c>
      <c r="AZ32" s="261">
        <v>1</v>
      </c>
      <c r="BA32" s="261">
        <v>1</v>
      </c>
      <c r="BB32" s="261">
        <v>0</v>
      </c>
      <c r="BC32" s="261">
        <v>0</v>
      </c>
      <c r="BD32" s="262">
        <v>4</v>
      </c>
      <c r="BE32" s="263">
        <v>4</v>
      </c>
      <c r="BF32" s="257">
        <v>0</v>
      </c>
      <c r="BG32" s="261">
        <v>0</v>
      </c>
      <c r="BH32" s="258">
        <v>0</v>
      </c>
      <c r="BI32" s="260">
        <v>0</v>
      </c>
      <c r="BJ32" s="261">
        <v>2</v>
      </c>
      <c r="BK32" s="261">
        <v>3</v>
      </c>
      <c r="BL32" s="261">
        <v>0</v>
      </c>
      <c r="BM32" s="261">
        <v>0</v>
      </c>
      <c r="BN32" s="261">
        <v>0</v>
      </c>
      <c r="BO32" s="258">
        <v>5</v>
      </c>
      <c r="BP32" s="263">
        <v>5</v>
      </c>
      <c r="BQ32" s="257">
        <v>0</v>
      </c>
      <c r="BR32" s="261">
        <v>0</v>
      </c>
      <c r="BS32" s="258">
        <v>0</v>
      </c>
      <c r="BT32" s="260">
        <v>0</v>
      </c>
      <c r="BU32" s="261">
        <v>1</v>
      </c>
      <c r="BV32" s="261">
        <v>0</v>
      </c>
      <c r="BW32" s="261">
        <v>0</v>
      </c>
      <c r="BX32" s="261">
        <v>1</v>
      </c>
      <c r="BY32" s="261">
        <v>0</v>
      </c>
      <c r="BZ32" s="258">
        <v>2</v>
      </c>
      <c r="CA32" s="263">
        <v>2</v>
      </c>
      <c r="CB32" s="257">
        <v>0</v>
      </c>
      <c r="CC32" s="261">
        <v>0</v>
      </c>
      <c r="CD32" s="258">
        <v>0</v>
      </c>
      <c r="CE32" s="260">
        <v>0</v>
      </c>
      <c r="CF32" s="261">
        <v>0</v>
      </c>
      <c r="CG32" s="261">
        <v>1</v>
      </c>
      <c r="CH32" s="261">
        <v>0</v>
      </c>
      <c r="CI32" s="261">
        <v>1</v>
      </c>
      <c r="CJ32" s="261">
        <v>0</v>
      </c>
      <c r="CK32" s="258">
        <v>2</v>
      </c>
      <c r="CL32" s="263">
        <v>2</v>
      </c>
      <c r="CM32" s="257">
        <v>0</v>
      </c>
      <c r="CN32" s="261">
        <v>0</v>
      </c>
      <c r="CO32" s="258">
        <v>0</v>
      </c>
      <c r="CP32" s="260">
        <v>0</v>
      </c>
      <c r="CQ32" s="261">
        <v>0</v>
      </c>
      <c r="CR32" s="261">
        <v>0</v>
      </c>
      <c r="CS32" s="261">
        <v>0</v>
      </c>
      <c r="CT32" s="261">
        <v>0</v>
      </c>
      <c r="CU32" s="261">
        <v>0</v>
      </c>
      <c r="CV32" s="258">
        <v>0</v>
      </c>
      <c r="CW32" s="263">
        <v>0</v>
      </c>
      <c r="CX32" s="257">
        <v>0</v>
      </c>
      <c r="CY32" s="261">
        <v>0</v>
      </c>
      <c r="CZ32" s="258">
        <v>0</v>
      </c>
      <c r="DA32" s="260">
        <v>0</v>
      </c>
      <c r="DB32" s="261">
        <v>0</v>
      </c>
      <c r="DC32" s="261">
        <v>0</v>
      </c>
      <c r="DD32" s="261">
        <v>0</v>
      </c>
      <c r="DE32" s="261">
        <v>0</v>
      </c>
      <c r="DF32" s="261">
        <v>0</v>
      </c>
      <c r="DG32" s="258">
        <v>0</v>
      </c>
      <c r="DH32" s="263">
        <v>0</v>
      </c>
      <c r="DI32" s="257">
        <v>0</v>
      </c>
      <c r="DJ32" s="261">
        <v>0</v>
      </c>
      <c r="DK32" s="258">
        <v>0</v>
      </c>
      <c r="DL32" s="260">
        <v>0</v>
      </c>
      <c r="DM32" s="261">
        <v>0</v>
      </c>
      <c r="DN32" s="261">
        <v>0</v>
      </c>
      <c r="DO32" s="261">
        <v>0</v>
      </c>
      <c r="DP32" s="261">
        <v>0</v>
      </c>
      <c r="DQ32" s="261">
        <v>0</v>
      </c>
      <c r="DR32" s="258">
        <v>0</v>
      </c>
      <c r="DS32" s="263">
        <v>0</v>
      </c>
      <c r="DT32" s="257">
        <v>2</v>
      </c>
      <c r="DU32" s="261">
        <v>0</v>
      </c>
      <c r="DV32" s="258">
        <v>2</v>
      </c>
      <c r="DW32" s="260">
        <v>0</v>
      </c>
      <c r="DX32" s="261">
        <v>3</v>
      </c>
      <c r="DY32" s="261">
        <v>3</v>
      </c>
      <c r="DZ32" s="261">
        <v>2</v>
      </c>
      <c r="EA32" s="261">
        <v>1</v>
      </c>
      <c r="EB32" s="261">
        <v>0</v>
      </c>
      <c r="EC32" s="258">
        <v>9</v>
      </c>
      <c r="ED32" s="263">
        <v>11</v>
      </c>
      <c r="EE32" s="257">
        <v>0</v>
      </c>
      <c r="EF32" s="261">
        <v>0</v>
      </c>
      <c r="EG32" s="258">
        <v>0</v>
      </c>
      <c r="EH32" s="260">
        <v>0</v>
      </c>
      <c r="EI32" s="261">
        <v>2</v>
      </c>
      <c r="EJ32" s="261">
        <v>1</v>
      </c>
      <c r="EK32" s="261">
        <v>2</v>
      </c>
      <c r="EL32" s="261">
        <v>0</v>
      </c>
      <c r="EM32" s="261">
        <v>0</v>
      </c>
      <c r="EN32" s="258">
        <v>5</v>
      </c>
      <c r="EO32" s="263">
        <v>5</v>
      </c>
      <c r="EP32" s="257">
        <v>2</v>
      </c>
      <c r="EQ32" s="261">
        <v>0</v>
      </c>
      <c r="ER32" s="258">
        <v>2</v>
      </c>
      <c r="ES32" s="260">
        <v>0</v>
      </c>
      <c r="ET32" s="261">
        <v>7</v>
      </c>
      <c r="EU32" s="261">
        <v>4</v>
      </c>
      <c r="EV32" s="261">
        <v>1</v>
      </c>
      <c r="EW32" s="261">
        <v>1</v>
      </c>
      <c r="EX32" s="261">
        <v>0</v>
      </c>
      <c r="EY32" s="258">
        <v>13</v>
      </c>
      <c r="EZ32" s="263">
        <v>15</v>
      </c>
    </row>
    <row r="33" spans="2:156" ht="21" customHeight="1" x14ac:dyDescent="0.2">
      <c r="B33" s="472" t="s">
        <v>31</v>
      </c>
      <c r="C33" s="257">
        <v>0</v>
      </c>
      <c r="D33" s="261">
        <v>0</v>
      </c>
      <c r="E33" s="358">
        <v>0</v>
      </c>
      <c r="F33" s="260">
        <v>0</v>
      </c>
      <c r="G33" s="261">
        <v>2</v>
      </c>
      <c r="H33" s="261">
        <v>0</v>
      </c>
      <c r="I33" s="261">
        <v>0</v>
      </c>
      <c r="J33" s="261">
        <v>1</v>
      </c>
      <c r="K33" s="261">
        <v>0</v>
      </c>
      <c r="L33" s="262">
        <v>3</v>
      </c>
      <c r="M33" s="263">
        <v>3</v>
      </c>
      <c r="N33" s="257">
        <v>0</v>
      </c>
      <c r="O33" s="261">
        <v>0</v>
      </c>
      <c r="P33" s="258">
        <v>0</v>
      </c>
      <c r="Q33" s="260">
        <v>0</v>
      </c>
      <c r="R33" s="261">
        <v>0</v>
      </c>
      <c r="S33" s="261">
        <v>0</v>
      </c>
      <c r="T33" s="261">
        <v>0</v>
      </c>
      <c r="U33" s="261">
        <v>0</v>
      </c>
      <c r="V33" s="261">
        <v>1</v>
      </c>
      <c r="W33" s="258">
        <v>1</v>
      </c>
      <c r="X33" s="263">
        <v>1</v>
      </c>
      <c r="Y33" s="257">
        <v>0</v>
      </c>
      <c r="Z33" s="261">
        <v>0</v>
      </c>
      <c r="AA33" s="258">
        <v>0</v>
      </c>
      <c r="AB33" s="260">
        <v>0</v>
      </c>
      <c r="AC33" s="261">
        <v>3</v>
      </c>
      <c r="AD33" s="261">
        <v>3</v>
      </c>
      <c r="AE33" s="261">
        <v>2</v>
      </c>
      <c r="AF33" s="261">
        <v>1</v>
      </c>
      <c r="AG33" s="261">
        <v>1</v>
      </c>
      <c r="AH33" s="258">
        <v>10</v>
      </c>
      <c r="AI33" s="263">
        <v>10</v>
      </c>
      <c r="AJ33" s="257">
        <v>0</v>
      </c>
      <c r="AK33" s="261">
        <v>0</v>
      </c>
      <c r="AL33" s="258">
        <v>0</v>
      </c>
      <c r="AM33" s="260">
        <v>0</v>
      </c>
      <c r="AN33" s="261">
        <v>0</v>
      </c>
      <c r="AO33" s="261">
        <v>0</v>
      </c>
      <c r="AP33" s="261">
        <v>0</v>
      </c>
      <c r="AQ33" s="261">
        <v>0</v>
      </c>
      <c r="AR33" s="261">
        <v>0</v>
      </c>
      <c r="AS33" s="258">
        <v>0</v>
      </c>
      <c r="AT33" s="263">
        <v>0</v>
      </c>
      <c r="AU33" s="257">
        <v>0</v>
      </c>
      <c r="AV33" s="261">
        <v>0</v>
      </c>
      <c r="AW33" s="258">
        <v>0</v>
      </c>
      <c r="AX33" s="260">
        <v>0</v>
      </c>
      <c r="AY33" s="261">
        <v>0</v>
      </c>
      <c r="AZ33" s="261">
        <v>1</v>
      </c>
      <c r="BA33" s="261">
        <v>0</v>
      </c>
      <c r="BB33" s="261">
        <v>2</v>
      </c>
      <c r="BC33" s="261">
        <v>0</v>
      </c>
      <c r="BD33" s="262">
        <v>3</v>
      </c>
      <c r="BE33" s="263">
        <v>3</v>
      </c>
      <c r="BF33" s="257">
        <v>0</v>
      </c>
      <c r="BG33" s="261">
        <v>0</v>
      </c>
      <c r="BH33" s="258">
        <v>0</v>
      </c>
      <c r="BI33" s="260">
        <v>0</v>
      </c>
      <c r="BJ33" s="261">
        <v>1</v>
      </c>
      <c r="BK33" s="261">
        <v>3</v>
      </c>
      <c r="BL33" s="261">
        <v>2</v>
      </c>
      <c r="BM33" s="261">
        <v>0</v>
      </c>
      <c r="BN33" s="261">
        <v>0</v>
      </c>
      <c r="BO33" s="258">
        <v>6</v>
      </c>
      <c r="BP33" s="263">
        <v>6</v>
      </c>
      <c r="BQ33" s="257">
        <v>0</v>
      </c>
      <c r="BR33" s="261">
        <v>0</v>
      </c>
      <c r="BS33" s="258">
        <v>0</v>
      </c>
      <c r="BT33" s="260">
        <v>0</v>
      </c>
      <c r="BU33" s="261">
        <v>1</v>
      </c>
      <c r="BV33" s="261">
        <v>1</v>
      </c>
      <c r="BW33" s="261">
        <v>0</v>
      </c>
      <c r="BX33" s="261">
        <v>0</v>
      </c>
      <c r="BY33" s="261">
        <v>0</v>
      </c>
      <c r="BZ33" s="258">
        <v>2</v>
      </c>
      <c r="CA33" s="263">
        <v>2</v>
      </c>
      <c r="CB33" s="257">
        <v>0</v>
      </c>
      <c r="CC33" s="261">
        <v>0</v>
      </c>
      <c r="CD33" s="258">
        <v>0</v>
      </c>
      <c r="CE33" s="260">
        <v>0</v>
      </c>
      <c r="CF33" s="261">
        <v>1</v>
      </c>
      <c r="CG33" s="261">
        <v>0</v>
      </c>
      <c r="CH33" s="261">
        <v>0</v>
      </c>
      <c r="CI33" s="261">
        <v>0</v>
      </c>
      <c r="CJ33" s="261">
        <v>0</v>
      </c>
      <c r="CK33" s="258">
        <v>1</v>
      </c>
      <c r="CL33" s="263">
        <v>1</v>
      </c>
      <c r="CM33" s="257">
        <v>0</v>
      </c>
      <c r="CN33" s="261">
        <v>0</v>
      </c>
      <c r="CO33" s="258">
        <v>0</v>
      </c>
      <c r="CP33" s="260">
        <v>0</v>
      </c>
      <c r="CQ33" s="261">
        <v>0</v>
      </c>
      <c r="CR33" s="261">
        <v>0</v>
      </c>
      <c r="CS33" s="261">
        <v>0</v>
      </c>
      <c r="CT33" s="261">
        <v>0</v>
      </c>
      <c r="CU33" s="261">
        <v>1</v>
      </c>
      <c r="CV33" s="258">
        <v>1</v>
      </c>
      <c r="CW33" s="263">
        <v>1</v>
      </c>
      <c r="CX33" s="257">
        <v>0</v>
      </c>
      <c r="CY33" s="261">
        <v>0</v>
      </c>
      <c r="CZ33" s="258">
        <v>0</v>
      </c>
      <c r="DA33" s="260">
        <v>0</v>
      </c>
      <c r="DB33" s="261">
        <v>0</v>
      </c>
      <c r="DC33" s="261">
        <v>0</v>
      </c>
      <c r="DD33" s="261">
        <v>0</v>
      </c>
      <c r="DE33" s="261">
        <v>0</v>
      </c>
      <c r="DF33" s="261">
        <v>0</v>
      </c>
      <c r="DG33" s="258">
        <v>0</v>
      </c>
      <c r="DH33" s="263">
        <v>0</v>
      </c>
      <c r="DI33" s="257">
        <v>0</v>
      </c>
      <c r="DJ33" s="261">
        <v>0</v>
      </c>
      <c r="DK33" s="258">
        <v>0</v>
      </c>
      <c r="DL33" s="260">
        <v>0</v>
      </c>
      <c r="DM33" s="261">
        <v>0</v>
      </c>
      <c r="DN33" s="261">
        <v>0</v>
      </c>
      <c r="DO33" s="261">
        <v>0</v>
      </c>
      <c r="DP33" s="261">
        <v>0</v>
      </c>
      <c r="DQ33" s="261">
        <v>0</v>
      </c>
      <c r="DR33" s="258">
        <v>0</v>
      </c>
      <c r="DS33" s="263">
        <v>0</v>
      </c>
      <c r="DT33" s="257">
        <v>1</v>
      </c>
      <c r="DU33" s="261">
        <v>1</v>
      </c>
      <c r="DV33" s="258">
        <v>2</v>
      </c>
      <c r="DW33" s="260">
        <v>0</v>
      </c>
      <c r="DX33" s="261">
        <v>4</v>
      </c>
      <c r="DY33" s="261">
        <v>4</v>
      </c>
      <c r="DZ33" s="261">
        <v>2</v>
      </c>
      <c r="EA33" s="261">
        <v>1</v>
      </c>
      <c r="EB33" s="261">
        <v>1</v>
      </c>
      <c r="EC33" s="258">
        <v>12</v>
      </c>
      <c r="ED33" s="263">
        <v>14</v>
      </c>
      <c r="EE33" s="257">
        <v>0</v>
      </c>
      <c r="EF33" s="261">
        <v>0</v>
      </c>
      <c r="EG33" s="258">
        <v>0</v>
      </c>
      <c r="EH33" s="260">
        <v>0</v>
      </c>
      <c r="EI33" s="261">
        <v>0</v>
      </c>
      <c r="EJ33" s="261">
        <v>0</v>
      </c>
      <c r="EK33" s="261">
        <v>0</v>
      </c>
      <c r="EL33" s="261">
        <v>0</v>
      </c>
      <c r="EM33" s="261">
        <v>0</v>
      </c>
      <c r="EN33" s="258">
        <v>0</v>
      </c>
      <c r="EO33" s="263">
        <v>0</v>
      </c>
      <c r="EP33" s="257">
        <v>1</v>
      </c>
      <c r="EQ33" s="261">
        <v>1</v>
      </c>
      <c r="ER33" s="258">
        <v>2</v>
      </c>
      <c r="ES33" s="260">
        <v>0</v>
      </c>
      <c r="ET33" s="261">
        <v>8</v>
      </c>
      <c r="EU33" s="261">
        <v>6</v>
      </c>
      <c r="EV33" s="261">
        <v>3</v>
      </c>
      <c r="EW33" s="261">
        <v>2</v>
      </c>
      <c r="EX33" s="261">
        <v>1</v>
      </c>
      <c r="EY33" s="258">
        <v>20</v>
      </c>
      <c r="EZ33" s="263">
        <v>22</v>
      </c>
    </row>
    <row r="34" spans="2:156" ht="21" customHeight="1" x14ac:dyDescent="0.2">
      <c r="B34" s="472" t="s">
        <v>32</v>
      </c>
      <c r="C34" s="257">
        <v>0</v>
      </c>
      <c r="D34" s="261">
        <v>0</v>
      </c>
      <c r="E34" s="358">
        <v>0</v>
      </c>
      <c r="F34" s="260">
        <v>0</v>
      </c>
      <c r="G34" s="261">
        <v>1</v>
      </c>
      <c r="H34" s="261">
        <v>2</v>
      </c>
      <c r="I34" s="261">
        <v>1</v>
      </c>
      <c r="J34" s="261">
        <v>0</v>
      </c>
      <c r="K34" s="261">
        <v>0</v>
      </c>
      <c r="L34" s="262">
        <v>4</v>
      </c>
      <c r="M34" s="263">
        <v>4</v>
      </c>
      <c r="N34" s="257">
        <v>0</v>
      </c>
      <c r="O34" s="261">
        <v>0</v>
      </c>
      <c r="P34" s="258">
        <v>0</v>
      </c>
      <c r="Q34" s="260">
        <v>0</v>
      </c>
      <c r="R34" s="261">
        <v>0</v>
      </c>
      <c r="S34" s="261">
        <v>0</v>
      </c>
      <c r="T34" s="261">
        <v>1</v>
      </c>
      <c r="U34" s="261">
        <v>0</v>
      </c>
      <c r="V34" s="261">
        <v>0</v>
      </c>
      <c r="W34" s="258">
        <v>1</v>
      </c>
      <c r="X34" s="263">
        <v>1</v>
      </c>
      <c r="Y34" s="257">
        <v>0</v>
      </c>
      <c r="Z34" s="261">
        <v>0</v>
      </c>
      <c r="AA34" s="258">
        <v>0</v>
      </c>
      <c r="AB34" s="260">
        <v>0</v>
      </c>
      <c r="AC34" s="261">
        <v>2</v>
      </c>
      <c r="AD34" s="261">
        <v>2</v>
      </c>
      <c r="AE34" s="261">
        <v>1</v>
      </c>
      <c r="AF34" s="261">
        <v>0</v>
      </c>
      <c r="AG34" s="261">
        <v>1</v>
      </c>
      <c r="AH34" s="258">
        <v>6</v>
      </c>
      <c r="AI34" s="263">
        <v>6</v>
      </c>
      <c r="AJ34" s="257">
        <v>0</v>
      </c>
      <c r="AK34" s="261">
        <v>0</v>
      </c>
      <c r="AL34" s="258">
        <v>0</v>
      </c>
      <c r="AM34" s="260">
        <v>0</v>
      </c>
      <c r="AN34" s="261">
        <v>0</v>
      </c>
      <c r="AO34" s="261">
        <v>1</v>
      </c>
      <c r="AP34" s="261">
        <v>0</v>
      </c>
      <c r="AQ34" s="261">
        <v>1</v>
      </c>
      <c r="AR34" s="261">
        <v>0</v>
      </c>
      <c r="AS34" s="258">
        <v>2</v>
      </c>
      <c r="AT34" s="263">
        <v>2</v>
      </c>
      <c r="AU34" s="257">
        <v>0</v>
      </c>
      <c r="AV34" s="261">
        <v>0</v>
      </c>
      <c r="AW34" s="258">
        <v>0</v>
      </c>
      <c r="AX34" s="260">
        <v>0</v>
      </c>
      <c r="AY34" s="261">
        <v>0</v>
      </c>
      <c r="AZ34" s="261">
        <v>2</v>
      </c>
      <c r="BA34" s="261">
        <v>1</v>
      </c>
      <c r="BB34" s="261">
        <v>2</v>
      </c>
      <c r="BC34" s="261">
        <v>2</v>
      </c>
      <c r="BD34" s="262">
        <v>7</v>
      </c>
      <c r="BE34" s="263">
        <v>7</v>
      </c>
      <c r="BF34" s="257">
        <v>0</v>
      </c>
      <c r="BG34" s="261">
        <v>0</v>
      </c>
      <c r="BH34" s="258">
        <v>0</v>
      </c>
      <c r="BI34" s="260">
        <v>0</v>
      </c>
      <c r="BJ34" s="261">
        <v>3</v>
      </c>
      <c r="BK34" s="261">
        <v>3</v>
      </c>
      <c r="BL34" s="261">
        <v>0</v>
      </c>
      <c r="BM34" s="261">
        <v>2</v>
      </c>
      <c r="BN34" s="261">
        <v>1</v>
      </c>
      <c r="BO34" s="258">
        <v>9</v>
      </c>
      <c r="BP34" s="263">
        <v>9</v>
      </c>
      <c r="BQ34" s="257">
        <v>0</v>
      </c>
      <c r="BR34" s="261">
        <v>0</v>
      </c>
      <c r="BS34" s="258">
        <v>0</v>
      </c>
      <c r="BT34" s="260">
        <v>0</v>
      </c>
      <c r="BU34" s="261">
        <v>0</v>
      </c>
      <c r="BV34" s="261">
        <v>1</v>
      </c>
      <c r="BW34" s="261">
        <v>1</v>
      </c>
      <c r="BX34" s="261">
        <v>2</v>
      </c>
      <c r="BY34" s="261">
        <v>1</v>
      </c>
      <c r="BZ34" s="258">
        <v>5</v>
      </c>
      <c r="CA34" s="263">
        <v>5</v>
      </c>
      <c r="CB34" s="257">
        <v>0</v>
      </c>
      <c r="CC34" s="261">
        <v>0</v>
      </c>
      <c r="CD34" s="258">
        <v>0</v>
      </c>
      <c r="CE34" s="260">
        <v>0</v>
      </c>
      <c r="CF34" s="261">
        <v>0</v>
      </c>
      <c r="CG34" s="261">
        <v>1</v>
      </c>
      <c r="CH34" s="261">
        <v>0</v>
      </c>
      <c r="CI34" s="261">
        <v>1</v>
      </c>
      <c r="CJ34" s="261">
        <v>1</v>
      </c>
      <c r="CK34" s="258">
        <v>3</v>
      </c>
      <c r="CL34" s="263">
        <v>3</v>
      </c>
      <c r="CM34" s="257">
        <v>0</v>
      </c>
      <c r="CN34" s="261">
        <v>0</v>
      </c>
      <c r="CO34" s="258">
        <v>0</v>
      </c>
      <c r="CP34" s="260">
        <v>0</v>
      </c>
      <c r="CQ34" s="261">
        <v>0</v>
      </c>
      <c r="CR34" s="261">
        <v>0</v>
      </c>
      <c r="CS34" s="261">
        <v>0</v>
      </c>
      <c r="CT34" s="261">
        <v>0</v>
      </c>
      <c r="CU34" s="261">
        <v>1</v>
      </c>
      <c r="CV34" s="258">
        <v>1</v>
      </c>
      <c r="CW34" s="263">
        <v>1</v>
      </c>
      <c r="CX34" s="257">
        <v>0</v>
      </c>
      <c r="CY34" s="261">
        <v>0</v>
      </c>
      <c r="CZ34" s="258">
        <v>0</v>
      </c>
      <c r="DA34" s="260">
        <v>0</v>
      </c>
      <c r="DB34" s="261">
        <v>0</v>
      </c>
      <c r="DC34" s="261">
        <v>0</v>
      </c>
      <c r="DD34" s="261">
        <v>0</v>
      </c>
      <c r="DE34" s="261">
        <v>0</v>
      </c>
      <c r="DF34" s="261">
        <v>0</v>
      </c>
      <c r="DG34" s="258">
        <v>0</v>
      </c>
      <c r="DH34" s="263">
        <v>0</v>
      </c>
      <c r="DI34" s="257">
        <v>0</v>
      </c>
      <c r="DJ34" s="261">
        <v>0</v>
      </c>
      <c r="DK34" s="258">
        <v>0</v>
      </c>
      <c r="DL34" s="260">
        <v>0</v>
      </c>
      <c r="DM34" s="261">
        <v>0</v>
      </c>
      <c r="DN34" s="261">
        <v>0</v>
      </c>
      <c r="DO34" s="261">
        <v>0</v>
      </c>
      <c r="DP34" s="261">
        <v>0</v>
      </c>
      <c r="DQ34" s="261">
        <v>0</v>
      </c>
      <c r="DR34" s="258">
        <v>0</v>
      </c>
      <c r="DS34" s="263">
        <v>0</v>
      </c>
      <c r="DT34" s="257">
        <v>2</v>
      </c>
      <c r="DU34" s="261">
        <v>0</v>
      </c>
      <c r="DV34" s="258">
        <v>2</v>
      </c>
      <c r="DW34" s="260">
        <v>0</v>
      </c>
      <c r="DX34" s="261">
        <v>4</v>
      </c>
      <c r="DY34" s="261">
        <v>4</v>
      </c>
      <c r="DZ34" s="261">
        <v>4</v>
      </c>
      <c r="EA34" s="261">
        <v>2</v>
      </c>
      <c r="EB34" s="261">
        <v>1</v>
      </c>
      <c r="EC34" s="258">
        <v>15</v>
      </c>
      <c r="ED34" s="263">
        <v>17</v>
      </c>
      <c r="EE34" s="257">
        <v>0</v>
      </c>
      <c r="EF34" s="261">
        <v>0</v>
      </c>
      <c r="EG34" s="258">
        <v>0</v>
      </c>
      <c r="EH34" s="260">
        <v>0</v>
      </c>
      <c r="EI34" s="261">
        <v>1</v>
      </c>
      <c r="EJ34" s="261">
        <v>1</v>
      </c>
      <c r="EK34" s="261">
        <v>0</v>
      </c>
      <c r="EL34" s="261">
        <v>1</v>
      </c>
      <c r="EM34" s="261">
        <v>0</v>
      </c>
      <c r="EN34" s="258">
        <v>3</v>
      </c>
      <c r="EO34" s="263">
        <v>3</v>
      </c>
      <c r="EP34" s="257">
        <v>2</v>
      </c>
      <c r="EQ34" s="261">
        <v>0</v>
      </c>
      <c r="ER34" s="258">
        <v>2</v>
      </c>
      <c r="ES34" s="260">
        <v>0</v>
      </c>
      <c r="ET34" s="261">
        <v>10</v>
      </c>
      <c r="EU34" s="261">
        <v>6</v>
      </c>
      <c r="EV34" s="261">
        <v>3</v>
      </c>
      <c r="EW34" s="261">
        <v>2</v>
      </c>
      <c r="EX34" s="261">
        <v>1</v>
      </c>
      <c r="EY34" s="258">
        <v>22</v>
      </c>
      <c r="EZ34" s="263">
        <v>24</v>
      </c>
    </row>
    <row r="35" spans="2:156" ht="21" customHeight="1" x14ac:dyDescent="0.2">
      <c r="B35" s="472" t="s">
        <v>33</v>
      </c>
      <c r="C35" s="257">
        <v>0</v>
      </c>
      <c r="D35" s="261">
        <v>0</v>
      </c>
      <c r="E35" s="358">
        <v>0</v>
      </c>
      <c r="F35" s="260">
        <v>0</v>
      </c>
      <c r="G35" s="261">
        <v>1</v>
      </c>
      <c r="H35" s="261">
        <v>0</v>
      </c>
      <c r="I35" s="261">
        <v>0</v>
      </c>
      <c r="J35" s="261">
        <v>0</v>
      </c>
      <c r="K35" s="261">
        <v>1</v>
      </c>
      <c r="L35" s="262">
        <v>2</v>
      </c>
      <c r="M35" s="263">
        <v>2</v>
      </c>
      <c r="N35" s="257">
        <v>0</v>
      </c>
      <c r="O35" s="261">
        <v>0</v>
      </c>
      <c r="P35" s="258">
        <v>0</v>
      </c>
      <c r="Q35" s="260">
        <v>0</v>
      </c>
      <c r="R35" s="261">
        <v>0</v>
      </c>
      <c r="S35" s="261">
        <v>0</v>
      </c>
      <c r="T35" s="261">
        <v>0</v>
      </c>
      <c r="U35" s="261">
        <v>0</v>
      </c>
      <c r="V35" s="261">
        <v>0</v>
      </c>
      <c r="W35" s="258">
        <v>0</v>
      </c>
      <c r="X35" s="263">
        <v>0</v>
      </c>
      <c r="Y35" s="257">
        <v>0</v>
      </c>
      <c r="Z35" s="261">
        <v>0</v>
      </c>
      <c r="AA35" s="258">
        <v>0</v>
      </c>
      <c r="AB35" s="260">
        <v>0</v>
      </c>
      <c r="AC35" s="261">
        <v>0</v>
      </c>
      <c r="AD35" s="261">
        <v>1</v>
      </c>
      <c r="AE35" s="261">
        <v>0</v>
      </c>
      <c r="AF35" s="261">
        <v>0</v>
      </c>
      <c r="AG35" s="261">
        <v>1</v>
      </c>
      <c r="AH35" s="258">
        <v>2</v>
      </c>
      <c r="AI35" s="263">
        <v>2</v>
      </c>
      <c r="AJ35" s="257">
        <v>0</v>
      </c>
      <c r="AK35" s="261">
        <v>0</v>
      </c>
      <c r="AL35" s="258">
        <v>0</v>
      </c>
      <c r="AM35" s="260">
        <v>0</v>
      </c>
      <c r="AN35" s="261">
        <v>2</v>
      </c>
      <c r="AO35" s="261">
        <v>1</v>
      </c>
      <c r="AP35" s="261">
        <v>1</v>
      </c>
      <c r="AQ35" s="261">
        <v>1</v>
      </c>
      <c r="AR35" s="261">
        <v>0</v>
      </c>
      <c r="AS35" s="258">
        <v>5</v>
      </c>
      <c r="AT35" s="263">
        <v>5</v>
      </c>
      <c r="AU35" s="257">
        <v>0</v>
      </c>
      <c r="AV35" s="261">
        <v>2</v>
      </c>
      <c r="AW35" s="258">
        <v>2</v>
      </c>
      <c r="AX35" s="260">
        <v>0</v>
      </c>
      <c r="AY35" s="261">
        <v>1</v>
      </c>
      <c r="AZ35" s="261">
        <v>0</v>
      </c>
      <c r="BA35" s="261">
        <v>4</v>
      </c>
      <c r="BB35" s="261">
        <v>2</v>
      </c>
      <c r="BC35" s="261">
        <v>2</v>
      </c>
      <c r="BD35" s="262">
        <v>9</v>
      </c>
      <c r="BE35" s="263">
        <v>11</v>
      </c>
      <c r="BF35" s="257">
        <v>0</v>
      </c>
      <c r="BG35" s="261">
        <v>0</v>
      </c>
      <c r="BH35" s="258">
        <v>0</v>
      </c>
      <c r="BI35" s="260">
        <v>0</v>
      </c>
      <c r="BJ35" s="261">
        <v>2</v>
      </c>
      <c r="BK35" s="261">
        <v>0</v>
      </c>
      <c r="BL35" s="261">
        <v>0</v>
      </c>
      <c r="BM35" s="261">
        <v>0</v>
      </c>
      <c r="BN35" s="261">
        <v>1</v>
      </c>
      <c r="BO35" s="258">
        <v>3</v>
      </c>
      <c r="BP35" s="263">
        <v>3</v>
      </c>
      <c r="BQ35" s="257">
        <v>1</v>
      </c>
      <c r="BR35" s="261">
        <v>0</v>
      </c>
      <c r="BS35" s="258">
        <v>1</v>
      </c>
      <c r="BT35" s="260">
        <v>0</v>
      </c>
      <c r="BU35" s="261">
        <v>2</v>
      </c>
      <c r="BV35" s="261">
        <v>0</v>
      </c>
      <c r="BW35" s="261">
        <v>1</v>
      </c>
      <c r="BX35" s="261">
        <v>0</v>
      </c>
      <c r="BY35" s="261">
        <v>0</v>
      </c>
      <c r="BZ35" s="258">
        <v>3</v>
      </c>
      <c r="CA35" s="263">
        <v>4</v>
      </c>
      <c r="CB35" s="257">
        <v>0</v>
      </c>
      <c r="CC35" s="261">
        <v>0</v>
      </c>
      <c r="CD35" s="258">
        <v>0</v>
      </c>
      <c r="CE35" s="260">
        <v>0</v>
      </c>
      <c r="CF35" s="261">
        <v>0</v>
      </c>
      <c r="CG35" s="261">
        <v>0</v>
      </c>
      <c r="CH35" s="261">
        <v>1</v>
      </c>
      <c r="CI35" s="261">
        <v>1</v>
      </c>
      <c r="CJ35" s="261">
        <v>0</v>
      </c>
      <c r="CK35" s="258">
        <v>2</v>
      </c>
      <c r="CL35" s="263">
        <v>2</v>
      </c>
      <c r="CM35" s="257">
        <v>0</v>
      </c>
      <c r="CN35" s="261">
        <v>0</v>
      </c>
      <c r="CO35" s="258">
        <v>0</v>
      </c>
      <c r="CP35" s="260">
        <v>0</v>
      </c>
      <c r="CQ35" s="261">
        <v>1</v>
      </c>
      <c r="CR35" s="261">
        <v>0</v>
      </c>
      <c r="CS35" s="261">
        <v>0</v>
      </c>
      <c r="CT35" s="261">
        <v>0</v>
      </c>
      <c r="CU35" s="261">
        <v>0</v>
      </c>
      <c r="CV35" s="258">
        <v>1</v>
      </c>
      <c r="CW35" s="263">
        <v>1</v>
      </c>
      <c r="CX35" s="257">
        <v>0</v>
      </c>
      <c r="CY35" s="261">
        <v>0</v>
      </c>
      <c r="CZ35" s="258">
        <v>0</v>
      </c>
      <c r="DA35" s="260">
        <v>0</v>
      </c>
      <c r="DB35" s="261">
        <v>0</v>
      </c>
      <c r="DC35" s="261">
        <v>0</v>
      </c>
      <c r="DD35" s="261">
        <v>0</v>
      </c>
      <c r="DE35" s="261">
        <v>0</v>
      </c>
      <c r="DF35" s="261">
        <v>0</v>
      </c>
      <c r="DG35" s="258">
        <v>0</v>
      </c>
      <c r="DH35" s="263">
        <v>0</v>
      </c>
      <c r="DI35" s="257">
        <v>0</v>
      </c>
      <c r="DJ35" s="261">
        <v>0</v>
      </c>
      <c r="DK35" s="258">
        <v>0</v>
      </c>
      <c r="DL35" s="260">
        <v>0</v>
      </c>
      <c r="DM35" s="261">
        <v>0</v>
      </c>
      <c r="DN35" s="261">
        <v>0</v>
      </c>
      <c r="DO35" s="261">
        <v>0</v>
      </c>
      <c r="DP35" s="261">
        <v>0</v>
      </c>
      <c r="DQ35" s="261">
        <v>0</v>
      </c>
      <c r="DR35" s="258">
        <v>0</v>
      </c>
      <c r="DS35" s="263">
        <v>0</v>
      </c>
      <c r="DT35" s="257">
        <v>1</v>
      </c>
      <c r="DU35" s="261">
        <v>1</v>
      </c>
      <c r="DV35" s="258">
        <v>2</v>
      </c>
      <c r="DW35" s="260">
        <v>0</v>
      </c>
      <c r="DX35" s="261">
        <v>2</v>
      </c>
      <c r="DY35" s="261">
        <v>1</v>
      </c>
      <c r="DZ35" s="261">
        <v>2</v>
      </c>
      <c r="EA35" s="261">
        <v>2</v>
      </c>
      <c r="EB35" s="261">
        <v>2</v>
      </c>
      <c r="EC35" s="258">
        <v>9</v>
      </c>
      <c r="ED35" s="263">
        <v>11</v>
      </c>
      <c r="EE35" s="257">
        <v>0</v>
      </c>
      <c r="EF35" s="261">
        <v>2</v>
      </c>
      <c r="EG35" s="258">
        <v>2</v>
      </c>
      <c r="EH35" s="260">
        <v>0</v>
      </c>
      <c r="EI35" s="261">
        <v>1</v>
      </c>
      <c r="EJ35" s="261">
        <v>0</v>
      </c>
      <c r="EK35" s="261">
        <v>4</v>
      </c>
      <c r="EL35" s="261">
        <v>2</v>
      </c>
      <c r="EM35" s="261">
        <v>1</v>
      </c>
      <c r="EN35" s="258">
        <v>8</v>
      </c>
      <c r="EO35" s="263">
        <v>10</v>
      </c>
      <c r="EP35" s="257">
        <v>2</v>
      </c>
      <c r="EQ35" s="261">
        <v>1</v>
      </c>
      <c r="ER35" s="258">
        <v>3</v>
      </c>
      <c r="ES35" s="260">
        <v>0</v>
      </c>
      <c r="ET35" s="261">
        <v>7</v>
      </c>
      <c r="EU35" s="261">
        <v>1</v>
      </c>
      <c r="EV35" s="261">
        <v>2</v>
      </c>
      <c r="EW35" s="261">
        <v>2</v>
      </c>
      <c r="EX35" s="261">
        <v>1</v>
      </c>
      <c r="EY35" s="258">
        <v>13</v>
      </c>
      <c r="EZ35" s="263">
        <v>16</v>
      </c>
    </row>
    <row r="36" spans="2:156" ht="21" customHeight="1" x14ac:dyDescent="0.2">
      <c r="B36" s="472" t="s">
        <v>34</v>
      </c>
      <c r="C36" s="257">
        <v>0</v>
      </c>
      <c r="D36" s="261">
        <v>0</v>
      </c>
      <c r="E36" s="358">
        <v>0</v>
      </c>
      <c r="F36" s="260">
        <v>0</v>
      </c>
      <c r="G36" s="261">
        <v>1</v>
      </c>
      <c r="H36" s="261">
        <v>0</v>
      </c>
      <c r="I36" s="261">
        <v>0</v>
      </c>
      <c r="J36" s="261">
        <v>0</v>
      </c>
      <c r="K36" s="261">
        <v>0</v>
      </c>
      <c r="L36" s="262">
        <v>1</v>
      </c>
      <c r="M36" s="263">
        <v>1</v>
      </c>
      <c r="N36" s="257">
        <v>0</v>
      </c>
      <c r="O36" s="261">
        <v>0</v>
      </c>
      <c r="P36" s="258">
        <v>0</v>
      </c>
      <c r="Q36" s="260">
        <v>0</v>
      </c>
      <c r="R36" s="261">
        <v>0</v>
      </c>
      <c r="S36" s="261">
        <v>0</v>
      </c>
      <c r="T36" s="261">
        <v>0</v>
      </c>
      <c r="U36" s="261">
        <v>0</v>
      </c>
      <c r="V36" s="261">
        <v>0</v>
      </c>
      <c r="W36" s="258">
        <v>0</v>
      </c>
      <c r="X36" s="263">
        <v>0</v>
      </c>
      <c r="Y36" s="257">
        <v>0</v>
      </c>
      <c r="Z36" s="261">
        <v>1</v>
      </c>
      <c r="AA36" s="258">
        <v>1</v>
      </c>
      <c r="AB36" s="260">
        <v>0</v>
      </c>
      <c r="AC36" s="261">
        <v>0</v>
      </c>
      <c r="AD36" s="261">
        <v>0</v>
      </c>
      <c r="AE36" s="261">
        <v>0</v>
      </c>
      <c r="AF36" s="261">
        <v>0</v>
      </c>
      <c r="AG36" s="261">
        <v>0</v>
      </c>
      <c r="AH36" s="258">
        <v>0</v>
      </c>
      <c r="AI36" s="263">
        <v>1</v>
      </c>
      <c r="AJ36" s="257">
        <v>0</v>
      </c>
      <c r="AK36" s="261">
        <v>0</v>
      </c>
      <c r="AL36" s="258">
        <v>0</v>
      </c>
      <c r="AM36" s="260">
        <v>0</v>
      </c>
      <c r="AN36" s="261">
        <v>0</v>
      </c>
      <c r="AO36" s="261">
        <v>1</v>
      </c>
      <c r="AP36" s="261">
        <v>0</v>
      </c>
      <c r="AQ36" s="261">
        <v>0</v>
      </c>
      <c r="AR36" s="261">
        <v>0</v>
      </c>
      <c r="AS36" s="258">
        <v>1</v>
      </c>
      <c r="AT36" s="263">
        <v>1</v>
      </c>
      <c r="AU36" s="257">
        <v>0</v>
      </c>
      <c r="AV36" s="261">
        <v>0</v>
      </c>
      <c r="AW36" s="258">
        <v>0</v>
      </c>
      <c r="AX36" s="260">
        <v>0</v>
      </c>
      <c r="AY36" s="261">
        <v>2</v>
      </c>
      <c r="AZ36" s="261">
        <v>0</v>
      </c>
      <c r="BA36" s="261">
        <v>2</v>
      </c>
      <c r="BB36" s="261">
        <v>0</v>
      </c>
      <c r="BC36" s="261">
        <v>0</v>
      </c>
      <c r="BD36" s="262">
        <v>4</v>
      </c>
      <c r="BE36" s="263">
        <v>4</v>
      </c>
      <c r="BF36" s="257">
        <v>0</v>
      </c>
      <c r="BG36" s="261">
        <v>0</v>
      </c>
      <c r="BH36" s="258">
        <v>0</v>
      </c>
      <c r="BI36" s="260">
        <v>0</v>
      </c>
      <c r="BJ36" s="261">
        <v>0</v>
      </c>
      <c r="BK36" s="261">
        <v>2</v>
      </c>
      <c r="BL36" s="261">
        <v>1</v>
      </c>
      <c r="BM36" s="261">
        <v>1</v>
      </c>
      <c r="BN36" s="261">
        <v>0</v>
      </c>
      <c r="BO36" s="258">
        <v>4</v>
      </c>
      <c r="BP36" s="263">
        <v>4</v>
      </c>
      <c r="BQ36" s="257">
        <v>0</v>
      </c>
      <c r="BR36" s="261">
        <v>0</v>
      </c>
      <c r="BS36" s="258">
        <v>0</v>
      </c>
      <c r="BT36" s="260">
        <v>0</v>
      </c>
      <c r="BU36" s="261">
        <v>0</v>
      </c>
      <c r="BV36" s="261">
        <v>0</v>
      </c>
      <c r="BW36" s="261">
        <v>0</v>
      </c>
      <c r="BX36" s="261">
        <v>0</v>
      </c>
      <c r="BY36" s="261">
        <v>0</v>
      </c>
      <c r="BZ36" s="258">
        <v>0</v>
      </c>
      <c r="CA36" s="263">
        <v>0</v>
      </c>
      <c r="CB36" s="257">
        <v>0</v>
      </c>
      <c r="CC36" s="261">
        <v>0</v>
      </c>
      <c r="CD36" s="258">
        <v>0</v>
      </c>
      <c r="CE36" s="260">
        <v>0</v>
      </c>
      <c r="CF36" s="261">
        <v>0</v>
      </c>
      <c r="CG36" s="261">
        <v>0</v>
      </c>
      <c r="CH36" s="261">
        <v>0</v>
      </c>
      <c r="CI36" s="261">
        <v>0</v>
      </c>
      <c r="CJ36" s="261">
        <v>0</v>
      </c>
      <c r="CK36" s="258">
        <v>0</v>
      </c>
      <c r="CL36" s="263">
        <v>0</v>
      </c>
      <c r="CM36" s="257">
        <v>0</v>
      </c>
      <c r="CN36" s="261">
        <v>0</v>
      </c>
      <c r="CO36" s="258">
        <v>0</v>
      </c>
      <c r="CP36" s="260">
        <v>0</v>
      </c>
      <c r="CQ36" s="261">
        <v>0</v>
      </c>
      <c r="CR36" s="261">
        <v>0</v>
      </c>
      <c r="CS36" s="261">
        <v>0</v>
      </c>
      <c r="CT36" s="261">
        <v>0</v>
      </c>
      <c r="CU36" s="261">
        <v>0</v>
      </c>
      <c r="CV36" s="258">
        <v>0</v>
      </c>
      <c r="CW36" s="263">
        <v>0</v>
      </c>
      <c r="CX36" s="257">
        <v>0</v>
      </c>
      <c r="CY36" s="261">
        <v>0</v>
      </c>
      <c r="CZ36" s="258">
        <v>0</v>
      </c>
      <c r="DA36" s="260">
        <v>0</v>
      </c>
      <c r="DB36" s="261">
        <v>0</v>
      </c>
      <c r="DC36" s="261">
        <v>0</v>
      </c>
      <c r="DD36" s="261">
        <v>0</v>
      </c>
      <c r="DE36" s="261">
        <v>0</v>
      </c>
      <c r="DF36" s="261">
        <v>0</v>
      </c>
      <c r="DG36" s="258">
        <v>0</v>
      </c>
      <c r="DH36" s="263">
        <v>0</v>
      </c>
      <c r="DI36" s="257">
        <v>0</v>
      </c>
      <c r="DJ36" s="261">
        <v>0</v>
      </c>
      <c r="DK36" s="258">
        <v>0</v>
      </c>
      <c r="DL36" s="260">
        <v>0</v>
      </c>
      <c r="DM36" s="261">
        <v>0</v>
      </c>
      <c r="DN36" s="261">
        <v>0</v>
      </c>
      <c r="DO36" s="261">
        <v>0</v>
      </c>
      <c r="DP36" s="261">
        <v>0</v>
      </c>
      <c r="DQ36" s="261">
        <v>0</v>
      </c>
      <c r="DR36" s="258">
        <v>0</v>
      </c>
      <c r="DS36" s="263">
        <v>0</v>
      </c>
      <c r="DT36" s="257">
        <v>0</v>
      </c>
      <c r="DU36" s="261">
        <v>1</v>
      </c>
      <c r="DV36" s="258">
        <v>1</v>
      </c>
      <c r="DW36" s="260">
        <v>0</v>
      </c>
      <c r="DX36" s="261">
        <v>1</v>
      </c>
      <c r="DY36" s="261">
        <v>2</v>
      </c>
      <c r="DZ36" s="261">
        <v>1</v>
      </c>
      <c r="EA36" s="261">
        <v>0</v>
      </c>
      <c r="EB36" s="261">
        <v>0</v>
      </c>
      <c r="EC36" s="258">
        <v>4</v>
      </c>
      <c r="ED36" s="263">
        <v>5</v>
      </c>
      <c r="EE36" s="257">
        <v>0</v>
      </c>
      <c r="EF36" s="261">
        <v>0</v>
      </c>
      <c r="EG36" s="258">
        <v>0</v>
      </c>
      <c r="EH36" s="260">
        <v>0</v>
      </c>
      <c r="EI36" s="261">
        <v>0</v>
      </c>
      <c r="EJ36" s="261">
        <v>0</v>
      </c>
      <c r="EK36" s="261">
        <v>1</v>
      </c>
      <c r="EL36" s="261">
        <v>0</v>
      </c>
      <c r="EM36" s="261">
        <v>0</v>
      </c>
      <c r="EN36" s="258">
        <v>1</v>
      </c>
      <c r="EO36" s="263">
        <v>1</v>
      </c>
      <c r="EP36" s="257">
        <v>0</v>
      </c>
      <c r="EQ36" s="261">
        <v>1</v>
      </c>
      <c r="ER36" s="258">
        <v>1</v>
      </c>
      <c r="ES36" s="260">
        <v>0</v>
      </c>
      <c r="ET36" s="261">
        <v>1</v>
      </c>
      <c r="EU36" s="261">
        <v>2</v>
      </c>
      <c r="EV36" s="261">
        <v>1</v>
      </c>
      <c r="EW36" s="261">
        <v>0</v>
      </c>
      <c r="EX36" s="261">
        <v>0</v>
      </c>
      <c r="EY36" s="258">
        <v>4</v>
      </c>
      <c r="EZ36" s="263">
        <v>5</v>
      </c>
    </row>
    <row r="37" spans="2:156" ht="21" customHeight="1" x14ac:dyDescent="0.2">
      <c r="B37" s="472" t="s">
        <v>35</v>
      </c>
      <c r="C37" s="257">
        <v>0</v>
      </c>
      <c r="D37" s="261">
        <v>0</v>
      </c>
      <c r="E37" s="358">
        <v>0</v>
      </c>
      <c r="F37" s="260">
        <v>0</v>
      </c>
      <c r="G37" s="261">
        <v>3</v>
      </c>
      <c r="H37" s="261">
        <v>3</v>
      </c>
      <c r="I37" s="261">
        <v>1</v>
      </c>
      <c r="J37" s="261">
        <v>0</v>
      </c>
      <c r="K37" s="261">
        <v>0</v>
      </c>
      <c r="L37" s="262">
        <v>7</v>
      </c>
      <c r="M37" s="263">
        <v>7</v>
      </c>
      <c r="N37" s="257">
        <v>0</v>
      </c>
      <c r="O37" s="261">
        <v>0</v>
      </c>
      <c r="P37" s="258">
        <v>0</v>
      </c>
      <c r="Q37" s="260">
        <v>0</v>
      </c>
      <c r="R37" s="261">
        <v>0</v>
      </c>
      <c r="S37" s="261">
        <v>0</v>
      </c>
      <c r="T37" s="261">
        <v>0</v>
      </c>
      <c r="U37" s="261">
        <v>0</v>
      </c>
      <c r="V37" s="261">
        <v>0</v>
      </c>
      <c r="W37" s="258">
        <v>0</v>
      </c>
      <c r="X37" s="263">
        <v>0</v>
      </c>
      <c r="Y37" s="257">
        <v>0</v>
      </c>
      <c r="Z37" s="261">
        <v>3</v>
      </c>
      <c r="AA37" s="258">
        <v>3</v>
      </c>
      <c r="AB37" s="260">
        <v>0</v>
      </c>
      <c r="AC37" s="261">
        <v>2</v>
      </c>
      <c r="AD37" s="261">
        <v>3</v>
      </c>
      <c r="AE37" s="261">
        <v>1</v>
      </c>
      <c r="AF37" s="261">
        <v>2</v>
      </c>
      <c r="AG37" s="261">
        <v>1</v>
      </c>
      <c r="AH37" s="258">
        <v>9</v>
      </c>
      <c r="AI37" s="263">
        <v>12</v>
      </c>
      <c r="AJ37" s="257">
        <v>1</v>
      </c>
      <c r="AK37" s="261">
        <v>1</v>
      </c>
      <c r="AL37" s="258">
        <v>2</v>
      </c>
      <c r="AM37" s="260">
        <v>0</v>
      </c>
      <c r="AN37" s="261">
        <v>2</v>
      </c>
      <c r="AO37" s="261">
        <v>0</v>
      </c>
      <c r="AP37" s="261">
        <v>0</v>
      </c>
      <c r="AQ37" s="261">
        <v>1</v>
      </c>
      <c r="AR37" s="261">
        <v>0</v>
      </c>
      <c r="AS37" s="258">
        <v>3</v>
      </c>
      <c r="AT37" s="263">
        <v>5</v>
      </c>
      <c r="AU37" s="257">
        <v>3</v>
      </c>
      <c r="AV37" s="261">
        <v>4</v>
      </c>
      <c r="AW37" s="258">
        <v>7</v>
      </c>
      <c r="AX37" s="260">
        <v>0</v>
      </c>
      <c r="AY37" s="261">
        <v>3</v>
      </c>
      <c r="AZ37" s="261">
        <v>1</v>
      </c>
      <c r="BA37" s="261">
        <v>3</v>
      </c>
      <c r="BB37" s="261">
        <v>5</v>
      </c>
      <c r="BC37" s="261">
        <v>3</v>
      </c>
      <c r="BD37" s="262">
        <v>15</v>
      </c>
      <c r="BE37" s="263">
        <v>22</v>
      </c>
      <c r="BF37" s="257">
        <v>0</v>
      </c>
      <c r="BG37" s="261">
        <v>0</v>
      </c>
      <c r="BH37" s="258">
        <v>0</v>
      </c>
      <c r="BI37" s="260">
        <v>0</v>
      </c>
      <c r="BJ37" s="261">
        <v>1</v>
      </c>
      <c r="BK37" s="261">
        <v>2</v>
      </c>
      <c r="BL37" s="261">
        <v>1</v>
      </c>
      <c r="BM37" s="261">
        <v>1</v>
      </c>
      <c r="BN37" s="261">
        <v>1</v>
      </c>
      <c r="BO37" s="258">
        <v>6</v>
      </c>
      <c r="BP37" s="263">
        <v>6</v>
      </c>
      <c r="BQ37" s="257">
        <v>0</v>
      </c>
      <c r="BR37" s="261">
        <v>2</v>
      </c>
      <c r="BS37" s="258">
        <v>2</v>
      </c>
      <c r="BT37" s="260">
        <v>0</v>
      </c>
      <c r="BU37" s="261">
        <v>2</v>
      </c>
      <c r="BV37" s="261">
        <v>3</v>
      </c>
      <c r="BW37" s="261">
        <v>0</v>
      </c>
      <c r="BX37" s="261">
        <v>1</v>
      </c>
      <c r="BY37" s="261">
        <v>0</v>
      </c>
      <c r="BZ37" s="258">
        <v>6</v>
      </c>
      <c r="CA37" s="263">
        <v>8</v>
      </c>
      <c r="CB37" s="257">
        <v>0</v>
      </c>
      <c r="CC37" s="261">
        <v>0</v>
      </c>
      <c r="CD37" s="258">
        <v>0</v>
      </c>
      <c r="CE37" s="260">
        <v>0</v>
      </c>
      <c r="CF37" s="261">
        <v>0</v>
      </c>
      <c r="CG37" s="261">
        <v>0</v>
      </c>
      <c r="CH37" s="261">
        <v>0</v>
      </c>
      <c r="CI37" s="261">
        <v>0</v>
      </c>
      <c r="CJ37" s="261">
        <v>1</v>
      </c>
      <c r="CK37" s="258">
        <v>1</v>
      </c>
      <c r="CL37" s="263">
        <v>1</v>
      </c>
      <c r="CM37" s="257">
        <v>0</v>
      </c>
      <c r="CN37" s="261">
        <v>0</v>
      </c>
      <c r="CO37" s="258">
        <v>0</v>
      </c>
      <c r="CP37" s="260">
        <v>0</v>
      </c>
      <c r="CQ37" s="261">
        <v>0</v>
      </c>
      <c r="CR37" s="261">
        <v>0</v>
      </c>
      <c r="CS37" s="261">
        <v>0</v>
      </c>
      <c r="CT37" s="261">
        <v>0</v>
      </c>
      <c r="CU37" s="261">
        <v>0</v>
      </c>
      <c r="CV37" s="258">
        <v>0</v>
      </c>
      <c r="CW37" s="263">
        <v>0</v>
      </c>
      <c r="CX37" s="257">
        <v>0</v>
      </c>
      <c r="CY37" s="261">
        <v>0</v>
      </c>
      <c r="CZ37" s="258">
        <v>0</v>
      </c>
      <c r="DA37" s="260">
        <v>0</v>
      </c>
      <c r="DB37" s="261">
        <v>0</v>
      </c>
      <c r="DC37" s="261">
        <v>0</v>
      </c>
      <c r="DD37" s="261">
        <v>0</v>
      </c>
      <c r="DE37" s="261">
        <v>0</v>
      </c>
      <c r="DF37" s="261">
        <v>0</v>
      </c>
      <c r="DG37" s="258">
        <v>0</v>
      </c>
      <c r="DH37" s="263">
        <v>0</v>
      </c>
      <c r="DI37" s="257">
        <v>0</v>
      </c>
      <c r="DJ37" s="261">
        <v>0</v>
      </c>
      <c r="DK37" s="258">
        <v>0</v>
      </c>
      <c r="DL37" s="260">
        <v>0</v>
      </c>
      <c r="DM37" s="261">
        <v>0</v>
      </c>
      <c r="DN37" s="261">
        <v>0</v>
      </c>
      <c r="DO37" s="261">
        <v>0</v>
      </c>
      <c r="DP37" s="261">
        <v>0</v>
      </c>
      <c r="DQ37" s="261">
        <v>0</v>
      </c>
      <c r="DR37" s="258">
        <v>0</v>
      </c>
      <c r="DS37" s="263">
        <v>0</v>
      </c>
      <c r="DT37" s="257">
        <v>1</v>
      </c>
      <c r="DU37" s="261">
        <v>5</v>
      </c>
      <c r="DV37" s="258">
        <v>6</v>
      </c>
      <c r="DW37" s="260">
        <v>0</v>
      </c>
      <c r="DX37" s="261">
        <v>5</v>
      </c>
      <c r="DY37" s="261">
        <v>6</v>
      </c>
      <c r="DZ37" s="261">
        <v>2</v>
      </c>
      <c r="EA37" s="261">
        <v>3</v>
      </c>
      <c r="EB37" s="261">
        <v>1</v>
      </c>
      <c r="EC37" s="258">
        <v>17</v>
      </c>
      <c r="ED37" s="263">
        <v>23</v>
      </c>
      <c r="EE37" s="257">
        <v>4</v>
      </c>
      <c r="EF37" s="261">
        <v>1</v>
      </c>
      <c r="EG37" s="258">
        <v>5</v>
      </c>
      <c r="EH37" s="260">
        <v>0</v>
      </c>
      <c r="EI37" s="261">
        <v>1</v>
      </c>
      <c r="EJ37" s="261">
        <v>0</v>
      </c>
      <c r="EK37" s="261">
        <v>2</v>
      </c>
      <c r="EL37" s="261">
        <v>3</v>
      </c>
      <c r="EM37" s="261">
        <v>2</v>
      </c>
      <c r="EN37" s="258">
        <v>8</v>
      </c>
      <c r="EO37" s="263">
        <v>13</v>
      </c>
      <c r="EP37" s="257">
        <v>2</v>
      </c>
      <c r="EQ37" s="261">
        <v>7</v>
      </c>
      <c r="ER37" s="258">
        <v>9</v>
      </c>
      <c r="ES37" s="260">
        <v>0</v>
      </c>
      <c r="ET37" s="261">
        <v>12</v>
      </c>
      <c r="EU37" s="261">
        <v>6</v>
      </c>
      <c r="EV37" s="261">
        <v>2</v>
      </c>
      <c r="EW37" s="261">
        <v>3</v>
      </c>
      <c r="EX37" s="261">
        <v>1</v>
      </c>
      <c r="EY37" s="258">
        <v>24</v>
      </c>
      <c r="EZ37" s="263">
        <v>33</v>
      </c>
    </row>
    <row r="38" spans="2:156" ht="21" customHeight="1" x14ac:dyDescent="0.2">
      <c r="B38" s="472" t="s">
        <v>36</v>
      </c>
      <c r="C38" s="257">
        <v>0</v>
      </c>
      <c r="D38" s="261">
        <v>0</v>
      </c>
      <c r="E38" s="358">
        <v>0</v>
      </c>
      <c r="F38" s="260">
        <v>0</v>
      </c>
      <c r="G38" s="261">
        <v>1</v>
      </c>
      <c r="H38" s="261">
        <v>1</v>
      </c>
      <c r="I38" s="261">
        <v>0</v>
      </c>
      <c r="J38" s="261">
        <v>1</v>
      </c>
      <c r="K38" s="261">
        <v>1</v>
      </c>
      <c r="L38" s="262">
        <v>4</v>
      </c>
      <c r="M38" s="263">
        <v>4</v>
      </c>
      <c r="N38" s="257">
        <v>0</v>
      </c>
      <c r="O38" s="261">
        <v>0</v>
      </c>
      <c r="P38" s="258">
        <v>0</v>
      </c>
      <c r="Q38" s="260">
        <v>0</v>
      </c>
      <c r="R38" s="261">
        <v>0</v>
      </c>
      <c r="S38" s="261">
        <v>0</v>
      </c>
      <c r="T38" s="261">
        <v>0</v>
      </c>
      <c r="U38" s="261">
        <v>0</v>
      </c>
      <c r="V38" s="261">
        <v>0</v>
      </c>
      <c r="W38" s="258">
        <v>0</v>
      </c>
      <c r="X38" s="263">
        <v>0</v>
      </c>
      <c r="Y38" s="257">
        <v>1</v>
      </c>
      <c r="Z38" s="261">
        <v>3</v>
      </c>
      <c r="AA38" s="258">
        <v>4</v>
      </c>
      <c r="AB38" s="260">
        <v>0</v>
      </c>
      <c r="AC38" s="261">
        <v>1</v>
      </c>
      <c r="AD38" s="261">
        <v>1</v>
      </c>
      <c r="AE38" s="261">
        <v>0</v>
      </c>
      <c r="AF38" s="261">
        <v>1</v>
      </c>
      <c r="AG38" s="261">
        <v>1</v>
      </c>
      <c r="AH38" s="258">
        <v>4</v>
      </c>
      <c r="AI38" s="263">
        <v>8</v>
      </c>
      <c r="AJ38" s="257">
        <v>0</v>
      </c>
      <c r="AK38" s="261">
        <v>0</v>
      </c>
      <c r="AL38" s="258">
        <v>0</v>
      </c>
      <c r="AM38" s="260">
        <v>0</v>
      </c>
      <c r="AN38" s="261">
        <v>1</v>
      </c>
      <c r="AO38" s="261">
        <v>0</v>
      </c>
      <c r="AP38" s="261">
        <v>0</v>
      </c>
      <c r="AQ38" s="261">
        <v>0</v>
      </c>
      <c r="AR38" s="261">
        <v>0</v>
      </c>
      <c r="AS38" s="258">
        <v>1</v>
      </c>
      <c r="AT38" s="263">
        <v>1</v>
      </c>
      <c r="AU38" s="257">
        <v>0</v>
      </c>
      <c r="AV38" s="261">
        <v>0</v>
      </c>
      <c r="AW38" s="258">
        <v>0</v>
      </c>
      <c r="AX38" s="260">
        <v>0</v>
      </c>
      <c r="AY38" s="261">
        <v>1</v>
      </c>
      <c r="AZ38" s="261">
        <v>4</v>
      </c>
      <c r="BA38" s="261">
        <v>2</v>
      </c>
      <c r="BB38" s="261">
        <v>4</v>
      </c>
      <c r="BC38" s="261">
        <v>2</v>
      </c>
      <c r="BD38" s="262">
        <v>13</v>
      </c>
      <c r="BE38" s="263">
        <v>13</v>
      </c>
      <c r="BF38" s="257">
        <v>0</v>
      </c>
      <c r="BG38" s="261">
        <v>0</v>
      </c>
      <c r="BH38" s="258">
        <v>0</v>
      </c>
      <c r="BI38" s="260">
        <v>0</v>
      </c>
      <c r="BJ38" s="261">
        <v>1</v>
      </c>
      <c r="BK38" s="261">
        <v>4</v>
      </c>
      <c r="BL38" s="261">
        <v>0</v>
      </c>
      <c r="BM38" s="261">
        <v>1</v>
      </c>
      <c r="BN38" s="261">
        <v>0</v>
      </c>
      <c r="BO38" s="258">
        <v>6</v>
      </c>
      <c r="BP38" s="263">
        <v>6</v>
      </c>
      <c r="BQ38" s="257">
        <v>0</v>
      </c>
      <c r="BR38" s="261">
        <v>0</v>
      </c>
      <c r="BS38" s="258">
        <v>0</v>
      </c>
      <c r="BT38" s="260">
        <v>0</v>
      </c>
      <c r="BU38" s="261">
        <v>1</v>
      </c>
      <c r="BV38" s="261">
        <v>0</v>
      </c>
      <c r="BW38" s="261">
        <v>0</v>
      </c>
      <c r="BX38" s="261">
        <v>0</v>
      </c>
      <c r="BY38" s="261">
        <v>0</v>
      </c>
      <c r="BZ38" s="258">
        <v>1</v>
      </c>
      <c r="CA38" s="263">
        <v>1</v>
      </c>
      <c r="CB38" s="257">
        <v>0</v>
      </c>
      <c r="CC38" s="261">
        <v>0</v>
      </c>
      <c r="CD38" s="258">
        <v>0</v>
      </c>
      <c r="CE38" s="260">
        <v>0</v>
      </c>
      <c r="CF38" s="261">
        <v>0</v>
      </c>
      <c r="CG38" s="261">
        <v>2</v>
      </c>
      <c r="CH38" s="261">
        <v>0</v>
      </c>
      <c r="CI38" s="261">
        <v>1</v>
      </c>
      <c r="CJ38" s="261">
        <v>0</v>
      </c>
      <c r="CK38" s="258">
        <v>3</v>
      </c>
      <c r="CL38" s="263">
        <v>3</v>
      </c>
      <c r="CM38" s="257">
        <v>0</v>
      </c>
      <c r="CN38" s="261">
        <v>0</v>
      </c>
      <c r="CO38" s="258">
        <v>0</v>
      </c>
      <c r="CP38" s="260">
        <v>0</v>
      </c>
      <c r="CQ38" s="261">
        <v>0</v>
      </c>
      <c r="CR38" s="261">
        <v>0</v>
      </c>
      <c r="CS38" s="261">
        <v>0</v>
      </c>
      <c r="CT38" s="261">
        <v>0</v>
      </c>
      <c r="CU38" s="261">
        <v>0</v>
      </c>
      <c r="CV38" s="258">
        <v>0</v>
      </c>
      <c r="CW38" s="263">
        <v>0</v>
      </c>
      <c r="CX38" s="257">
        <v>0</v>
      </c>
      <c r="CY38" s="261">
        <v>0</v>
      </c>
      <c r="CZ38" s="258">
        <v>0</v>
      </c>
      <c r="DA38" s="260">
        <v>0</v>
      </c>
      <c r="DB38" s="261">
        <v>0</v>
      </c>
      <c r="DC38" s="261">
        <v>0</v>
      </c>
      <c r="DD38" s="261">
        <v>0</v>
      </c>
      <c r="DE38" s="261">
        <v>0</v>
      </c>
      <c r="DF38" s="261">
        <v>0</v>
      </c>
      <c r="DG38" s="258">
        <v>0</v>
      </c>
      <c r="DH38" s="263">
        <v>0</v>
      </c>
      <c r="DI38" s="257">
        <v>0</v>
      </c>
      <c r="DJ38" s="261">
        <v>0</v>
      </c>
      <c r="DK38" s="258">
        <v>0</v>
      </c>
      <c r="DL38" s="260">
        <v>0</v>
      </c>
      <c r="DM38" s="261">
        <v>0</v>
      </c>
      <c r="DN38" s="261">
        <v>0</v>
      </c>
      <c r="DO38" s="261">
        <v>0</v>
      </c>
      <c r="DP38" s="261">
        <v>0</v>
      </c>
      <c r="DQ38" s="261">
        <v>0</v>
      </c>
      <c r="DR38" s="258">
        <v>0</v>
      </c>
      <c r="DS38" s="263">
        <v>0</v>
      </c>
      <c r="DT38" s="257">
        <v>1</v>
      </c>
      <c r="DU38" s="261">
        <v>5</v>
      </c>
      <c r="DV38" s="258">
        <v>6</v>
      </c>
      <c r="DW38" s="260">
        <v>0</v>
      </c>
      <c r="DX38" s="261">
        <v>3</v>
      </c>
      <c r="DY38" s="261">
        <v>5</v>
      </c>
      <c r="DZ38" s="261">
        <v>1</v>
      </c>
      <c r="EA38" s="261">
        <v>2</v>
      </c>
      <c r="EB38" s="261">
        <v>1</v>
      </c>
      <c r="EC38" s="258">
        <v>12</v>
      </c>
      <c r="ED38" s="263">
        <v>18</v>
      </c>
      <c r="EE38" s="257">
        <v>0</v>
      </c>
      <c r="EF38" s="261">
        <v>0</v>
      </c>
      <c r="EG38" s="258">
        <v>0</v>
      </c>
      <c r="EH38" s="260">
        <v>0</v>
      </c>
      <c r="EI38" s="261">
        <v>0</v>
      </c>
      <c r="EJ38" s="261">
        <v>3</v>
      </c>
      <c r="EK38" s="261">
        <v>1</v>
      </c>
      <c r="EL38" s="261">
        <v>2</v>
      </c>
      <c r="EM38" s="261">
        <v>0</v>
      </c>
      <c r="EN38" s="258">
        <v>6</v>
      </c>
      <c r="EO38" s="263">
        <v>6</v>
      </c>
      <c r="EP38" s="257">
        <v>2</v>
      </c>
      <c r="EQ38" s="261">
        <v>8</v>
      </c>
      <c r="ER38" s="258">
        <v>10</v>
      </c>
      <c r="ES38" s="260">
        <v>0</v>
      </c>
      <c r="ET38" s="261">
        <v>4</v>
      </c>
      <c r="EU38" s="261">
        <v>6</v>
      </c>
      <c r="EV38" s="261">
        <v>1</v>
      </c>
      <c r="EW38" s="261">
        <v>2</v>
      </c>
      <c r="EX38" s="261">
        <v>2</v>
      </c>
      <c r="EY38" s="258">
        <v>15</v>
      </c>
      <c r="EZ38" s="263">
        <v>25</v>
      </c>
    </row>
    <row r="39" spans="2:156" ht="21" customHeight="1" thickBot="1" x14ac:dyDescent="0.25">
      <c r="B39" s="473" t="s">
        <v>37</v>
      </c>
      <c r="C39" s="264">
        <v>0</v>
      </c>
      <c r="D39" s="268">
        <v>0</v>
      </c>
      <c r="E39" s="359">
        <v>0</v>
      </c>
      <c r="F39" s="267">
        <v>0</v>
      </c>
      <c r="G39" s="268">
        <v>0</v>
      </c>
      <c r="H39" s="268">
        <v>0</v>
      </c>
      <c r="I39" s="268">
        <v>0</v>
      </c>
      <c r="J39" s="268">
        <v>0</v>
      </c>
      <c r="K39" s="268">
        <v>1</v>
      </c>
      <c r="L39" s="269">
        <v>1</v>
      </c>
      <c r="M39" s="270">
        <v>1</v>
      </c>
      <c r="N39" s="264">
        <v>0</v>
      </c>
      <c r="O39" s="268">
        <v>0</v>
      </c>
      <c r="P39" s="265">
        <v>0</v>
      </c>
      <c r="Q39" s="267">
        <v>0</v>
      </c>
      <c r="R39" s="268">
        <v>0</v>
      </c>
      <c r="S39" s="268">
        <v>0</v>
      </c>
      <c r="T39" s="268">
        <v>0</v>
      </c>
      <c r="U39" s="268">
        <v>0</v>
      </c>
      <c r="V39" s="268">
        <v>0</v>
      </c>
      <c r="W39" s="265">
        <v>0</v>
      </c>
      <c r="X39" s="270">
        <v>0</v>
      </c>
      <c r="Y39" s="264">
        <v>0</v>
      </c>
      <c r="Z39" s="268">
        <v>0</v>
      </c>
      <c r="AA39" s="265">
        <v>0</v>
      </c>
      <c r="AB39" s="267">
        <v>0</v>
      </c>
      <c r="AC39" s="268">
        <v>0</v>
      </c>
      <c r="AD39" s="268">
        <v>0</v>
      </c>
      <c r="AE39" s="268">
        <v>0</v>
      </c>
      <c r="AF39" s="268">
        <v>1</v>
      </c>
      <c r="AG39" s="268">
        <v>1</v>
      </c>
      <c r="AH39" s="265">
        <v>2</v>
      </c>
      <c r="AI39" s="270">
        <v>2</v>
      </c>
      <c r="AJ39" s="264">
        <v>0</v>
      </c>
      <c r="AK39" s="268">
        <v>0</v>
      </c>
      <c r="AL39" s="265">
        <v>0</v>
      </c>
      <c r="AM39" s="267">
        <v>0</v>
      </c>
      <c r="AN39" s="268">
        <v>0</v>
      </c>
      <c r="AO39" s="268">
        <v>0</v>
      </c>
      <c r="AP39" s="268">
        <v>0</v>
      </c>
      <c r="AQ39" s="268">
        <v>0</v>
      </c>
      <c r="AR39" s="268">
        <v>0</v>
      </c>
      <c r="AS39" s="265">
        <v>0</v>
      </c>
      <c r="AT39" s="270">
        <v>0</v>
      </c>
      <c r="AU39" s="264">
        <v>0</v>
      </c>
      <c r="AV39" s="268">
        <v>0</v>
      </c>
      <c r="AW39" s="265">
        <v>0</v>
      </c>
      <c r="AX39" s="267">
        <v>0</v>
      </c>
      <c r="AY39" s="268">
        <v>0</v>
      </c>
      <c r="AZ39" s="268">
        <v>0</v>
      </c>
      <c r="BA39" s="268">
        <v>0</v>
      </c>
      <c r="BB39" s="268">
        <v>1</v>
      </c>
      <c r="BC39" s="268">
        <v>1</v>
      </c>
      <c r="BD39" s="269">
        <v>2</v>
      </c>
      <c r="BE39" s="270">
        <v>2</v>
      </c>
      <c r="BF39" s="264">
        <v>0</v>
      </c>
      <c r="BG39" s="268">
        <v>0</v>
      </c>
      <c r="BH39" s="265">
        <v>0</v>
      </c>
      <c r="BI39" s="267">
        <v>0</v>
      </c>
      <c r="BJ39" s="268">
        <v>0</v>
      </c>
      <c r="BK39" s="268">
        <v>0</v>
      </c>
      <c r="BL39" s="268">
        <v>0</v>
      </c>
      <c r="BM39" s="268">
        <v>0</v>
      </c>
      <c r="BN39" s="268">
        <v>0</v>
      </c>
      <c r="BO39" s="265">
        <v>0</v>
      </c>
      <c r="BP39" s="270">
        <v>0</v>
      </c>
      <c r="BQ39" s="264">
        <v>0</v>
      </c>
      <c r="BR39" s="268">
        <v>0</v>
      </c>
      <c r="BS39" s="265">
        <v>0</v>
      </c>
      <c r="BT39" s="267">
        <v>0</v>
      </c>
      <c r="BU39" s="268">
        <v>0</v>
      </c>
      <c r="BV39" s="268">
        <v>0</v>
      </c>
      <c r="BW39" s="268">
        <v>0</v>
      </c>
      <c r="BX39" s="268">
        <v>0</v>
      </c>
      <c r="BY39" s="268">
        <v>0</v>
      </c>
      <c r="BZ39" s="265">
        <v>0</v>
      </c>
      <c r="CA39" s="270">
        <v>0</v>
      </c>
      <c r="CB39" s="264">
        <v>0</v>
      </c>
      <c r="CC39" s="268">
        <v>0</v>
      </c>
      <c r="CD39" s="265">
        <v>0</v>
      </c>
      <c r="CE39" s="267">
        <v>0</v>
      </c>
      <c r="CF39" s="268">
        <v>0</v>
      </c>
      <c r="CG39" s="268">
        <v>0</v>
      </c>
      <c r="CH39" s="268">
        <v>0</v>
      </c>
      <c r="CI39" s="268">
        <v>0</v>
      </c>
      <c r="CJ39" s="268">
        <v>0</v>
      </c>
      <c r="CK39" s="265">
        <v>0</v>
      </c>
      <c r="CL39" s="270">
        <v>0</v>
      </c>
      <c r="CM39" s="264">
        <v>0</v>
      </c>
      <c r="CN39" s="268">
        <v>0</v>
      </c>
      <c r="CO39" s="265">
        <v>0</v>
      </c>
      <c r="CP39" s="267">
        <v>0</v>
      </c>
      <c r="CQ39" s="268">
        <v>0</v>
      </c>
      <c r="CR39" s="268">
        <v>0</v>
      </c>
      <c r="CS39" s="268">
        <v>0</v>
      </c>
      <c r="CT39" s="268">
        <v>0</v>
      </c>
      <c r="CU39" s="268">
        <v>1</v>
      </c>
      <c r="CV39" s="265">
        <v>1</v>
      </c>
      <c r="CW39" s="270">
        <v>1</v>
      </c>
      <c r="CX39" s="264">
        <v>0</v>
      </c>
      <c r="CY39" s="268">
        <v>0</v>
      </c>
      <c r="CZ39" s="265">
        <v>0</v>
      </c>
      <c r="DA39" s="267">
        <v>0</v>
      </c>
      <c r="DB39" s="268">
        <v>0</v>
      </c>
      <c r="DC39" s="268">
        <v>0</v>
      </c>
      <c r="DD39" s="268">
        <v>0</v>
      </c>
      <c r="DE39" s="268">
        <v>0</v>
      </c>
      <c r="DF39" s="268">
        <v>0</v>
      </c>
      <c r="DG39" s="265">
        <v>0</v>
      </c>
      <c r="DH39" s="270">
        <v>0</v>
      </c>
      <c r="DI39" s="264">
        <v>0</v>
      </c>
      <c r="DJ39" s="268">
        <v>0</v>
      </c>
      <c r="DK39" s="265">
        <v>0</v>
      </c>
      <c r="DL39" s="267">
        <v>0</v>
      </c>
      <c r="DM39" s="268">
        <v>0</v>
      </c>
      <c r="DN39" s="268">
        <v>0</v>
      </c>
      <c r="DO39" s="268">
        <v>0</v>
      </c>
      <c r="DP39" s="268">
        <v>0</v>
      </c>
      <c r="DQ39" s="268">
        <v>0</v>
      </c>
      <c r="DR39" s="265">
        <v>0</v>
      </c>
      <c r="DS39" s="270">
        <v>0</v>
      </c>
      <c r="DT39" s="264">
        <v>0</v>
      </c>
      <c r="DU39" s="268">
        <v>0</v>
      </c>
      <c r="DV39" s="265">
        <v>0</v>
      </c>
      <c r="DW39" s="267">
        <v>0</v>
      </c>
      <c r="DX39" s="268">
        <v>0</v>
      </c>
      <c r="DY39" s="268">
        <v>0</v>
      </c>
      <c r="DZ39" s="268">
        <v>0</v>
      </c>
      <c r="EA39" s="268">
        <v>1</v>
      </c>
      <c r="EB39" s="268">
        <v>1</v>
      </c>
      <c r="EC39" s="265">
        <v>2</v>
      </c>
      <c r="ED39" s="270">
        <v>2</v>
      </c>
      <c r="EE39" s="264">
        <v>0</v>
      </c>
      <c r="EF39" s="268">
        <v>0</v>
      </c>
      <c r="EG39" s="265">
        <v>0</v>
      </c>
      <c r="EH39" s="267">
        <v>0</v>
      </c>
      <c r="EI39" s="268">
        <v>0</v>
      </c>
      <c r="EJ39" s="268">
        <v>0</v>
      </c>
      <c r="EK39" s="268">
        <v>0</v>
      </c>
      <c r="EL39" s="268">
        <v>1</v>
      </c>
      <c r="EM39" s="268">
        <v>0</v>
      </c>
      <c r="EN39" s="265">
        <v>1</v>
      </c>
      <c r="EO39" s="270">
        <v>1</v>
      </c>
      <c r="EP39" s="264">
        <v>0</v>
      </c>
      <c r="EQ39" s="268">
        <v>0</v>
      </c>
      <c r="ER39" s="265">
        <v>0</v>
      </c>
      <c r="ES39" s="267">
        <v>0</v>
      </c>
      <c r="ET39" s="268">
        <v>0</v>
      </c>
      <c r="EU39" s="268">
        <v>0</v>
      </c>
      <c r="EV39" s="268">
        <v>0</v>
      </c>
      <c r="EW39" s="268">
        <v>1</v>
      </c>
      <c r="EX39" s="268">
        <v>1</v>
      </c>
      <c r="EY39" s="265">
        <v>2</v>
      </c>
      <c r="EZ39" s="270">
        <v>2</v>
      </c>
    </row>
  </sheetData>
  <mergeCells count="59">
    <mergeCell ref="CM3:CW3"/>
    <mergeCell ref="I1:J1"/>
    <mergeCell ref="L1:M1"/>
    <mergeCell ref="B3:B5"/>
    <mergeCell ref="C3:M3"/>
    <mergeCell ref="N3:X3"/>
    <mergeCell ref="Y3:AI3"/>
    <mergeCell ref="X4:X5"/>
    <mergeCell ref="Y4:AA4"/>
    <mergeCell ref="AB4:AH4"/>
    <mergeCell ref="AI4:AI5"/>
    <mergeCell ref="AJ3:AT3"/>
    <mergeCell ref="AU3:BE3"/>
    <mergeCell ref="BF3:BP3"/>
    <mergeCell ref="BQ3:CA3"/>
    <mergeCell ref="CB3:CL3"/>
    <mergeCell ref="C4:E4"/>
    <mergeCell ref="F4:L4"/>
    <mergeCell ref="M4:M5"/>
    <mergeCell ref="N4:P4"/>
    <mergeCell ref="Q4:W4"/>
    <mergeCell ref="CX3:DH3"/>
    <mergeCell ref="DI3:DS3"/>
    <mergeCell ref="DT3:ED3"/>
    <mergeCell ref="EE3:EO3"/>
    <mergeCell ref="EP3:EZ3"/>
    <mergeCell ref="CA4:CA5"/>
    <mergeCell ref="AJ4:AL4"/>
    <mergeCell ref="AM4:AS4"/>
    <mergeCell ref="AT4:AT5"/>
    <mergeCell ref="AU4:AW4"/>
    <mergeCell ref="AX4:BD4"/>
    <mergeCell ref="BE4:BE5"/>
    <mergeCell ref="BF4:BH4"/>
    <mergeCell ref="BI4:BO4"/>
    <mergeCell ref="BP4:BP5"/>
    <mergeCell ref="BQ4:BS4"/>
    <mergeCell ref="BT4:BZ4"/>
    <mergeCell ref="DS4:DS5"/>
    <mergeCell ref="CB4:CD4"/>
    <mergeCell ref="CE4:CK4"/>
    <mergeCell ref="CL4:CL5"/>
    <mergeCell ref="CM4:CO4"/>
    <mergeCell ref="CP4:CV4"/>
    <mergeCell ref="CW4:CW5"/>
    <mergeCell ref="CX4:CZ4"/>
    <mergeCell ref="DA4:DG4"/>
    <mergeCell ref="DH4:DH5"/>
    <mergeCell ref="DI4:DK4"/>
    <mergeCell ref="DL4:DR4"/>
    <mergeCell ref="EP4:ER4"/>
    <mergeCell ref="ES4:EY4"/>
    <mergeCell ref="EZ4:EZ5"/>
    <mergeCell ref="DT4:DV4"/>
    <mergeCell ref="DW4:EC4"/>
    <mergeCell ref="ED4:ED5"/>
    <mergeCell ref="EE4:EG4"/>
    <mergeCell ref="EH4:EN4"/>
    <mergeCell ref="EO4:EO5"/>
  </mergeCells>
  <phoneticPr fontId="4"/>
  <pageMargins left="0.59055118110236227" right="0.39370078740157483" top="0.74803149606299213" bottom="0.74803149606299213" header="0.31496062992125984" footer="0.31496062992125984"/>
  <pageSetup paperSize="9" scale="33" orientation="landscape" r:id="rId1"/>
  <headerFooter>
    <oddFooter>&amp;L&amp;20&amp;A&amp;C&amp;P/&amp;N</oddFooter>
  </headerFooter>
  <colBreaks count="3" manualBreakCount="3">
    <brk id="46" max="1048575" man="1"/>
    <brk id="90" max="1048575" man="1"/>
    <brk id="134" max="1048575" man="1"/>
  </col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42" customWidth="1"/>
    <col min="3" max="5" width="9" style="242"/>
    <col min="6" max="6" width="7.77734375" style="242" customWidth="1"/>
    <col min="7" max="7" width="9" style="242"/>
    <col min="8" max="8" width="10.6640625" style="242" customWidth="1"/>
    <col min="9" max="16" width="9" style="242"/>
    <col min="17" max="17" width="7.77734375" style="242" customWidth="1"/>
    <col min="18" max="27" width="9" style="242"/>
    <col min="28" max="28" width="6.88671875" style="242" customWidth="1"/>
    <col min="29" max="38" width="9" style="242"/>
    <col min="39" max="39" width="7.21875" style="242" customWidth="1"/>
    <col min="40" max="49" width="9" style="242"/>
    <col min="50" max="50" width="7.44140625" style="242" customWidth="1"/>
    <col min="51" max="60" width="9" style="242"/>
    <col min="61" max="61" width="7.6640625" style="242" customWidth="1"/>
    <col min="62" max="71" width="9" style="242"/>
    <col min="72" max="72" width="7.88671875" style="242" customWidth="1"/>
    <col min="73" max="82" width="9" style="242"/>
    <col min="83" max="83" width="7" style="242" customWidth="1"/>
    <col min="84" max="93" width="9" style="242"/>
    <col min="94" max="94" width="7.6640625" style="242" customWidth="1"/>
    <col min="95" max="16384" width="9" style="242"/>
  </cols>
  <sheetData>
    <row r="1" spans="2:112" ht="24" customHeight="1" x14ac:dyDescent="0.2">
      <c r="B1" s="271" t="s">
        <v>122</v>
      </c>
      <c r="J1" s="500">
        <f>第１表!F2</f>
        <v>5</v>
      </c>
      <c r="K1" s="500"/>
      <c r="L1" s="235">
        <f>第１表!G2</f>
        <v>12</v>
      </c>
      <c r="M1" s="505">
        <f>IF(L1&lt;3,L1+12-2,L1-2)</f>
        <v>10</v>
      </c>
      <c r="N1" s="505"/>
    </row>
    <row r="2" spans="2:112" ht="24" customHeight="1" thickBot="1" x14ac:dyDescent="0.25">
      <c r="B2" s="271" t="s">
        <v>137</v>
      </c>
    </row>
    <row r="3" spans="2:112" ht="21" customHeight="1" thickBot="1" x14ac:dyDescent="0.25">
      <c r="B3" s="525"/>
      <c r="C3" s="528" t="s">
        <v>112</v>
      </c>
      <c r="D3" s="528"/>
      <c r="E3" s="528"/>
      <c r="F3" s="528"/>
      <c r="G3" s="528"/>
      <c r="H3" s="528"/>
      <c r="I3" s="528"/>
      <c r="J3" s="528"/>
      <c r="K3" s="528"/>
      <c r="L3" s="528"/>
      <c r="M3" s="529"/>
      <c r="N3" s="523" t="s">
        <v>111</v>
      </c>
      <c r="O3" s="523"/>
      <c r="P3" s="523"/>
      <c r="Q3" s="523"/>
      <c r="R3" s="523"/>
      <c r="S3" s="523"/>
      <c r="T3" s="523"/>
      <c r="U3" s="523"/>
      <c r="V3" s="523"/>
      <c r="W3" s="523"/>
      <c r="X3" s="524"/>
      <c r="Y3" s="522" t="s">
        <v>110</v>
      </c>
      <c r="Z3" s="523"/>
      <c r="AA3" s="523"/>
      <c r="AB3" s="523"/>
      <c r="AC3" s="523"/>
      <c r="AD3" s="523"/>
      <c r="AE3" s="523"/>
      <c r="AF3" s="523"/>
      <c r="AG3" s="523"/>
      <c r="AH3" s="523"/>
      <c r="AI3" s="524"/>
      <c r="AJ3" s="522" t="s">
        <v>109</v>
      </c>
      <c r="AK3" s="523"/>
      <c r="AL3" s="523"/>
      <c r="AM3" s="523"/>
      <c r="AN3" s="523"/>
      <c r="AO3" s="523"/>
      <c r="AP3" s="523"/>
      <c r="AQ3" s="523"/>
      <c r="AR3" s="523"/>
      <c r="AS3" s="523"/>
      <c r="AT3" s="524"/>
      <c r="AU3" s="522" t="s">
        <v>108</v>
      </c>
      <c r="AV3" s="523"/>
      <c r="AW3" s="523"/>
      <c r="AX3" s="523"/>
      <c r="AY3" s="523"/>
      <c r="AZ3" s="523"/>
      <c r="BA3" s="523"/>
      <c r="BB3" s="523"/>
      <c r="BC3" s="523"/>
      <c r="BD3" s="523"/>
      <c r="BE3" s="524"/>
      <c r="BF3" s="522" t="s">
        <v>107</v>
      </c>
      <c r="BG3" s="523"/>
      <c r="BH3" s="523"/>
      <c r="BI3" s="523"/>
      <c r="BJ3" s="523"/>
      <c r="BK3" s="523"/>
      <c r="BL3" s="523"/>
      <c r="BM3" s="523"/>
      <c r="BN3" s="523"/>
      <c r="BO3" s="523"/>
      <c r="BP3" s="524"/>
      <c r="BQ3" s="522" t="s">
        <v>106</v>
      </c>
      <c r="BR3" s="523"/>
      <c r="BS3" s="523"/>
      <c r="BT3" s="523"/>
      <c r="BU3" s="523"/>
      <c r="BV3" s="523"/>
      <c r="BW3" s="523"/>
      <c r="BX3" s="523"/>
      <c r="BY3" s="523"/>
      <c r="BZ3" s="523"/>
      <c r="CA3" s="524"/>
      <c r="CB3" s="522" t="s">
        <v>126</v>
      </c>
      <c r="CC3" s="523"/>
      <c r="CD3" s="523"/>
      <c r="CE3" s="523"/>
      <c r="CF3" s="523"/>
      <c r="CG3" s="523"/>
      <c r="CH3" s="523"/>
      <c r="CI3" s="523"/>
      <c r="CJ3" s="523"/>
      <c r="CK3" s="523"/>
      <c r="CL3" s="524"/>
      <c r="CM3" s="522" t="s">
        <v>105</v>
      </c>
      <c r="CN3" s="523"/>
      <c r="CO3" s="523"/>
      <c r="CP3" s="523"/>
      <c r="CQ3" s="523"/>
      <c r="CR3" s="523"/>
      <c r="CS3" s="523"/>
      <c r="CT3" s="523"/>
      <c r="CU3" s="523"/>
      <c r="CV3" s="523"/>
      <c r="CW3" s="524"/>
      <c r="CX3" s="522" t="s">
        <v>158</v>
      </c>
      <c r="CY3" s="523"/>
      <c r="CZ3" s="523"/>
      <c r="DA3" s="523"/>
      <c r="DB3" s="523"/>
      <c r="DC3" s="523"/>
      <c r="DD3" s="523"/>
      <c r="DE3" s="523"/>
      <c r="DF3" s="523"/>
      <c r="DG3" s="523"/>
      <c r="DH3" s="524"/>
    </row>
    <row r="4" spans="2:112" ht="21" customHeight="1" x14ac:dyDescent="0.2">
      <c r="B4" s="526"/>
      <c r="C4" s="530" t="s">
        <v>61</v>
      </c>
      <c r="D4" s="509"/>
      <c r="E4" s="510"/>
      <c r="F4" s="511" t="s">
        <v>62</v>
      </c>
      <c r="G4" s="509"/>
      <c r="H4" s="509"/>
      <c r="I4" s="509"/>
      <c r="J4" s="509"/>
      <c r="K4" s="509"/>
      <c r="L4" s="512"/>
      <c r="M4" s="506" t="s">
        <v>52</v>
      </c>
      <c r="N4" s="530" t="s">
        <v>61</v>
      </c>
      <c r="O4" s="509"/>
      <c r="P4" s="510"/>
      <c r="Q4" s="511" t="s">
        <v>62</v>
      </c>
      <c r="R4" s="509"/>
      <c r="S4" s="509"/>
      <c r="T4" s="509"/>
      <c r="U4" s="509"/>
      <c r="V4" s="509"/>
      <c r="W4" s="510"/>
      <c r="X4" s="506" t="s">
        <v>52</v>
      </c>
      <c r="Y4" s="508" t="s">
        <v>61</v>
      </c>
      <c r="Z4" s="509"/>
      <c r="AA4" s="512"/>
      <c r="AB4" s="511" t="s">
        <v>62</v>
      </c>
      <c r="AC4" s="509"/>
      <c r="AD4" s="509"/>
      <c r="AE4" s="509"/>
      <c r="AF4" s="509"/>
      <c r="AG4" s="509"/>
      <c r="AH4" s="510"/>
      <c r="AI4" s="506" t="s">
        <v>52</v>
      </c>
      <c r="AJ4" s="508" t="s">
        <v>61</v>
      </c>
      <c r="AK4" s="509"/>
      <c r="AL4" s="510"/>
      <c r="AM4" s="511" t="s">
        <v>62</v>
      </c>
      <c r="AN4" s="509"/>
      <c r="AO4" s="509"/>
      <c r="AP4" s="509"/>
      <c r="AQ4" s="509"/>
      <c r="AR4" s="509"/>
      <c r="AS4" s="510"/>
      <c r="AT4" s="506" t="s">
        <v>52</v>
      </c>
      <c r="AU4" s="508" t="s">
        <v>61</v>
      </c>
      <c r="AV4" s="509"/>
      <c r="AW4" s="512"/>
      <c r="AX4" s="511" t="s">
        <v>62</v>
      </c>
      <c r="AY4" s="509"/>
      <c r="AZ4" s="509"/>
      <c r="BA4" s="509"/>
      <c r="BB4" s="509"/>
      <c r="BC4" s="509"/>
      <c r="BD4" s="512"/>
      <c r="BE4" s="506" t="s">
        <v>52</v>
      </c>
      <c r="BF4" s="508" t="s">
        <v>61</v>
      </c>
      <c r="BG4" s="509"/>
      <c r="BH4" s="510"/>
      <c r="BI4" s="511" t="s">
        <v>62</v>
      </c>
      <c r="BJ4" s="509"/>
      <c r="BK4" s="509"/>
      <c r="BL4" s="509"/>
      <c r="BM4" s="509"/>
      <c r="BN4" s="509"/>
      <c r="BO4" s="510"/>
      <c r="BP4" s="506" t="s">
        <v>52</v>
      </c>
      <c r="BQ4" s="508" t="s">
        <v>61</v>
      </c>
      <c r="BR4" s="509"/>
      <c r="BS4" s="510"/>
      <c r="BT4" s="511" t="s">
        <v>62</v>
      </c>
      <c r="BU4" s="509"/>
      <c r="BV4" s="509"/>
      <c r="BW4" s="509"/>
      <c r="BX4" s="509"/>
      <c r="BY4" s="509"/>
      <c r="BZ4" s="510"/>
      <c r="CA4" s="506" t="s">
        <v>52</v>
      </c>
      <c r="CB4" s="508" t="s">
        <v>61</v>
      </c>
      <c r="CC4" s="509"/>
      <c r="CD4" s="510"/>
      <c r="CE4" s="511" t="s">
        <v>62</v>
      </c>
      <c r="CF4" s="509"/>
      <c r="CG4" s="509"/>
      <c r="CH4" s="509"/>
      <c r="CI4" s="509"/>
      <c r="CJ4" s="509"/>
      <c r="CK4" s="510"/>
      <c r="CL4" s="506" t="s">
        <v>52</v>
      </c>
      <c r="CM4" s="508" t="s">
        <v>61</v>
      </c>
      <c r="CN4" s="509"/>
      <c r="CO4" s="510"/>
      <c r="CP4" s="511" t="s">
        <v>62</v>
      </c>
      <c r="CQ4" s="509"/>
      <c r="CR4" s="509"/>
      <c r="CS4" s="509"/>
      <c r="CT4" s="509"/>
      <c r="CU4" s="509"/>
      <c r="CV4" s="510"/>
      <c r="CW4" s="506" t="s">
        <v>52</v>
      </c>
      <c r="CX4" s="508" t="s">
        <v>61</v>
      </c>
      <c r="CY4" s="509"/>
      <c r="CZ4" s="510"/>
      <c r="DA4" s="511" t="s">
        <v>62</v>
      </c>
      <c r="DB4" s="509"/>
      <c r="DC4" s="509"/>
      <c r="DD4" s="509"/>
      <c r="DE4" s="509"/>
      <c r="DF4" s="509"/>
      <c r="DG4" s="510"/>
      <c r="DH4" s="506" t="s">
        <v>52</v>
      </c>
    </row>
    <row r="5" spans="2:112" ht="30" customHeight="1" thickBot="1" x14ac:dyDescent="0.25">
      <c r="B5" s="527"/>
      <c r="C5" s="245" t="s">
        <v>43</v>
      </c>
      <c r="D5" s="243" t="s">
        <v>44</v>
      </c>
      <c r="E5" s="356" t="s">
        <v>45</v>
      </c>
      <c r="F5" s="248" t="s">
        <v>83</v>
      </c>
      <c r="G5" s="243" t="s">
        <v>47</v>
      </c>
      <c r="H5" s="243" t="s">
        <v>48</v>
      </c>
      <c r="I5" s="243" t="s">
        <v>49</v>
      </c>
      <c r="J5" s="243" t="s">
        <v>50</v>
      </c>
      <c r="K5" s="243" t="s">
        <v>51</v>
      </c>
      <c r="L5" s="249" t="s">
        <v>45</v>
      </c>
      <c r="M5" s="507"/>
      <c r="N5" s="245" t="s">
        <v>43</v>
      </c>
      <c r="O5" s="243" t="s">
        <v>44</v>
      </c>
      <c r="P5" s="246" t="s">
        <v>45</v>
      </c>
      <c r="Q5" s="248" t="s">
        <v>83</v>
      </c>
      <c r="R5" s="243" t="s">
        <v>47</v>
      </c>
      <c r="S5" s="243" t="s">
        <v>48</v>
      </c>
      <c r="T5" s="243" t="s">
        <v>49</v>
      </c>
      <c r="U5" s="243" t="s">
        <v>50</v>
      </c>
      <c r="V5" s="243" t="s">
        <v>51</v>
      </c>
      <c r="W5" s="246" t="s">
        <v>45</v>
      </c>
      <c r="X5" s="507"/>
      <c r="Y5" s="290" t="s">
        <v>43</v>
      </c>
      <c r="Z5" s="243" t="s">
        <v>44</v>
      </c>
      <c r="AA5" s="249" t="s">
        <v>45</v>
      </c>
      <c r="AB5" s="248" t="s">
        <v>83</v>
      </c>
      <c r="AC5" s="243" t="s">
        <v>47</v>
      </c>
      <c r="AD5" s="243" t="s">
        <v>48</v>
      </c>
      <c r="AE5" s="243" t="s">
        <v>49</v>
      </c>
      <c r="AF5" s="243" t="s">
        <v>50</v>
      </c>
      <c r="AG5" s="243" t="s">
        <v>51</v>
      </c>
      <c r="AH5" s="246" t="s">
        <v>45</v>
      </c>
      <c r="AI5" s="507"/>
      <c r="AJ5" s="244" t="s">
        <v>43</v>
      </c>
      <c r="AK5" s="243" t="s">
        <v>44</v>
      </c>
      <c r="AL5" s="246" t="s">
        <v>45</v>
      </c>
      <c r="AM5" s="248" t="s">
        <v>83</v>
      </c>
      <c r="AN5" s="243" t="s">
        <v>47</v>
      </c>
      <c r="AO5" s="243" t="s">
        <v>48</v>
      </c>
      <c r="AP5" s="243" t="s">
        <v>49</v>
      </c>
      <c r="AQ5" s="243" t="s">
        <v>50</v>
      </c>
      <c r="AR5" s="243" t="s">
        <v>51</v>
      </c>
      <c r="AS5" s="246" t="s">
        <v>45</v>
      </c>
      <c r="AT5" s="507"/>
      <c r="AU5" s="290" t="s">
        <v>43</v>
      </c>
      <c r="AV5" s="243" t="s">
        <v>44</v>
      </c>
      <c r="AW5" s="249" t="s">
        <v>45</v>
      </c>
      <c r="AX5" s="248" t="s">
        <v>83</v>
      </c>
      <c r="AY5" s="243" t="s">
        <v>47</v>
      </c>
      <c r="AZ5" s="243" t="s">
        <v>48</v>
      </c>
      <c r="BA5" s="243" t="s">
        <v>49</v>
      </c>
      <c r="BB5" s="243" t="s">
        <v>50</v>
      </c>
      <c r="BC5" s="243" t="s">
        <v>51</v>
      </c>
      <c r="BD5" s="249" t="s">
        <v>45</v>
      </c>
      <c r="BE5" s="507"/>
      <c r="BF5" s="290" t="s">
        <v>43</v>
      </c>
      <c r="BG5" s="243" t="s">
        <v>44</v>
      </c>
      <c r="BH5" s="246" t="s">
        <v>45</v>
      </c>
      <c r="BI5" s="248" t="s">
        <v>83</v>
      </c>
      <c r="BJ5" s="243" t="s">
        <v>47</v>
      </c>
      <c r="BK5" s="243" t="s">
        <v>48</v>
      </c>
      <c r="BL5" s="243" t="s">
        <v>49</v>
      </c>
      <c r="BM5" s="243" t="s">
        <v>50</v>
      </c>
      <c r="BN5" s="243" t="s">
        <v>51</v>
      </c>
      <c r="BO5" s="246" t="s">
        <v>45</v>
      </c>
      <c r="BP5" s="507"/>
      <c r="BQ5" s="290" t="s">
        <v>43</v>
      </c>
      <c r="BR5" s="243" t="s">
        <v>44</v>
      </c>
      <c r="BS5" s="246" t="s">
        <v>45</v>
      </c>
      <c r="BT5" s="248" t="s">
        <v>83</v>
      </c>
      <c r="BU5" s="243" t="s">
        <v>47</v>
      </c>
      <c r="BV5" s="243" t="s">
        <v>48</v>
      </c>
      <c r="BW5" s="243" t="s">
        <v>49</v>
      </c>
      <c r="BX5" s="243" t="s">
        <v>50</v>
      </c>
      <c r="BY5" s="243" t="s">
        <v>51</v>
      </c>
      <c r="BZ5" s="246" t="s">
        <v>45</v>
      </c>
      <c r="CA5" s="507"/>
      <c r="CB5" s="290" t="s">
        <v>43</v>
      </c>
      <c r="CC5" s="243" t="s">
        <v>44</v>
      </c>
      <c r="CD5" s="246" t="s">
        <v>45</v>
      </c>
      <c r="CE5" s="248" t="s">
        <v>83</v>
      </c>
      <c r="CF5" s="243" t="s">
        <v>47</v>
      </c>
      <c r="CG5" s="243" t="s">
        <v>48</v>
      </c>
      <c r="CH5" s="243" t="s">
        <v>49</v>
      </c>
      <c r="CI5" s="243" t="s">
        <v>50</v>
      </c>
      <c r="CJ5" s="243" t="s">
        <v>51</v>
      </c>
      <c r="CK5" s="246" t="s">
        <v>45</v>
      </c>
      <c r="CL5" s="507"/>
      <c r="CM5" s="290" t="s">
        <v>43</v>
      </c>
      <c r="CN5" s="243" t="s">
        <v>44</v>
      </c>
      <c r="CO5" s="246" t="s">
        <v>45</v>
      </c>
      <c r="CP5" s="248" t="s">
        <v>83</v>
      </c>
      <c r="CQ5" s="243" t="s">
        <v>47</v>
      </c>
      <c r="CR5" s="243" t="s">
        <v>48</v>
      </c>
      <c r="CS5" s="243" t="s">
        <v>49</v>
      </c>
      <c r="CT5" s="243" t="s">
        <v>50</v>
      </c>
      <c r="CU5" s="243" t="s">
        <v>51</v>
      </c>
      <c r="CV5" s="246" t="s">
        <v>45</v>
      </c>
      <c r="CW5" s="507"/>
      <c r="CX5" s="339" t="s">
        <v>43</v>
      </c>
      <c r="CY5" s="243" t="s">
        <v>44</v>
      </c>
      <c r="CZ5" s="246" t="s">
        <v>45</v>
      </c>
      <c r="DA5" s="248" t="s">
        <v>83</v>
      </c>
      <c r="DB5" s="243" t="s">
        <v>47</v>
      </c>
      <c r="DC5" s="243" t="s">
        <v>48</v>
      </c>
      <c r="DD5" s="243" t="s">
        <v>49</v>
      </c>
      <c r="DE5" s="243" t="s">
        <v>50</v>
      </c>
      <c r="DF5" s="243" t="s">
        <v>51</v>
      </c>
      <c r="DG5" s="246" t="s">
        <v>45</v>
      </c>
      <c r="DH5" s="507"/>
    </row>
    <row r="6" spans="2:112" ht="21" customHeight="1" x14ac:dyDescent="0.2">
      <c r="B6" s="470" t="s">
        <v>4</v>
      </c>
      <c r="C6" s="250">
        <v>0</v>
      </c>
      <c r="D6" s="254">
        <v>37</v>
      </c>
      <c r="E6" s="357">
        <v>37</v>
      </c>
      <c r="F6" s="253">
        <v>0</v>
      </c>
      <c r="G6" s="254">
        <v>218341</v>
      </c>
      <c r="H6" s="254">
        <v>353627</v>
      </c>
      <c r="I6" s="254">
        <v>375445</v>
      </c>
      <c r="J6" s="254">
        <v>448561</v>
      </c>
      <c r="K6" s="254">
        <v>422597</v>
      </c>
      <c r="L6" s="255">
        <v>1818571</v>
      </c>
      <c r="M6" s="256">
        <v>1818608</v>
      </c>
      <c r="N6" s="250">
        <v>8</v>
      </c>
      <c r="O6" s="254">
        <v>61</v>
      </c>
      <c r="P6" s="251">
        <v>69</v>
      </c>
      <c r="Q6" s="253">
        <v>0</v>
      </c>
      <c r="R6" s="254">
        <v>413</v>
      </c>
      <c r="S6" s="254">
        <v>1823</v>
      </c>
      <c r="T6" s="254">
        <v>3708</v>
      </c>
      <c r="U6" s="254">
        <v>9407</v>
      </c>
      <c r="V6" s="254">
        <v>18649</v>
      </c>
      <c r="W6" s="251">
        <v>34000</v>
      </c>
      <c r="X6" s="256">
        <v>34069</v>
      </c>
      <c r="Y6" s="250">
        <v>14204</v>
      </c>
      <c r="Z6" s="254">
        <v>45633</v>
      </c>
      <c r="AA6" s="251">
        <v>59837</v>
      </c>
      <c r="AB6" s="253">
        <v>0</v>
      </c>
      <c r="AC6" s="254">
        <v>112648</v>
      </c>
      <c r="AD6" s="254">
        <v>185718</v>
      </c>
      <c r="AE6" s="254">
        <v>116378</v>
      </c>
      <c r="AF6" s="254">
        <v>99106</v>
      </c>
      <c r="AG6" s="254">
        <v>82114</v>
      </c>
      <c r="AH6" s="251">
        <v>595964</v>
      </c>
      <c r="AI6" s="256">
        <v>655801</v>
      </c>
      <c r="AJ6" s="250">
        <v>2392</v>
      </c>
      <c r="AK6" s="254">
        <v>9672</v>
      </c>
      <c r="AL6" s="251">
        <v>12064</v>
      </c>
      <c r="AM6" s="253">
        <v>0</v>
      </c>
      <c r="AN6" s="254">
        <v>13267</v>
      </c>
      <c r="AO6" s="254">
        <v>22746</v>
      </c>
      <c r="AP6" s="254">
        <v>14583</v>
      </c>
      <c r="AQ6" s="254">
        <v>12677</v>
      </c>
      <c r="AR6" s="254">
        <v>7636</v>
      </c>
      <c r="AS6" s="251">
        <v>70909</v>
      </c>
      <c r="AT6" s="256">
        <v>82973</v>
      </c>
      <c r="AU6" s="250">
        <v>0</v>
      </c>
      <c r="AV6" s="254">
        <v>0</v>
      </c>
      <c r="AW6" s="251">
        <v>0</v>
      </c>
      <c r="AX6" s="253">
        <v>0</v>
      </c>
      <c r="AY6" s="254">
        <v>189739</v>
      </c>
      <c r="AZ6" s="254">
        <v>199927</v>
      </c>
      <c r="BA6" s="254">
        <v>121318</v>
      </c>
      <c r="BB6" s="254">
        <v>70169</v>
      </c>
      <c r="BC6" s="254">
        <v>33075</v>
      </c>
      <c r="BD6" s="255">
        <v>614228</v>
      </c>
      <c r="BE6" s="256">
        <v>614228</v>
      </c>
      <c r="BF6" s="250">
        <v>0</v>
      </c>
      <c r="BG6" s="254">
        <v>0</v>
      </c>
      <c r="BH6" s="251">
        <v>0</v>
      </c>
      <c r="BI6" s="253">
        <v>0</v>
      </c>
      <c r="BJ6" s="254">
        <v>30966</v>
      </c>
      <c r="BK6" s="254">
        <v>48049</v>
      </c>
      <c r="BL6" s="254">
        <v>29103</v>
      </c>
      <c r="BM6" s="254">
        <v>17908</v>
      </c>
      <c r="BN6" s="254">
        <v>6051</v>
      </c>
      <c r="BO6" s="251">
        <v>132077</v>
      </c>
      <c r="BP6" s="256">
        <v>132077</v>
      </c>
      <c r="BQ6" s="250">
        <v>345</v>
      </c>
      <c r="BR6" s="254">
        <v>1297</v>
      </c>
      <c r="BS6" s="251">
        <v>1642</v>
      </c>
      <c r="BT6" s="253">
        <v>0</v>
      </c>
      <c r="BU6" s="254">
        <v>16476</v>
      </c>
      <c r="BV6" s="254">
        <v>31975</v>
      </c>
      <c r="BW6" s="254">
        <v>55014</v>
      </c>
      <c r="BX6" s="254">
        <v>42263</v>
      </c>
      <c r="BY6" s="254">
        <v>21290</v>
      </c>
      <c r="BZ6" s="251">
        <v>167018</v>
      </c>
      <c r="CA6" s="256">
        <v>168660</v>
      </c>
      <c r="CB6" s="250">
        <v>14</v>
      </c>
      <c r="CC6" s="254">
        <v>71</v>
      </c>
      <c r="CD6" s="251">
        <v>85</v>
      </c>
      <c r="CE6" s="253">
        <v>0</v>
      </c>
      <c r="CF6" s="254">
        <v>1375</v>
      </c>
      <c r="CG6" s="254">
        <v>3213</v>
      </c>
      <c r="CH6" s="254">
        <v>4521</v>
      </c>
      <c r="CI6" s="254">
        <v>4710</v>
      </c>
      <c r="CJ6" s="254">
        <v>2988</v>
      </c>
      <c r="CK6" s="251">
        <v>16807</v>
      </c>
      <c r="CL6" s="256">
        <v>16892</v>
      </c>
      <c r="CM6" s="250">
        <v>0</v>
      </c>
      <c r="CN6" s="254">
        <v>0</v>
      </c>
      <c r="CO6" s="251">
        <v>0</v>
      </c>
      <c r="CP6" s="253">
        <v>0</v>
      </c>
      <c r="CQ6" s="254">
        <v>0</v>
      </c>
      <c r="CR6" s="254">
        <v>0</v>
      </c>
      <c r="CS6" s="254">
        <v>0</v>
      </c>
      <c r="CT6" s="254">
        <v>0</v>
      </c>
      <c r="CU6" s="254">
        <v>11</v>
      </c>
      <c r="CV6" s="251">
        <v>11</v>
      </c>
      <c r="CW6" s="256">
        <v>11</v>
      </c>
      <c r="CX6" s="250">
        <v>0</v>
      </c>
      <c r="CY6" s="254">
        <v>0</v>
      </c>
      <c r="CZ6" s="251">
        <v>0</v>
      </c>
      <c r="DA6" s="253">
        <v>0</v>
      </c>
      <c r="DB6" s="254">
        <v>0</v>
      </c>
      <c r="DC6" s="254">
        <v>0</v>
      </c>
      <c r="DD6" s="254">
        <v>0</v>
      </c>
      <c r="DE6" s="254">
        <v>0</v>
      </c>
      <c r="DF6" s="254">
        <v>0</v>
      </c>
      <c r="DG6" s="251">
        <v>0</v>
      </c>
      <c r="DH6" s="256">
        <v>0</v>
      </c>
    </row>
    <row r="7" spans="2:112" ht="21" customHeight="1" x14ac:dyDescent="0.2">
      <c r="B7" s="471" t="s">
        <v>5</v>
      </c>
      <c r="C7" s="257">
        <v>0</v>
      </c>
      <c r="D7" s="261">
        <v>0</v>
      </c>
      <c r="E7" s="358">
        <v>0</v>
      </c>
      <c r="F7" s="260">
        <v>0</v>
      </c>
      <c r="G7" s="261">
        <v>70781</v>
      </c>
      <c r="H7" s="261">
        <v>151133</v>
      </c>
      <c r="I7" s="261">
        <v>137172</v>
      </c>
      <c r="J7" s="261">
        <v>155575</v>
      </c>
      <c r="K7" s="261">
        <v>156387</v>
      </c>
      <c r="L7" s="262">
        <v>671048</v>
      </c>
      <c r="M7" s="263">
        <v>671048</v>
      </c>
      <c r="N7" s="257">
        <v>6</v>
      </c>
      <c r="O7" s="261">
        <v>26</v>
      </c>
      <c r="P7" s="258">
        <v>32</v>
      </c>
      <c r="Q7" s="260">
        <v>0</v>
      </c>
      <c r="R7" s="261">
        <v>78</v>
      </c>
      <c r="S7" s="261">
        <v>614</v>
      </c>
      <c r="T7" s="261">
        <v>1439</v>
      </c>
      <c r="U7" s="261">
        <v>3765</v>
      </c>
      <c r="V7" s="261">
        <v>8276</v>
      </c>
      <c r="W7" s="258">
        <v>14172</v>
      </c>
      <c r="X7" s="263">
        <v>14204</v>
      </c>
      <c r="Y7" s="257">
        <v>6040</v>
      </c>
      <c r="Z7" s="261">
        <v>24052</v>
      </c>
      <c r="AA7" s="258">
        <v>30092</v>
      </c>
      <c r="AB7" s="260">
        <v>0</v>
      </c>
      <c r="AC7" s="261">
        <v>39561</v>
      </c>
      <c r="AD7" s="261">
        <v>97215</v>
      </c>
      <c r="AE7" s="261">
        <v>59484</v>
      </c>
      <c r="AF7" s="261">
        <v>46713</v>
      </c>
      <c r="AG7" s="261">
        <v>38148</v>
      </c>
      <c r="AH7" s="258">
        <v>281121</v>
      </c>
      <c r="AI7" s="263">
        <v>311213</v>
      </c>
      <c r="AJ7" s="257">
        <v>834</v>
      </c>
      <c r="AK7" s="261">
        <v>5117</v>
      </c>
      <c r="AL7" s="258">
        <v>5951</v>
      </c>
      <c r="AM7" s="260">
        <v>0</v>
      </c>
      <c r="AN7" s="261">
        <v>3369</v>
      </c>
      <c r="AO7" s="261">
        <v>9143</v>
      </c>
      <c r="AP7" s="261">
        <v>5877</v>
      </c>
      <c r="AQ7" s="261">
        <v>5231</v>
      </c>
      <c r="AR7" s="261">
        <v>3269</v>
      </c>
      <c r="AS7" s="258">
        <v>26889</v>
      </c>
      <c r="AT7" s="263">
        <v>32840</v>
      </c>
      <c r="AU7" s="257">
        <v>0</v>
      </c>
      <c r="AV7" s="261">
        <v>0</v>
      </c>
      <c r="AW7" s="258">
        <v>0</v>
      </c>
      <c r="AX7" s="260">
        <v>0</v>
      </c>
      <c r="AY7" s="261">
        <v>58013</v>
      </c>
      <c r="AZ7" s="261">
        <v>79726</v>
      </c>
      <c r="BA7" s="261">
        <v>42497</v>
      </c>
      <c r="BB7" s="261">
        <v>23216</v>
      </c>
      <c r="BC7" s="261">
        <v>11225</v>
      </c>
      <c r="BD7" s="262">
        <v>214677</v>
      </c>
      <c r="BE7" s="263">
        <v>214677</v>
      </c>
      <c r="BF7" s="257">
        <v>0</v>
      </c>
      <c r="BG7" s="261">
        <v>0</v>
      </c>
      <c r="BH7" s="258">
        <v>0</v>
      </c>
      <c r="BI7" s="260">
        <v>0</v>
      </c>
      <c r="BJ7" s="261">
        <v>9021</v>
      </c>
      <c r="BK7" s="261">
        <v>21229</v>
      </c>
      <c r="BL7" s="261">
        <v>12423</v>
      </c>
      <c r="BM7" s="261">
        <v>7662</v>
      </c>
      <c r="BN7" s="261">
        <v>2454</v>
      </c>
      <c r="BO7" s="258">
        <v>52789</v>
      </c>
      <c r="BP7" s="263">
        <v>52789</v>
      </c>
      <c r="BQ7" s="257">
        <v>152</v>
      </c>
      <c r="BR7" s="261">
        <v>610</v>
      </c>
      <c r="BS7" s="258">
        <v>762</v>
      </c>
      <c r="BT7" s="260">
        <v>0</v>
      </c>
      <c r="BU7" s="261">
        <v>5041</v>
      </c>
      <c r="BV7" s="261">
        <v>12472</v>
      </c>
      <c r="BW7" s="261">
        <v>21221</v>
      </c>
      <c r="BX7" s="261">
        <v>14779</v>
      </c>
      <c r="BY7" s="261">
        <v>7904</v>
      </c>
      <c r="BZ7" s="258">
        <v>61417</v>
      </c>
      <c r="CA7" s="263">
        <v>62179</v>
      </c>
      <c r="CB7" s="257">
        <v>6</v>
      </c>
      <c r="CC7" s="261">
        <v>32</v>
      </c>
      <c r="CD7" s="258">
        <v>38</v>
      </c>
      <c r="CE7" s="260">
        <v>0</v>
      </c>
      <c r="CF7" s="261">
        <v>579</v>
      </c>
      <c r="CG7" s="261">
        <v>2002</v>
      </c>
      <c r="CH7" s="261">
        <v>2621</v>
      </c>
      <c r="CI7" s="261">
        <v>2559</v>
      </c>
      <c r="CJ7" s="261">
        <v>1781</v>
      </c>
      <c r="CK7" s="258">
        <v>9542</v>
      </c>
      <c r="CL7" s="263">
        <v>9580</v>
      </c>
      <c r="CM7" s="257">
        <v>0</v>
      </c>
      <c r="CN7" s="261">
        <v>0</v>
      </c>
      <c r="CO7" s="258">
        <v>0</v>
      </c>
      <c r="CP7" s="260">
        <v>0</v>
      </c>
      <c r="CQ7" s="261">
        <v>0</v>
      </c>
      <c r="CR7" s="261">
        <v>0</v>
      </c>
      <c r="CS7" s="261">
        <v>0</v>
      </c>
      <c r="CT7" s="261">
        <v>0</v>
      </c>
      <c r="CU7" s="261">
        <v>11</v>
      </c>
      <c r="CV7" s="258">
        <v>11</v>
      </c>
      <c r="CW7" s="263">
        <v>11</v>
      </c>
      <c r="CX7" s="257">
        <v>0</v>
      </c>
      <c r="CY7" s="261">
        <v>0</v>
      </c>
      <c r="CZ7" s="258">
        <v>0</v>
      </c>
      <c r="DA7" s="260">
        <v>0</v>
      </c>
      <c r="DB7" s="261">
        <v>0</v>
      </c>
      <c r="DC7" s="261">
        <v>0</v>
      </c>
      <c r="DD7" s="261">
        <v>0</v>
      </c>
      <c r="DE7" s="261">
        <v>0</v>
      </c>
      <c r="DF7" s="261">
        <v>0</v>
      </c>
      <c r="DG7" s="258">
        <v>0</v>
      </c>
      <c r="DH7" s="263">
        <v>0</v>
      </c>
    </row>
    <row r="8" spans="2:112" ht="21" customHeight="1" x14ac:dyDescent="0.2">
      <c r="B8" s="472" t="s">
        <v>6</v>
      </c>
      <c r="C8" s="257">
        <v>0</v>
      </c>
      <c r="D8" s="261">
        <v>0</v>
      </c>
      <c r="E8" s="358">
        <v>0</v>
      </c>
      <c r="F8" s="260">
        <v>0</v>
      </c>
      <c r="G8" s="261">
        <v>39083</v>
      </c>
      <c r="H8" s="261">
        <v>50424</v>
      </c>
      <c r="I8" s="261">
        <v>54559</v>
      </c>
      <c r="J8" s="261">
        <v>68619</v>
      </c>
      <c r="K8" s="261">
        <v>73074</v>
      </c>
      <c r="L8" s="262">
        <v>285759</v>
      </c>
      <c r="M8" s="263">
        <v>285759</v>
      </c>
      <c r="N8" s="257">
        <v>2</v>
      </c>
      <c r="O8" s="261">
        <v>4</v>
      </c>
      <c r="P8" s="258">
        <v>6</v>
      </c>
      <c r="Q8" s="260">
        <v>0</v>
      </c>
      <c r="R8" s="261">
        <v>76</v>
      </c>
      <c r="S8" s="261">
        <v>216</v>
      </c>
      <c r="T8" s="261">
        <v>519</v>
      </c>
      <c r="U8" s="261">
        <v>1131</v>
      </c>
      <c r="V8" s="261">
        <v>2757</v>
      </c>
      <c r="W8" s="258">
        <v>4699</v>
      </c>
      <c r="X8" s="263">
        <v>4705</v>
      </c>
      <c r="Y8" s="257">
        <v>2575</v>
      </c>
      <c r="Z8" s="261">
        <v>6796</v>
      </c>
      <c r="AA8" s="258">
        <v>9371</v>
      </c>
      <c r="AB8" s="260">
        <v>0</v>
      </c>
      <c r="AC8" s="261">
        <v>24706</v>
      </c>
      <c r="AD8" s="261">
        <v>27279</v>
      </c>
      <c r="AE8" s="261">
        <v>17233</v>
      </c>
      <c r="AF8" s="261">
        <v>14749</v>
      </c>
      <c r="AG8" s="261">
        <v>12974</v>
      </c>
      <c r="AH8" s="258">
        <v>96941</v>
      </c>
      <c r="AI8" s="263">
        <v>106312</v>
      </c>
      <c r="AJ8" s="257">
        <v>212</v>
      </c>
      <c r="AK8" s="261">
        <v>706</v>
      </c>
      <c r="AL8" s="258">
        <v>918</v>
      </c>
      <c r="AM8" s="260">
        <v>0</v>
      </c>
      <c r="AN8" s="261">
        <v>2338</v>
      </c>
      <c r="AO8" s="261">
        <v>2781</v>
      </c>
      <c r="AP8" s="261">
        <v>1573</v>
      </c>
      <c r="AQ8" s="261">
        <v>1644</v>
      </c>
      <c r="AR8" s="261">
        <v>948</v>
      </c>
      <c r="AS8" s="258">
        <v>9284</v>
      </c>
      <c r="AT8" s="263">
        <v>10202</v>
      </c>
      <c r="AU8" s="257">
        <v>0</v>
      </c>
      <c r="AV8" s="261">
        <v>0</v>
      </c>
      <c r="AW8" s="258">
        <v>0</v>
      </c>
      <c r="AX8" s="260">
        <v>0</v>
      </c>
      <c r="AY8" s="261">
        <v>31706</v>
      </c>
      <c r="AZ8" s="261">
        <v>27792</v>
      </c>
      <c r="BA8" s="261">
        <v>16751</v>
      </c>
      <c r="BB8" s="261">
        <v>10302</v>
      </c>
      <c r="BC8" s="261">
        <v>4856</v>
      </c>
      <c r="BD8" s="262">
        <v>91407</v>
      </c>
      <c r="BE8" s="263">
        <v>91407</v>
      </c>
      <c r="BF8" s="257">
        <v>0</v>
      </c>
      <c r="BG8" s="261">
        <v>0</v>
      </c>
      <c r="BH8" s="258">
        <v>0</v>
      </c>
      <c r="BI8" s="260">
        <v>0</v>
      </c>
      <c r="BJ8" s="261">
        <v>4500</v>
      </c>
      <c r="BK8" s="261">
        <v>5365</v>
      </c>
      <c r="BL8" s="261">
        <v>3874</v>
      </c>
      <c r="BM8" s="261">
        <v>2502</v>
      </c>
      <c r="BN8" s="261">
        <v>903</v>
      </c>
      <c r="BO8" s="258">
        <v>17144</v>
      </c>
      <c r="BP8" s="263">
        <v>17144</v>
      </c>
      <c r="BQ8" s="257">
        <v>8</v>
      </c>
      <c r="BR8" s="261">
        <v>100</v>
      </c>
      <c r="BS8" s="258">
        <v>108</v>
      </c>
      <c r="BT8" s="260">
        <v>0</v>
      </c>
      <c r="BU8" s="261">
        <v>1750</v>
      </c>
      <c r="BV8" s="261">
        <v>3351</v>
      </c>
      <c r="BW8" s="261">
        <v>5823</v>
      </c>
      <c r="BX8" s="261">
        <v>4755</v>
      </c>
      <c r="BY8" s="261">
        <v>2748</v>
      </c>
      <c r="BZ8" s="258">
        <v>18427</v>
      </c>
      <c r="CA8" s="263">
        <v>18535</v>
      </c>
      <c r="CB8" s="257">
        <v>0</v>
      </c>
      <c r="CC8" s="261">
        <v>5</v>
      </c>
      <c r="CD8" s="258">
        <v>5</v>
      </c>
      <c r="CE8" s="260">
        <v>0</v>
      </c>
      <c r="CF8" s="261">
        <v>171</v>
      </c>
      <c r="CG8" s="261">
        <v>258</v>
      </c>
      <c r="CH8" s="261">
        <v>594</v>
      </c>
      <c r="CI8" s="261">
        <v>641</v>
      </c>
      <c r="CJ8" s="261">
        <v>367</v>
      </c>
      <c r="CK8" s="258">
        <v>2031</v>
      </c>
      <c r="CL8" s="263">
        <v>2036</v>
      </c>
      <c r="CM8" s="257">
        <v>0</v>
      </c>
      <c r="CN8" s="261">
        <v>0</v>
      </c>
      <c r="CO8" s="258">
        <v>0</v>
      </c>
      <c r="CP8" s="260">
        <v>0</v>
      </c>
      <c r="CQ8" s="261">
        <v>0</v>
      </c>
      <c r="CR8" s="261">
        <v>0</v>
      </c>
      <c r="CS8" s="261">
        <v>0</v>
      </c>
      <c r="CT8" s="261">
        <v>0</v>
      </c>
      <c r="CU8" s="261">
        <v>0</v>
      </c>
      <c r="CV8" s="258">
        <v>0</v>
      </c>
      <c r="CW8" s="263">
        <v>0</v>
      </c>
      <c r="CX8" s="257">
        <v>0</v>
      </c>
      <c r="CY8" s="261">
        <v>0</v>
      </c>
      <c r="CZ8" s="258">
        <v>0</v>
      </c>
      <c r="DA8" s="260">
        <v>0</v>
      </c>
      <c r="DB8" s="261">
        <v>0</v>
      </c>
      <c r="DC8" s="261">
        <v>0</v>
      </c>
      <c r="DD8" s="261">
        <v>0</v>
      </c>
      <c r="DE8" s="261">
        <v>0</v>
      </c>
      <c r="DF8" s="261">
        <v>0</v>
      </c>
      <c r="DG8" s="258">
        <v>0</v>
      </c>
      <c r="DH8" s="263">
        <v>0</v>
      </c>
    </row>
    <row r="9" spans="2:112" ht="21" customHeight="1" x14ac:dyDescent="0.2">
      <c r="B9" s="472" t="s">
        <v>14</v>
      </c>
      <c r="C9" s="257">
        <v>0</v>
      </c>
      <c r="D9" s="261">
        <v>0</v>
      </c>
      <c r="E9" s="358">
        <v>0</v>
      </c>
      <c r="F9" s="260">
        <v>0</v>
      </c>
      <c r="G9" s="261">
        <v>14139</v>
      </c>
      <c r="H9" s="261">
        <v>27453</v>
      </c>
      <c r="I9" s="261">
        <v>32142</v>
      </c>
      <c r="J9" s="261">
        <v>36055</v>
      </c>
      <c r="K9" s="261">
        <v>29318</v>
      </c>
      <c r="L9" s="262">
        <v>139107</v>
      </c>
      <c r="M9" s="263">
        <v>139107</v>
      </c>
      <c r="N9" s="257">
        <v>0</v>
      </c>
      <c r="O9" s="261">
        <v>0</v>
      </c>
      <c r="P9" s="258">
        <v>0</v>
      </c>
      <c r="Q9" s="260">
        <v>0</v>
      </c>
      <c r="R9" s="261">
        <v>0</v>
      </c>
      <c r="S9" s="261">
        <v>83</v>
      </c>
      <c r="T9" s="261">
        <v>207</v>
      </c>
      <c r="U9" s="261">
        <v>697</v>
      </c>
      <c r="V9" s="261">
        <v>1107</v>
      </c>
      <c r="W9" s="258">
        <v>2094</v>
      </c>
      <c r="X9" s="263">
        <v>2094</v>
      </c>
      <c r="Y9" s="257">
        <v>513</v>
      </c>
      <c r="Z9" s="261">
        <v>2982</v>
      </c>
      <c r="AA9" s="258">
        <v>3495</v>
      </c>
      <c r="AB9" s="260">
        <v>0</v>
      </c>
      <c r="AC9" s="261">
        <v>5688</v>
      </c>
      <c r="AD9" s="261">
        <v>12974</v>
      </c>
      <c r="AE9" s="261">
        <v>9210</v>
      </c>
      <c r="AF9" s="261">
        <v>7712</v>
      </c>
      <c r="AG9" s="261">
        <v>5623</v>
      </c>
      <c r="AH9" s="258">
        <v>41207</v>
      </c>
      <c r="AI9" s="263">
        <v>44702</v>
      </c>
      <c r="AJ9" s="257">
        <v>59</v>
      </c>
      <c r="AK9" s="261">
        <v>483</v>
      </c>
      <c r="AL9" s="258">
        <v>542</v>
      </c>
      <c r="AM9" s="260">
        <v>0</v>
      </c>
      <c r="AN9" s="261">
        <v>361</v>
      </c>
      <c r="AO9" s="261">
        <v>1062</v>
      </c>
      <c r="AP9" s="261">
        <v>655</v>
      </c>
      <c r="AQ9" s="261">
        <v>502</v>
      </c>
      <c r="AR9" s="261">
        <v>270</v>
      </c>
      <c r="AS9" s="258">
        <v>2850</v>
      </c>
      <c r="AT9" s="263">
        <v>3392</v>
      </c>
      <c r="AU9" s="257">
        <v>0</v>
      </c>
      <c r="AV9" s="261">
        <v>0</v>
      </c>
      <c r="AW9" s="258">
        <v>0</v>
      </c>
      <c r="AX9" s="260">
        <v>0</v>
      </c>
      <c r="AY9" s="261">
        <v>14637</v>
      </c>
      <c r="AZ9" s="261">
        <v>18154</v>
      </c>
      <c r="BA9" s="261">
        <v>12888</v>
      </c>
      <c r="BB9" s="261">
        <v>6879</v>
      </c>
      <c r="BC9" s="261">
        <v>3296</v>
      </c>
      <c r="BD9" s="262">
        <v>55854</v>
      </c>
      <c r="BE9" s="263">
        <v>55854</v>
      </c>
      <c r="BF9" s="257">
        <v>0</v>
      </c>
      <c r="BG9" s="261">
        <v>0</v>
      </c>
      <c r="BH9" s="258">
        <v>0</v>
      </c>
      <c r="BI9" s="260">
        <v>0</v>
      </c>
      <c r="BJ9" s="261">
        <v>1031</v>
      </c>
      <c r="BK9" s="261">
        <v>2984</v>
      </c>
      <c r="BL9" s="261">
        <v>1879</v>
      </c>
      <c r="BM9" s="261">
        <v>1191</v>
      </c>
      <c r="BN9" s="261">
        <v>349</v>
      </c>
      <c r="BO9" s="258">
        <v>7434</v>
      </c>
      <c r="BP9" s="263">
        <v>7434</v>
      </c>
      <c r="BQ9" s="257">
        <v>5</v>
      </c>
      <c r="BR9" s="261">
        <v>21</v>
      </c>
      <c r="BS9" s="258">
        <v>26</v>
      </c>
      <c r="BT9" s="260">
        <v>0</v>
      </c>
      <c r="BU9" s="261">
        <v>981</v>
      </c>
      <c r="BV9" s="261">
        <v>2540</v>
      </c>
      <c r="BW9" s="261">
        <v>5090</v>
      </c>
      <c r="BX9" s="261">
        <v>4020</v>
      </c>
      <c r="BY9" s="261">
        <v>2053</v>
      </c>
      <c r="BZ9" s="258">
        <v>14684</v>
      </c>
      <c r="CA9" s="263">
        <v>14710</v>
      </c>
      <c r="CB9" s="257">
        <v>0</v>
      </c>
      <c r="CC9" s="261">
        <v>0</v>
      </c>
      <c r="CD9" s="258">
        <v>0</v>
      </c>
      <c r="CE9" s="260">
        <v>0</v>
      </c>
      <c r="CF9" s="261">
        <v>5</v>
      </c>
      <c r="CG9" s="261">
        <v>32</v>
      </c>
      <c r="CH9" s="261">
        <v>113</v>
      </c>
      <c r="CI9" s="261">
        <v>113</v>
      </c>
      <c r="CJ9" s="261">
        <v>77</v>
      </c>
      <c r="CK9" s="258">
        <v>340</v>
      </c>
      <c r="CL9" s="263">
        <v>340</v>
      </c>
      <c r="CM9" s="257">
        <v>0</v>
      </c>
      <c r="CN9" s="261">
        <v>0</v>
      </c>
      <c r="CO9" s="258">
        <v>0</v>
      </c>
      <c r="CP9" s="260">
        <v>0</v>
      </c>
      <c r="CQ9" s="261">
        <v>0</v>
      </c>
      <c r="CR9" s="261">
        <v>0</v>
      </c>
      <c r="CS9" s="261">
        <v>0</v>
      </c>
      <c r="CT9" s="261">
        <v>0</v>
      </c>
      <c r="CU9" s="261">
        <v>0</v>
      </c>
      <c r="CV9" s="258">
        <v>0</v>
      </c>
      <c r="CW9" s="263">
        <v>0</v>
      </c>
      <c r="CX9" s="257">
        <v>0</v>
      </c>
      <c r="CY9" s="261">
        <v>0</v>
      </c>
      <c r="CZ9" s="258">
        <v>0</v>
      </c>
      <c r="DA9" s="260">
        <v>0</v>
      </c>
      <c r="DB9" s="261">
        <v>0</v>
      </c>
      <c r="DC9" s="261">
        <v>0</v>
      </c>
      <c r="DD9" s="261">
        <v>0</v>
      </c>
      <c r="DE9" s="261">
        <v>0</v>
      </c>
      <c r="DF9" s="261">
        <v>0</v>
      </c>
      <c r="DG9" s="258">
        <v>0</v>
      </c>
      <c r="DH9" s="263">
        <v>0</v>
      </c>
    </row>
    <row r="10" spans="2:112" ht="21" customHeight="1" x14ac:dyDescent="0.2">
      <c r="B10" s="472" t="s">
        <v>7</v>
      </c>
      <c r="C10" s="257">
        <v>0</v>
      </c>
      <c r="D10" s="261">
        <v>0</v>
      </c>
      <c r="E10" s="358">
        <v>0</v>
      </c>
      <c r="F10" s="260">
        <v>0</v>
      </c>
      <c r="G10" s="261">
        <v>17638</v>
      </c>
      <c r="H10" s="261">
        <v>19527</v>
      </c>
      <c r="I10" s="261">
        <v>21079</v>
      </c>
      <c r="J10" s="261">
        <v>28972</v>
      </c>
      <c r="K10" s="261">
        <v>21302</v>
      </c>
      <c r="L10" s="262">
        <v>108518</v>
      </c>
      <c r="M10" s="263">
        <v>108518</v>
      </c>
      <c r="N10" s="257">
        <v>0</v>
      </c>
      <c r="O10" s="261">
        <v>0</v>
      </c>
      <c r="P10" s="258">
        <v>0</v>
      </c>
      <c r="Q10" s="260">
        <v>0</v>
      </c>
      <c r="R10" s="261">
        <v>32</v>
      </c>
      <c r="S10" s="261">
        <v>192</v>
      </c>
      <c r="T10" s="261">
        <v>248</v>
      </c>
      <c r="U10" s="261">
        <v>640</v>
      </c>
      <c r="V10" s="261">
        <v>949</v>
      </c>
      <c r="W10" s="258">
        <v>2061</v>
      </c>
      <c r="X10" s="263">
        <v>2061</v>
      </c>
      <c r="Y10" s="257">
        <v>145</v>
      </c>
      <c r="Z10" s="261">
        <v>230</v>
      </c>
      <c r="AA10" s="258">
        <v>375</v>
      </c>
      <c r="AB10" s="260">
        <v>0</v>
      </c>
      <c r="AC10" s="261">
        <v>4894</v>
      </c>
      <c r="AD10" s="261">
        <v>5670</v>
      </c>
      <c r="AE10" s="261">
        <v>3398</v>
      </c>
      <c r="AF10" s="261">
        <v>4034</v>
      </c>
      <c r="AG10" s="261">
        <v>3085</v>
      </c>
      <c r="AH10" s="258">
        <v>21081</v>
      </c>
      <c r="AI10" s="263">
        <v>21456</v>
      </c>
      <c r="AJ10" s="257">
        <v>63</v>
      </c>
      <c r="AK10" s="261">
        <v>116</v>
      </c>
      <c r="AL10" s="258">
        <v>179</v>
      </c>
      <c r="AM10" s="260">
        <v>0</v>
      </c>
      <c r="AN10" s="261">
        <v>892</v>
      </c>
      <c r="AO10" s="261">
        <v>1147</v>
      </c>
      <c r="AP10" s="261">
        <v>676</v>
      </c>
      <c r="AQ10" s="261">
        <v>793</v>
      </c>
      <c r="AR10" s="261">
        <v>303</v>
      </c>
      <c r="AS10" s="258">
        <v>3811</v>
      </c>
      <c r="AT10" s="263">
        <v>3990</v>
      </c>
      <c r="AU10" s="257">
        <v>0</v>
      </c>
      <c r="AV10" s="261">
        <v>0</v>
      </c>
      <c r="AW10" s="258">
        <v>0</v>
      </c>
      <c r="AX10" s="260">
        <v>0</v>
      </c>
      <c r="AY10" s="261">
        <v>14415</v>
      </c>
      <c r="AZ10" s="261">
        <v>9805</v>
      </c>
      <c r="BA10" s="261">
        <v>5092</v>
      </c>
      <c r="BB10" s="261">
        <v>3147</v>
      </c>
      <c r="BC10" s="261">
        <v>1340</v>
      </c>
      <c r="BD10" s="262">
        <v>33799</v>
      </c>
      <c r="BE10" s="263">
        <v>33799</v>
      </c>
      <c r="BF10" s="257">
        <v>0</v>
      </c>
      <c r="BG10" s="261">
        <v>0</v>
      </c>
      <c r="BH10" s="258">
        <v>0</v>
      </c>
      <c r="BI10" s="260">
        <v>0</v>
      </c>
      <c r="BJ10" s="261">
        <v>2004</v>
      </c>
      <c r="BK10" s="261">
        <v>1729</v>
      </c>
      <c r="BL10" s="261">
        <v>1142</v>
      </c>
      <c r="BM10" s="261">
        <v>471</v>
      </c>
      <c r="BN10" s="261">
        <v>185</v>
      </c>
      <c r="BO10" s="258">
        <v>5531</v>
      </c>
      <c r="BP10" s="263">
        <v>5531</v>
      </c>
      <c r="BQ10" s="257">
        <v>12</v>
      </c>
      <c r="BR10" s="261">
        <v>28</v>
      </c>
      <c r="BS10" s="258">
        <v>40</v>
      </c>
      <c r="BT10" s="260">
        <v>0</v>
      </c>
      <c r="BU10" s="261">
        <v>1627</v>
      </c>
      <c r="BV10" s="261">
        <v>2374</v>
      </c>
      <c r="BW10" s="261">
        <v>2994</v>
      </c>
      <c r="BX10" s="261">
        <v>2196</v>
      </c>
      <c r="BY10" s="261">
        <v>1108</v>
      </c>
      <c r="BZ10" s="258">
        <v>10299</v>
      </c>
      <c r="CA10" s="263">
        <v>10339</v>
      </c>
      <c r="CB10" s="257">
        <v>0</v>
      </c>
      <c r="CC10" s="261">
        <v>0</v>
      </c>
      <c r="CD10" s="258">
        <v>0</v>
      </c>
      <c r="CE10" s="260">
        <v>0</v>
      </c>
      <c r="CF10" s="261">
        <v>78</v>
      </c>
      <c r="CG10" s="261">
        <v>117</v>
      </c>
      <c r="CH10" s="261">
        <v>131</v>
      </c>
      <c r="CI10" s="261">
        <v>143</v>
      </c>
      <c r="CJ10" s="261">
        <v>87</v>
      </c>
      <c r="CK10" s="258">
        <v>556</v>
      </c>
      <c r="CL10" s="263">
        <v>556</v>
      </c>
      <c r="CM10" s="257">
        <v>0</v>
      </c>
      <c r="CN10" s="261">
        <v>0</v>
      </c>
      <c r="CO10" s="258">
        <v>0</v>
      </c>
      <c r="CP10" s="260">
        <v>0</v>
      </c>
      <c r="CQ10" s="261">
        <v>0</v>
      </c>
      <c r="CR10" s="261">
        <v>0</v>
      </c>
      <c r="CS10" s="261">
        <v>0</v>
      </c>
      <c r="CT10" s="261">
        <v>0</v>
      </c>
      <c r="CU10" s="261">
        <v>0</v>
      </c>
      <c r="CV10" s="258">
        <v>0</v>
      </c>
      <c r="CW10" s="263">
        <v>0</v>
      </c>
      <c r="CX10" s="257">
        <v>0</v>
      </c>
      <c r="CY10" s="261">
        <v>0</v>
      </c>
      <c r="CZ10" s="258">
        <v>0</v>
      </c>
      <c r="DA10" s="260">
        <v>0</v>
      </c>
      <c r="DB10" s="261">
        <v>0</v>
      </c>
      <c r="DC10" s="261">
        <v>0</v>
      </c>
      <c r="DD10" s="261">
        <v>0</v>
      </c>
      <c r="DE10" s="261">
        <v>0</v>
      </c>
      <c r="DF10" s="261">
        <v>0</v>
      </c>
      <c r="DG10" s="258">
        <v>0</v>
      </c>
      <c r="DH10" s="263">
        <v>0</v>
      </c>
    </row>
    <row r="11" spans="2:112" ht="21" customHeight="1" x14ac:dyDescent="0.2">
      <c r="B11" s="472" t="s">
        <v>8</v>
      </c>
      <c r="C11" s="257">
        <v>0</v>
      </c>
      <c r="D11" s="261">
        <v>0</v>
      </c>
      <c r="E11" s="358">
        <v>0</v>
      </c>
      <c r="F11" s="260">
        <v>0</v>
      </c>
      <c r="G11" s="261">
        <v>6446</v>
      </c>
      <c r="H11" s="261">
        <v>11776</v>
      </c>
      <c r="I11" s="261">
        <v>13896</v>
      </c>
      <c r="J11" s="261">
        <v>16854</v>
      </c>
      <c r="K11" s="261">
        <v>14942</v>
      </c>
      <c r="L11" s="262">
        <v>63914</v>
      </c>
      <c r="M11" s="263">
        <v>63914</v>
      </c>
      <c r="N11" s="257">
        <v>0</v>
      </c>
      <c r="O11" s="261">
        <v>0</v>
      </c>
      <c r="P11" s="258">
        <v>0</v>
      </c>
      <c r="Q11" s="260">
        <v>0</v>
      </c>
      <c r="R11" s="261">
        <v>21</v>
      </c>
      <c r="S11" s="261">
        <v>75</v>
      </c>
      <c r="T11" s="261">
        <v>136</v>
      </c>
      <c r="U11" s="261">
        <v>255</v>
      </c>
      <c r="V11" s="261">
        <v>492</v>
      </c>
      <c r="W11" s="258">
        <v>979</v>
      </c>
      <c r="X11" s="263">
        <v>979</v>
      </c>
      <c r="Y11" s="257">
        <v>250</v>
      </c>
      <c r="Z11" s="261">
        <v>377</v>
      </c>
      <c r="AA11" s="258">
        <v>627</v>
      </c>
      <c r="AB11" s="260">
        <v>0</v>
      </c>
      <c r="AC11" s="261">
        <v>1978</v>
      </c>
      <c r="AD11" s="261">
        <v>2732</v>
      </c>
      <c r="AE11" s="261">
        <v>1744</v>
      </c>
      <c r="AF11" s="261">
        <v>1761</v>
      </c>
      <c r="AG11" s="261">
        <v>1586</v>
      </c>
      <c r="AH11" s="258">
        <v>9801</v>
      </c>
      <c r="AI11" s="263">
        <v>10428</v>
      </c>
      <c r="AJ11" s="257">
        <v>95</v>
      </c>
      <c r="AK11" s="261">
        <v>188</v>
      </c>
      <c r="AL11" s="258">
        <v>283</v>
      </c>
      <c r="AM11" s="260">
        <v>0</v>
      </c>
      <c r="AN11" s="261">
        <v>856</v>
      </c>
      <c r="AO11" s="261">
        <v>1218</v>
      </c>
      <c r="AP11" s="261">
        <v>587</v>
      </c>
      <c r="AQ11" s="261">
        <v>554</v>
      </c>
      <c r="AR11" s="261">
        <v>310</v>
      </c>
      <c r="AS11" s="258">
        <v>3525</v>
      </c>
      <c r="AT11" s="263">
        <v>3808</v>
      </c>
      <c r="AU11" s="257">
        <v>0</v>
      </c>
      <c r="AV11" s="261">
        <v>0</v>
      </c>
      <c r="AW11" s="258">
        <v>0</v>
      </c>
      <c r="AX11" s="260">
        <v>0</v>
      </c>
      <c r="AY11" s="261">
        <v>5332</v>
      </c>
      <c r="AZ11" s="261">
        <v>6274</v>
      </c>
      <c r="BA11" s="261">
        <v>4091</v>
      </c>
      <c r="BB11" s="261">
        <v>2557</v>
      </c>
      <c r="BC11" s="261">
        <v>1340</v>
      </c>
      <c r="BD11" s="262">
        <v>19594</v>
      </c>
      <c r="BE11" s="263">
        <v>19594</v>
      </c>
      <c r="BF11" s="257">
        <v>0</v>
      </c>
      <c r="BG11" s="261">
        <v>0</v>
      </c>
      <c r="BH11" s="258">
        <v>0</v>
      </c>
      <c r="BI11" s="260">
        <v>0</v>
      </c>
      <c r="BJ11" s="261">
        <v>947</v>
      </c>
      <c r="BK11" s="261">
        <v>1159</v>
      </c>
      <c r="BL11" s="261">
        <v>584</v>
      </c>
      <c r="BM11" s="261">
        <v>457</v>
      </c>
      <c r="BN11" s="261">
        <v>192</v>
      </c>
      <c r="BO11" s="258">
        <v>3339</v>
      </c>
      <c r="BP11" s="263">
        <v>3339</v>
      </c>
      <c r="BQ11" s="257">
        <v>18</v>
      </c>
      <c r="BR11" s="261">
        <v>67</v>
      </c>
      <c r="BS11" s="258">
        <v>85</v>
      </c>
      <c r="BT11" s="260">
        <v>0</v>
      </c>
      <c r="BU11" s="261">
        <v>516</v>
      </c>
      <c r="BV11" s="261">
        <v>1403</v>
      </c>
      <c r="BW11" s="261">
        <v>2990</v>
      </c>
      <c r="BX11" s="261">
        <v>1674</v>
      </c>
      <c r="BY11" s="261">
        <v>679</v>
      </c>
      <c r="BZ11" s="258">
        <v>7262</v>
      </c>
      <c r="CA11" s="263">
        <v>7347</v>
      </c>
      <c r="CB11" s="257">
        <v>0</v>
      </c>
      <c r="CC11" s="261">
        <v>0</v>
      </c>
      <c r="CD11" s="258">
        <v>0</v>
      </c>
      <c r="CE11" s="260">
        <v>0</v>
      </c>
      <c r="CF11" s="261">
        <v>37</v>
      </c>
      <c r="CG11" s="261">
        <v>40</v>
      </c>
      <c r="CH11" s="261">
        <v>67</v>
      </c>
      <c r="CI11" s="261">
        <v>12</v>
      </c>
      <c r="CJ11" s="261">
        <v>36</v>
      </c>
      <c r="CK11" s="258">
        <v>192</v>
      </c>
      <c r="CL11" s="263">
        <v>192</v>
      </c>
      <c r="CM11" s="257">
        <v>0</v>
      </c>
      <c r="CN11" s="261">
        <v>0</v>
      </c>
      <c r="CO11" s="258">
        <v>0</v>
      </c>
      <c r="CP11" s="260">
        <v>0</v>
      </c>
      <c r="CQ11" s="261">
        <v>0</v>
      </c>
      <c r="CR11" s="261">
        <v>0</v>
      </c>
      <c r="CS11" s="261">
        <v>0</v>
      </c>
      <c r="CT11" s="261">
        <v>0</v>
      </c>
      <c r="CU11" s="261">
        <v>0</v>
      </c>
      <c r="CV11" s="258">
        <v>0</v>
      </c>
      <c r="CW11" s="263">
        <v>0</v>
      </c>
      <c r="CX11" s="257">
        <v>0</v>
      </c>
      <c r="CY11" s="261">
        <v>0</v>
      </c>
      <c r="CZ11" s="258">
        <v>0</v>
      </c>
      <c r="DA11" s="260">
        <v>0</v>
      </c>
      <c r="DB11" s="261">
        <v>0</v>
      </c>
      <c r="DC11" s="261">
        <v>0</v>
      </c>
      <c r="DD11" s="261">
        <v>0</v>
      </c>
      <c r="DE11" s="261">
        <v>0</v>
      </c>
      <c r="DF11" s="261">
        <v>0</v>
      </c>
      <c r="DG11" s="258">
        <v>0</v>
      </c>
      <c r="DH11" s="263">
        <v>0</v>
      </c>
    </row>
    <row r="12" spans="2:112" ht="21" customHeight="1" x14ac:dyDescent="0.2">
      <c r="B12" s="472" t="s">
        <v>9</v>
      </c>
      <c r="C12" s="257">
        <v>0</v>
      </c>
      <c r="D12" s="261">
        <v>0</v>
      </c>
      <c r="E12" s="358">
        <v>0</v>
      </c>
      <c r="F12" s="260">
        <v>0</v>
      </c>
      <c r="G12" s="261">
        <v>7322</v>
      </c>
      <c r="H12" s="261">
        <v>8125</v>
      </c>
      <c r="I12" s="261">
        <v>11243</v>
      </c>
      <c r="J12" s="261">
        <v>15834</v>
      </c>
      <c r="K12" s="261">
        <v>14297</v>
      </c>
      <c r="L12" s="262">
        <v>56821</v>
      </c>
      <c r="M12" s="263">
        <v>56821</v>
      </c>
      <c r="N12" s="257">
        <v>0</v>
      </c>
      <c r="O12" s="261">
        <v>0</v>
      </c>
      <c r="P12" s="258">
        <v>0</v>
      </c>
      <c r="Q12" s="260">
        <v>0</v>
      </c>
      <c r="R12" s="261">
        <v>8</v>
      </c>
      <c r="S12" s="261">
        <v>30</v>
      </c>
      <c r="T12" s="261">
        <v>80</v>
      </c>
      <c r="U12" s="261">
        <v>267</v>
      </c>
      <c r="V12" s="261">
        <v>454</v>
      </c>
      <c r="W12" s="258">
        <v>839</v>
      </c>
      <c r="X12" s="263">
        <v>839</v>
      </c>
      <c r="Y12" s="257">
        <v>468</v>
      </c>
      <c r="Z12" s="261">
        <v>683</v>
      </c>
      <c r="AA12" s="258">
        <v>1151</v>
      </c>
      <c r="AB12" s="260">
        <v>0</v>
      </c>
      <c r="AC12" s="261">
        <v>3596</v>
      </c>
      <c r="AD12" s="261">
        <v>3401</v>
      </c>
      <c r="AE12" s="261">
        <v>2478</v>
      </c>
      <c r="AF12" s="261">
        <v>2471</v>
      </c>
      <c r="AG12" s="261">
        <v>2253</v>
      </c>
      <c r="AH12" s="258">
        <v>14199</v>
      </c>
      <c r="AI12" s="263">
        <v>15350</v>
      </c>
      <c r="AJ12" s="257">
        <v>15</v>
      </c>
      <c r="AK12" s="261">
        <v>107</v>
      </c>
      <c r="AL12" s="258">
        <v>122</v>
      </c>
      <c r="AM12" s="260">
        <v>0</v>
      </c>
      <c r="AN12" s="261">
        <v>289</v>
      </c>
      <c r="AO12" s="261">
        <v>551</v>
      </c>
      <c r="AP12" s="261">
        <v>416</v>
      </c>
      <c r="AQ12" s="261">
        <v>342</v>
      </c>
      <c r="AR12" s="261">
        <v>272</v>
      </c>
      <c r="AS12" s="258">
        <v>1870</v>
      </c>
      <c r="AT12" s="263">
        <v>1992</v>
      </c>
      <c r="AU12" s="257">
        <v>0</v>
      </c>
      <c r="AV12" s="261">
        <v>0</v>
      </c>
      <c r="AW12" s="258">
        <v>0</v>
      </c>
      <c r="AX12" s="260">
        <v>0</v>
      </c>
      <c r="AY12" s="261">
        <v>4914</v>
      </c>
      <c r="AZ12" s="261">
        <v>3360</v>
      </c>
      <c r="BA12" s="261">
        <v>2598</v>
      </c>
      <c r="BB12" s="261">
        <v>1550</v>
      </c>
      <c r="BC12" s="261">
        <v>587</v>
      </c>
      <c r="BD12" s="262">
        <v>13009</v>
      </c>
      <c r="BE12" s="263">
        <v>13009</v>
      </c>
      <c r="BF12" s="257">
        <v>0</v>
      </c>
      <c r="BG12" s="261">
        <v>0</v>
      </c>
      <c r="BH12" s="258">
        <v>0</v>
      </c>
      <c r="BI12" s="260">
        <v>0</v>
      </c>
      <c r="BJ12" s="261">
        <v>699</v>
      </c>
      <c r="BK12" s="261">
        <v>961</v>
      </c>
      <c r="BL12" s="261">
        <v>571</v>
      </c>
      <c r="BM12" s="261">
        <v>522</v>
      </c>
      <c r="BN12" s="261">
        <v>147</v>
      </c>
      <c r="BO12" s="258">
        <v>2900</v>
      </c>
      <c r="BP12" s="263">
        <v>2900</v>
      </c>
      <c r="BQ12" s="257">
        <v>7</v>
      </c>
      <c r="BR12" s="261">
        <v>24</v>
      </c>
      <c r="BS12" s="258">
        <v>31</v>
      </c>
      <c r="BT12" s="260">
        <v>0</v>
      </c>
      <c r="BU12" s="261">
        <v>593</v>
      </c>
      <c r="BV12" s="261">
        <v>750</v>
      </c>
      <c r="BW12" s="261">
        <v>1849</v>
      </c>
      <c r="BX12" s="261">
        <v>1185</v>
      </c>
      <c r="BY12" s="261">
        <v>611</v>
      </c>
      <c r="BZ12" s="258">
        <v>4988</v>
      </c>
      <c r="CA12" s="263">
        <v>5019</v>
      </c>
      <c r="CB12" s="257">
        <v>0</v>
      </c>
      <c r="CC12" s="261">
        <v>4</v>
      </c>
      <c r="CD12" s="258">
        <v>4</v>
      </c>
      <c r="CE12" s="260">
        <v>0</v>
      </c>
      <c r="CF12" s="261">
        <v>46</v>
      </c>
      <c r="CG12" s="261">
        <v>70</v>
      </c>
      <c r="CH12" s="261">
        <v>231</v>
      </c>
      <c r="CI12" s="261">
        <v>281</v>
      </c>
      <c r="CJ12" s="261">
        <v>107</v>
      </c>
      <c r="CK12" s="258">
        <v>735</v>
      </c>
      <c r="CL12" s="263">
        <v>739</v>
      </c>
      <c r="CM12" s="257">
        <v>0</v>
      </c>
      <c r="CN12" s="261">
        <v>0</v>
      </c>
      <c r="CO12" s="258">
        <v>0</v>
      </c>
      <c r="CP12" s="260">
        <v>0</v>
      </c>
      <c r="CQ12" s="261">
        <v>0</v>
      </c>
      <c r="CR12" s="261">
        <v>0</v>
      </c>
      <c r="CS12" s="261">
        <v>0</v>
      </c>
      <c r="CT12" s="261">
        <v>0</v>
      </c>
      <c r="CU12" s="261">
        <v>0</v>
      </c>
      <c r="CV12" s="258">
        <v>0</v>
      </c>
      <c r="CW12" s="263">
        <v>0</v>
      </c>
      <c r="CX12" s="257">
        <v>0</v>
      </c>
      <c r="CY12" s="261">
        <v>0</v>
      </c>
      <c r="CZ12" s="258">
        <v>0</v>
      </c>
      <c r="DA12" s="260">
        <v>0</v>
      </c>
      <c r="DB12" s="261">
        <v>0</v>
      </c>
      <c r="DC12" s="261">
        <v>0</v>
      </c>
      <c r="DD12" s="261">
        <v>0</v>
      </c>
      <c r="DE12" s="261">
        <v>0</v>
      </c>
      <c r="DF12" s="261">
        <v>0</v>
      </c>
      <c r="DG12" s="258">
        <v>0</v>
      </c>
      <c r="DH12" s="263">
        <v>0</v>
      </c>
    </row>
    <row r="13" spans="2:112" ht="21" customHeight="1" x14ac:dyDescent="0.2">
      <c r="B13" s="472" t="s">
        <v>10</v>
      </c>
      <c r="C13" s="257">
        <v>0</v>
      </c>
      <c r="D13" s="261">
        <v>0</v>
      </c>
      <c r="E13" s="358">
        <v>0</v>
      </c>
      <c r="F13" s="260">
        <v>0</v>
      </c>
      <c r="G13" s="261">
        <v>18243</v>
      </c>
      <c r="H13" s="261">
        <v>18059</v>
      </c>
      <c r="I13" s="261">
        <v>22758</v>
      </c>
      <c r="J13" s="261">
        <v>27338</v>
      </c>
      <c r="K13" s="261">
        <v>24074</v>
      </c>
      <c r="L13" s="262">
        <v>110472</v>
      </c>
      <c r="M13" s="263">
        <v>110472</v>
      </c>
      <c r="N13" s="257">
        <v>0</v>
      </c>
      <c r="O13" s="261">
        <v>9</v>
      </c>
      <c r="P13" s="258">
        <v>9</v>
      </c>
      <c r="Q13" s="260">
        <v>0</v>
      </c>
      <c r="R13" s="261">
        <v>27</v>
      </c>
      <c r="S13" s="261">
        <v>118</v>
      </c>
      <c r="T13" s="261">
        <v>148</v>
      </c>
      <c r="U13" s="261">
        <v>383</v>
      </c>
      <c r="V13" s="261">
        <v>880</v>
      </c>
      <c r="W13" s="258">
        <v>1556</v>
      </c>
      <c r="X13" s="263">
        <v>1565</v>
      </c>
      <c r="Y13" s="257">
        <v>1114</v>
      </c>
      <c r="Z13" s="261">
        <v>2192</v>
      </c>
      <c r="AA13" s="258">
        <v>3306</v>
      </c>
      <c r="AB13" s="260">
        <v>0</v>
      </c>
      <c r="AC13" s="261">
        <v>8338</v>
      </c>
      <c r="AD13" s="261">
        <v>6267</v>
      </c>
      <c r="AE13" s="261">
        <v>3383</v>
      </c>
      <c r="AF13" s="261">
        <v>3738</v>
      </c>
      <c r="AG13" s="261">
        <v>3423</v>
      </c>
      <c r="AH13" s="258">
        <v>25149</v>
      </c>
      <c r="AI13" s="263">
        <v>28455</v>
      </c>
      <c r="AJ13" s="257">
        <v>228</v>
      </c>
      <c r="AK13" s="261">
        <v>530</v>
      </c>
      <c r="AL13" s="258">
        <v>758</v>
      </c>
      <c r="AM13" s="260">
        <v>0</v>
      </c>
      <c r="AN13" s="261">
        <v>1097</v>
      </c>
      <c r="AO13" s="261">
        <v>1035</v>
      </c>
      <c r="AP13" s="261">
        <v>917</v>
      </c>
      <c r="AQ13" s="261">
        <v>457</v>
      </c>
      <c r="AR13" s="261">
        <v>527</v>
      </c>
      <c r="AS13" s="258">
        <v>4033</v>
      </c>
      <c r="AT13" s="263">
        <v>4791</v>
      </c>
      <c r="AU13" s="257">
        <v>0</v>
      </c>
      <c r="AV13" s="261">
        <v>0</v>
      </c>
      <c r="AW13" s="258">
        <v>0</v>
      </c>
      <c r="AX13" s="260">
        <v>0</v>
      </c>
      <c r="AY13" s="261">
        <v>13839</v>
      </c>
      <c r="AZ13" s="261">
        <v>8313</v>
      </c>
      <c r="BA13" s="261">
        <v>5373</v>
      </c>
      <c r="BB13" s="261">
        <v>3312</v>
      </c>
      <c r="BC13" s="261">
        <v>1403</v>
      </c>
      <c r="BD13" s="262">
        <v>32240</v>
      </c>
      <c r="BE13" s="263">
        <v>32240</v>
      </c>
      <c r="BF13" s="257">
        <v>0</v>
      </c>
      <c r="BG13" s="261">
        <v>0</v>
      </c>
      <c r="BH13" s="258">
        <v>0</v>
      </c>
      <c r="BI13" s="260">
        <v>0</v>
      </c>
      <c r="BJ13" s="261">
        <v>1756</v>
      </c>
      <c r="BK13" s="261">
        <v>1468</v>
      </c>
      <c r="BL13" s="261">
        <v>739</v>
      </c>
      <c r="BM13" s="261">
        <v>524</v>
      </c>
      <c r="BN13" s="261">
        <v>205</v>
      </c>
      <c r="BO13" s="258">
        <v>4692</v>
      </c>
      <c r="BP13" s="263">
        <v>4692</v>
      </c>
      <c r="BQ13" s="257">
        <v>31</v>
      </c>
      <c r="BR13" s="261">
        <v>109</v>
      </c>
      <c r="BS13" s="258">
        <v>140</v>
      </c>
      <c r="BT13" s="260">
        <v>0</v>
      </c>
      <c r="BU13" s="261">
        <v>1363</v>
      </c>
      <c r="BV13" s="261">
        <v>1866</v>
      </c>
      <c r="BW13" s="261">
        <v>2073</v>
      </c>
      <c r="BX13" s="261">
        <v>2078</v>
      </c>
      <c r="BY13" s="261">
        <v>952</v>
      </c>
      <c r="BZ13" s="258">
        <v>8332</v>
      </c>
      <c r="CA13" s="263">
        <v>8472</v>
      </c>
      <c r="CB13" s="257">
        <v>0</v>
      </c>
      <c r="CC13" s="261">
        <v>13</v>
      </c>
      <c r="CD13" s="258">
        <v>13</v>
      </c>
      <c r="CE13" s="260">
        <v>0</v>
      </c>
      <c r="CF13" s="261">
        <v>92</v>
      </c>
      <c r="CG13" s="261">
        <v>101</v>
      </c>
      <c r="CH13" s="261">
        <v>94</v>
      </c>
      <c r="CI13" s="261">
        <v>94</v>
      </c>
      <c r="CJ13" s="261">
        <v>52</v>
      </c>
      <c r="CK13" s="258">
        <v>433</v>
      </c>
      <c r="CL13" s="263">
        <v>446</v>
      </c>
      <c r="CM13" s="257">
        <v>0</v>
      </c>
      <c r="CN13" s="261">
        <v>0</v>
      </c>
      <c r="CO13" s="258">
        <v>0</v>
      </c>
      <c r="CP13" s="260">
        <v>0</v>
      </c>
      <c r="CQ13" s="261">
        <v>0</v>
      </c>
      <c r="CR13" s="261">
        <v>0</v>
      </c>
      <c r="CS13" s="261">
        <v>0</v>
      </c>
      <c r="CT13" s="261">
        <v>0</v>
      </c>
      <c r="CU13" s="261">
        <v>0</v>
      </c>
      <c r="CV13" s="258">
        <v>0</v>
      </c>
      <c r="CW13" s="263">
        <v>0</v>
      </c>
      <c r="CX13" s="257">
        <v>0</v>
      </c>
      <c r="CY13" s="261">
        <v>0</v>
      </c>
      <c r="CZ13" s="258">
        <v>0</v>
      </c>
      <c r="DA13" s="260">
        <v>0</v>
      </c>
      <c r="DB13" s="261">
        <v>0</v>
      </c>
      <c r="DC13" s="261">
        <v>0</v>
      </c>
      <c r="DD13" s="261">
        <v>0</v>
      </c>
      <c r="DE13" s="261">
        <v>0</v>
      </c>
      <c r="DF13" s="261">
        <v>0</v>
      </c>
      <c r="DG13" s="258">
        <v>0</v>
      </c>
      <c r="DH13" s="263">
        <v>0</v>
      </c>
    </row>
    <row r="14" spans="2:112" ht="21" customHeight="1" x14ac:dyDescent="0.2">
      <c r="B14" s="472" t="s">
        <v>11</v>
      </c>
      <c r="C14" s="257">
        <v>0</v>
      </c>
      <c r="D14" s="261">
        <v>0</v>
      </c>
      <c r="E14" s="358">
        <v>0</v>
      </c>
      <c r="F14" s="260">
        <v>0</v>
      </c>
      <c r="G14" s="261">
        <v>5787</v>
      </c>
      <c r="H14" s="261">
        <v>7704</v>
      </c>
      <c r="I14" s="261">
        <v>9747</v>
      </c>
      <c r="J14" s="261">
        <v>11174</v>
      </c>
      <c r="K14" s="261">
        <v>10237</v>
      </c>
      <c r="L14" s="262">
        <v>44649</v>
      </c>
      <c r="M14" s="263">
        <v>44649</v>
      </c>
      <c r="N14" s="257">
        <v>0</v>
      </c>
      <c r="O14" s="261">
        <v>0</v>
      </c>
      <c r="P14" s="258">
        <v>0</v>
      </c>
      <c r="Q14" s="260">
        <v>0</v>
      </c>
      <c r="R14" s="261">
        <v>14</v>
      </c>
      <c r="S14" s="261">
        <v>51</v>
      </c>
      <c r="T14" s="261">
        <v>127</v>
      </c>
      <c r="U14" s="261">
        <v>301</v>
      </c>
      <c r="V14" s="261">
        <v>400</v>
      </c>
      <c r="W14" s="258">
        <v>893</v>
      </c>
      <c r="X14" s="263">
        <v>893</v>
      </c>
      <c r="Y14" s="257">
        <v>261</v>
      </c>
      <c r="Z14" s="261">
        <v>346</v>
      </c>
      <c r="AA14" s="258">
        <v>607</v>
      </c>
      <c r="AB14" s="260">
        <v>0</v>
      </c>
      <c r="AC14" s="261">
        <v>3263</v>
      </c>
      <c r="AD14" s="261">
        <v>2142</v>
      </c>
      <c r="AE14" s="261">
        <v>1760</v>
      </c>
      <c r="AF14" s="261">
        <v>2125</v>
      </c>
      <c r="AG14" s="261">
        <v>1561</v>
      </c>
      <c r="AH14" s="258">
        <v>10851</v>
      </c>
      <c r="AI14" s="263">
        <v>11458</v>
      </c>
      <c r="AJ14" s="257">
        <v>46</v>
      </c>
      <c r="AK14" s="261">
        <v>95</v>
      </c>
      <c r="AL14" s="258">
        <v>141</v>
      </c>
      <c r="AM14" s="260">
        <v>0</v>
      </c>
      <c r="AN14" s="261">
        <v>292</v>
      </c>
      <c r="AO14" s="261">
        <v>338</v>
      </c>
      <c r="AP14" s="261">
        <v>362</v>
      </c>
      <c r="AQ14" s="261">
        <v>484</v>
      </c>
      <c r="AR14" s="261">
        <v>51</v>
      </c>
      <c r="AS14" s="258">
        <v>1527</v>
      </c>
      <c r="AT14" s="263">
        <v>1668</v>
      </c>
      <c r="AU14" s="257">
        <v>0</v>
      </c>
      <c r="AV14" s="261">
        <v>0</v>
      </c>
      <c r="AW14" s="258">
        <v>0</v>
      </c>
      <c r="AX14" s="260">
        <v>0</v>
      </c>
      <c r="AY14" s="261">
        <v>6326</v>
      </c>
      <c r="AZ14" s="261">
        <v>3963</v>
      </c>
      <c r="BA14" s="261">
        <v>3168</v>
      </c>
      <c r="BB14" s="261">
        <v>2146</v>
      </c>
      <c r="BC14" s="261">
        <v>909</v>
      </c>
      <c r="BD14" s="262">
        <v>16512</v>
      </c>
      <c r="BE14" s="263">
        <v>16512</v>
      </c>
      <c r="BF14" s="257">
        <v>0</v>
      </c>
      <c r="BG14" s="261">
        <v>0</v>
      </c>
      <c r="BH14" s="258">
        <v>0</v>
      </c>
      <c r="BI14" s="260">
        <v>0</v>
      </c>
      <c r="BJ14" s="261">
        <v>1541</v>
      </c>
      <c r="BK14" s="261">
        <v>1051</v>
      </c>
      <c r="BL14" s="261">
        <v>684</v>
      </c>
      <c r="BM14" s="261">
        <v>558</v>
      </c>
      <c r="BN14" s="261">
        <v>123</v>
      </c>
      <c r="BO14" s="258">
        <v>3957</v>
      </c>
      <c r="BP14" s="263">
        <v>3957</v>
      </c>
      <c r="BQ14" s="257">
        <v>25</v>
      </c>
      <c r="BR14" s="261">
        <v>67</v>
      </c>
      <c r="BS14" s="258">
        <v>92</v>
      </c>
      <c r="BT14" s="260">
        <v>0</v>
      </c>
      <c r="BU14" s="261">
        <v>691</v>
      </c>
      <c r="BV14" s="261">
        <v>778</v>
      </c>
      <c r="BW14" s="261">
        <v>1517</v>
      </c>
      <c r="BX14" s="261">
        <v>1087</v>
      </c>
      <c r="BY14" s="261">
        <v>346</v>
      </c>
      <c r="BZ14" s="258">
        <v>4419</v>
      </c>
      <c r="CA14" s="263">
        <v>4511</v>
      </c>
      <c r="CB14" s="257">
        <v>0</v>
      </c>
      <c r="CC14" s="261">
        <v>8</v>
      </c>
      <c r="CD14" s="258">
        <v>8</v>
      </c>
      <c r="CE14" s="260">
        <v>0</v>
      </c>
      <c r="CF14" s="261">
        <v>51</v>
      </c>
      <c r="CG14" s="261">
        <v>22</v>
      </c>
      <c r="CH14" s="261">
        <v>80</v>
      </c>
      <c r="CI14" s="261">
        <v>51</v>
      </c>
      <c r="CJ14" s="261">
        <v>72</v>
      </c>
      <c r="CK14" s="258">
        <v>276</v>
      </c>
      <c r="CL14" s="263">
        <v>284</v>
      </c>
      <c r="CM14" s="257">
        <v>0</v>
      </c>
      <c r="CN14" s="261">
        <v>0</v>
      </c>
      <c r="CO14" s="258">
        <v>0</v>
      </c>
      <c r="CP14" s="260">
        <v>0</v>
      </c>
      <c r="CQ14" s="261">
        <v>0</v>
      </c>
      <c r="CR14" s="261">
        <v>0</v>
      </c>
      <c r="CS14" s="261">
        <v>0</v>
      </c>
      <c r="CT14" s="261">
        <v>0</v>
      </c>
      <c r="CU14" s="261">
        <v>0</v>
      </c>
      <c r="CV14" s="258">
        <v>0</v>
      </c>
      <c r="CW14" s="263">
        <v>0</v>
      </c>
      <c r="CX14" s="257">
        <v>0</v>
      </c>
      <c r="CY14" s="261">
        <v>0</v>
      </c>
      <c r="CZ14" s="258">
        <v>0</v>
      </c>
      <c r="DA14" s="260">
        <v>0</v>
      </c>
      <c r="DB14" s="261">
        <v>0</v>
      </c>
      <c r="DC14" s="261">
        <v>0</v>
      </c>
      <c r="DD14" s="261">
        <v>0</v>
      </c>
      <c r="DE14" s="261">
        <v>0</v>
      </c>
      <c r="DF14" s="261">
        <v>0</v>
      </c>
      <c r="DG14" s="258">
        <v>0</v>
      </c>
      <c r="DH14" s="263">
        <v>0</v>
      </c>
    </row>
    <row r="15" spans="2:112" ht="21" customHeight="1" x14ac:dyDescent="0.2">
      <c r="B15" s="472" t="s">
        <v>12</v>
      </c>
      <c r="C15" s="257">
        <v>0</v>
      </c>
      <c r="D15" s="261">
        <v>0</v>
      </c>
      <c r="E15" s="358">
        <v>0</v>
      </c>
      <c r="F15" s="260">
        <v>0</v>
      </c>
      <c r="G15" s="261">
        <v>6330</v>
      </c>
      <c r="H15" s="261">
        <v>8570</v>
      </c>
      <c r="I15" s="261">
        <v>11713</v>
      </c>
      <c r="J15" s="261">
        <v>13587</v>
      </c>
      <c r="K15" s="261">
        <v>11578</v>
      </c>
      <c r="L15" s="262">
        <v>51778</v>
      </c>
      <c r="M15" s="263">
        <v>51778</v>
      </c>
      <c r="N15" s="257">
        <v>0</v>
      </c>
      <c r="O15" s="261">
        <v>21</v>
      </c>
      <c r="P15" s="258">
        <v>21</v>
      </c>
      <c r="Q15" s="260">
        <v>0</v>
      </c>
      <c r="R15" s="261">
        <v>10</v>
      </c>
      <c r="S15" s="261">
        <v>70</v>
      </c>
      <c r="T15" s="261">
        <v>103</v>
      </c>
      <c r="U15" s="261">
        <v>277</v>
      </c>
      <c r="V15" s="261">
        <v>417</v>
      </c>
      <c r="W15" s="258">
        <v>877</v>
      </c>
      <c r="X15" s="263">
        <v>898</v>
      </c>
      <c r="Y15" s="257">
        <v>599</v>
      </c>
      <c r="Z15" s="261">
        <v>1970</v>
      </c>
      <c r="AA15" s="258">
        <v>2569</v>
      </c>
      <c r="AB15" s="260">
        <v>0</v>
      </c>
      <c r="AC15" s="261">
        <v>2145</v>
      </c>
      <c r="AD15" s="261">
        <v>3177</v>
      </c>
      <c r="AE15" s="261">
        <v>2093</v>
      </c>
      <c r="AF15" s="261">
        <v>2070</v>
      </c>
      <c r="AG15" s="261">
        <v>1900</v>
      </c>
      <c r="AH15" s="258">
        <v>11385</v>
      </c>
      <c r="AI15" s="263">
        <v>13954</v>
      </c>
      <c r="AJ15" s="257">
        <v>56</v>
      </c>
      <c r="AK15" s="261">
        <v>244</v>
      </c>
      <c r="AL15" s="258">
        <v>300</v>
      </c>
      <c r="AM15" s="260">
        <v>0</v>
      </c>
      <c r="AN15" s="261">
        <v>174</v>
      </c>
      <c r="AO15" s="261">
        <v>513</v>
      </c>
      <c r="AP15" s="261">
        <v>323</v>
      </c>
      <c r="AQ15" s="261">
        <v>287</v>
      </c>
      <c r="AR15" s="261">
        <v>179</v>
      </c>
      <c r="AS15" s="258">
        <v>1476</v>
      </c>
      <c r="AT15" s="263">
        <v>1776</v>
      </c>
      <c r="AU15" s="257">
        <v>0</v>
      </c>
      <c r="AV15" s="261">
        <v>0</v>
      </c>
      <c r="AW15" s="258">
        <v>0</v>
      </c>
      <c r="AX15" s="260">
        <v>0</v>
      </c>
      <c r="AY15" s="261">
        <v>5732</v>
      </c>
      <c r="AZ15" s="261">
        <v>4502</v>
      </c>
      <c r="BA15" s="261">
        <v>3285</v>
      </c>
      <c r="BB15" s="261">
        <v>2425</v>
      </c>
      <c r="BC15" s="261">
        <v>1229</v>
      </c>
      <c r="BD15" s="262">
        <v>17173</v>
      </c>
      <c r="BE15" s="263">
        <v>17173</v>
      </c>
      <c r="BF15" s="257">
        <v>0</v>
      </c>
      <c r="BG15" s="261">
        <v>0</v>
      </c>
      <c r="BH15" s="258">
        <v>0</v>
      </c>
      <c r="BI15" s="260">
        <v>0</v>
      </c>
      <c r="BJ15" s="261">
        <v>932</v>
      </c>
      <c r="BK15" s="261">
        <v>1320</v>
      </c>
      <c r="BL15" s="261">
        <v>1078</v>
      </c>
      <c r="BM15" s="261">
        <v>569</v>
      </c>
      <c r="BN15" s="261">
        <v>184</v>
      </c>
      <c r="BO15" s="258">
        <v>4083</v>
      </c>
      <c r="BP15" s="263">
        <v>4083</v>
      </c>
      <c r="BQ15" s="257">
        <v>23</v>
      </c>
      <c r="BR15" s="261">
        <v>88</v>
      </c>
      <c r="BS15" s="258">
        <v>111</v>
      </c>
      <c r="BT15" s="260">
        <v>0</v>
      </c>
      <c r="BU15" s="261">
        <v>740</v>
      </c>
      <c r="BV15" s="261">
        <v>961</v>
      </c>
      <c r="BW15" s="261">
        <v>1178</v>
      </c>
      <c r="BX15" s="261">
        <v>1272</v>
      </c>
      <c r="BY15" s="261">
        <v>719</v>
      </c>
      <c r="BZ15" s="258">
        <v>4870</v>
      </c>
      <c r="CA15" s="263">
        <v>4981</v>
      </c>
      <c r="CB15" s="257">
        <v>0</v>
      </c>
      <c r="CC15" s="261">
        <v>0</v>
      </c>
      <c r="CD15" s="258">
        <v>0</v>
      </c>
      <c r="CE15" s="260">
        <v>0</v>
      </c>
      <c r="CF15" s="261">
        <v>51</v>
      </c>
      <c r="CG15" s="261">
        <v>39</v>
      </c>
      <c r="CH15" s="261">
        <v>95</v>
      </c>
      <c r="CI15" s="261">
        <v>21</v>
      </c>
      <c r="CJ15" s="261">
        <v>0</v>
      </c>
      <c r="CK15" s="258">
        <v>206</v>
      </c>
      <c r="CL15" s="263">
        <v>206</v>
      </c>
      <c r="CM15" s="257">
        <v>0</v>
      </c>
      <c r="CN15" s="261">
        <v>0</v>
      </c>
      <c r="CO15" s="258">
        <v>0</v>
      </c>
      <c r="CP15" s="260">
        <v>0</v>
      </c>
      <c r="CQ15" s="261">
        <v>0</v>
      </c>
      <c r="CR15" s="261">
        <v>0</v>
      </c>
      <c r="CS15" s="261">
        <v>0</v>
      </c>
      <c r="CT15" s="261">
        <v>0</v>
      </c>
      <c r="CU15" s="261">
        <v>0</v>
      </c>
      <c r="CV15" s="258">
        <v>0</v>
      </c>
      <c r="CW15" s="263">
        <v>0</v>
      </c>
      <c r="CX15" s="257">
        <v>0</v>
      </c>
      <c r="CY15" s="261">
        <v>0</v>
      </c>
      <c r="CZ15" s="258">
        <v>0</v>
      </c>
      <c r="DA15" s="260">
        <v>0</v>
      </c>
      <c r="DB15" s="261">
        <v>0</v>
      </c>
      <c r="DC15" s="261">
        <v>0</v>
      </c>
      <c r="DD15" s="261">
        <v>0</v>
      </c>
      <c r="DE15" s="261">
        <v>0</v>
      </c>
      <c r="DF15" s="261">
        <v>0</v>
      </c>
      <c r="DG15" s="258">
        <v>0</v>
      </c>
      <c r="DH15" s="263">
        <v>0</v>
      </c>
    </row>
    <row r="16" spans="2:112" ht="21" customHeight="1" x14ac:dyDescent="0.2">
      <c r="B16" s="472" t="s">
        <v>13</v>
      </c>
      <c r="C16" s="257">
        <v>0</v>
      </c>
      <c r="D16" s="261">
        <v>37</v>
      </c>
      <c r="E16" s="358">
        <v>37</v>
      </c>
      <c r="F16" s="260">
        <v>0</v>
      </c>
      <c r="G16" s="261">
        <v>2208</v>
      </c>
      <c r="H16" s="261">
        <v>3806</v>
      </c>
      <c r="I16" s="261">
        <v>3755</v>
      </c>
      <c r="J16" s="261">
        <v>5036</v>
      </c>
      <c r="K16" s="261">
        <v>6406</v>
      </c>
      <c r="L16" s="262">
        <v>21211</v>
      </c>
      <c r="M16" s="263">
        <v>21248</v>
      </c>
      <c r="N16" s="257">
        <v>0</v>
      </c>
      <c r="O16" s="261">
        <v>0</v>
      </c>
      <c r="P16" s="258">
        <v>0</v>
      </c>
      <c r="Q16" s="260">
        <v>0</v>
      </c>
      <c r="R16" s="261">
        <v>2</v>
      </c>
      <c r="S16" s="261">
        <v>8</v>
      </c>
      <c r="T16" s="261">
        <v>17</v>
      </c>
      <c r="U16" s="261">
        <v>72</v>
      </c>
      <c r="V16" s="261">
        <v>172</v>
      </c>
      <c r="W16" s="258">
        <v>271</v>
      </c>
      <c r="X16" s="263">
        <v>271</v>
      </c>
      <c r="Y16" s="257">
        <v>40</v>
      </c>
      <c r="Z16" s="261">
        <v>211</v>
      </c>
      <c r="AA16" s="258">
        <v>251</v>
      </c>
      <c r="AB16" s="260">
        <v>0</v>
      </c>
      <c r="AC16" s="261">
        <v>1024</v>
      </c>
      <c r="AD16" s="261">
        <v>1581</v>
      </c>
      <c r="AE16" s="261">
        <v>993</v>
      </c>
      <c r="AF16" s="261">
        <v>864</v>
      </c>
      <c r="AG16" s="261">
        <v>764</v>
      </c>
      <c r="AH16" s="258">
        <v>5226</v>
      </c>
      <c r="AI16" s="263">
        <v>5477</v>
      </c>
      <c r="AJ16" s="257">
        <v>15</v>
      </c>
      <c r="AK16" s="261">
        <v>49</v>
      </c>
      <c r="AL16" s="258">
        <v>64</v>
      </c>
      <c r="AM16" s="260">
        <v>0</v>
      </c>
      <c r="AN16" s="261">
        <v>196</v>
      </c>
      <c r="AO16" s="261">
        <v>237</v>
      </c>
      <c r="AP16" s="261">
        <v>110</v>
      </c>
      <c r="AQ16" s="261">
        <v>145</v>
      </c>
      <c r="AR16" s="261">
        <v>84</v>
      </c>
      <c r="AS16" s="258">
        <v>772</v>
      </c>
      <c r="AT16" s="263">
        <v>836</v>
      </c>
      <c r="AU16" s="257">
        <v>0</v>
      </c>
      <c r="AV16" s="261">
        <v>0</v>
      </c>
      <c r="AW16" s="258">
        <v>0</v>
      </c>
      <c r="AX16" s="260">
        <v>0</v>
      </c>
      <c r="AY16" s="261">
        <v>1400</v>
      </c>
      <c r="AZ16" s="261">
        <v>1674</v>
      </c>
      <c r="BA16" s="261">
        <v>1077</v>
      </c>
      <c r="BB16" s="261">
        <v>710</v>
      </c>
      <c r="BC16" s="261">
        <v>387</v>
      </c>
      <c r="BD16" s="262">
        <v>5248</v>
      </c>
      <c r="BE16" s="263">
        <v>5248</v>
      </c>
      <c r="BF16" s="257">
        <v>0</v>
      </c>
      <c r="BG16" s="261">
        <v>0</v>
      </c>
      <c r="BH16" s="258">
        <v>0</v>
      </c>
      <c r="BI16" s="260">
        <v>0</v>
      </c>
      <c r="BJ16" s="261">
        <v>207</v>
      </c>
      <c r="BK16" s="261">
        <v>233</v>
      </c>
      <c r="BL16" s="261">
        <v>232</v>
      </c>
      <c r="BM16" s="261">
        <v>207</v>
      </c>
      <c r="BN16" s="261">
        <v>126</v>
      </c>
      <c r="BO16" s="258">
        <v>1005</v>
      </c>
      <c r="BP16" s="263">
        <v>1005</v>
      </c>
      <c r="BQ16" s="257">
        <v>0</v>
      </c>
      <c r="BR16" s="261">
        <v>0</v>
      </c>
      <c r="BS16" s="258">
        <v>0</v>
      </c>
      <c r="BT16" s="260">
        <v>0</v>
      </c>
      <c r="BU16" s="261">
        <v>113</v>
      </c>
      <c r="BV16" s="261">
        <v>221</v>
      </c>
      <c r="BW16" s="261">
        <v>562</v>
      </c>
      <c r="BX16" s="261">
        <v>632</v>
      </c>
      <c r="BY16" s="261">
        <v>220</v>
      </c>
      <c r="BZ16" s="258">
        <v>1748</v>
      </c>
      <c r="CA16" s="263">
        <v>1748</v>
      </c>
      <c r="CB16" s="257">
        <v>0</v>
      </c>
      <c r="CC16" s="261">
        <v>0</v>
      </c>
      <c r="CD16" s="258">
        <v>0</v>
      </c>
      <c r="CE16" s="260">
        <v>0</v>
      </c>
      <c r="CF16" s="261">
        <v>10</v>
      </c>
      <c r="CG16" s="261">
        <v>8</v>
      </c>
      <c r="CH16" s="261">
        <v>37</v>
      </c>
      <c r="CI16" s="261">
        <v>62</v>
      </c>
      <c r="CJ16" s="261">
        <v>7</v>
      </c>
      <c r="CK16" s="258">
        <v>124</v>
      </c>
      <c r="CL16" s="263">
        <v>124</v>
      </c>
      <c r="CM16" s="257">
        <v>0</v>
      </c>
      <c r="CN16" s="261">
        <v>0</v>
      </c>
      <c r="CO16" s="258">
        <v>0</v>
      </c>
      <c r="CP16" s="260">
        <v>0</v>
      </c>
      <c r="CQ16" s="261">
        <v>0</v>
      </c>
      <c r="CR16" s="261">
        <v>0</v>
      </c>
      <c r="CS16" s="261">
        <v>0</v>
      </c>
      <c r="CT16" s="261">
        <v>0</v>
      </c>
      <c r="CU16" s="261">
        <v>0</v>
      </c>
      <c r="CV16" s="258">
        <v>0</v>
      </c>
      <c r="CW16" s="263">
        <v>0</v>
      </c>
      <c r="CX16" s="257">
        <v>0</v>
      </c>
      <c r="CY16" s="261">
        <v>0</v>
      </c>
      <c r="CZ16" s="258">
        <v>0</v>
      </c>
      <c r="DA16" s="260">
        <v>0</v>
      </c>
      <c r="DB16" s="261">
        <v>0</v>
      </c>
      <c r="DC16" s="261">
        <v>0</v>
      </c>
      <c r="DD16" s="261">
        <v>0</v>
      </c>
      <c r="DE16" s="261">
        <v>0</v>
      </c>
      <c r="DF16" s="261">
        <v>0</v>
      </c>
      <c r="DG16" s="258">
        <v>0</v>
      </c>
      <c r="DH16" s="263">
        <v>0</v>
      </c>
    </row>
    <row r="17" spans="2:112" ht="21" customHeight="1" x14ac:dyDescent="0.2">
      <c r="B17" s="472" t="s">
        <v>15</v>
      </c>
      <c r="C17" s="257">
        <v>0</v>
      </c>
      <c r="D17" s="261">
        <v>0</v>
      </c>
      <c r="E17" s="358">
        <v>0</v>
      </c>
      <c r="F17" s="260">
        <v>0</v>
      </c>
      <c r="G17" s="261">
        <v>1021</v>
      </c>
      <c r="H17" s="261">
        <v>2614</v>
      </c>
      <c r="I17" s="261">
        <v>2261</v>
      </c>
      <c r="J17" s="261">
        <v>2264</v>
      </c>
      <c r="K17" s="261">
        <v>2553</v>
      </c>
      <c r="L17" s="262">
        <v>10713</v>
      </c>
      <c r="M17" s="263">
        <v>10713</v>
      </c>
      <c r="N17" s="257">
        <v>0</v>
      </c>
      <c r="O17" s="261">
        <v>0</v>
      </c>
      <c r="P17" s="258">
        <v>0</v>
      </c>
      <c r="Q17" s="260">
        <v>0</v>
      </c>
      <c r="R17" s="261">
        <v>0</v>
      </c>
      <c r="S17" s="261">
        <v>11</v>
      </c>
      <c r="T17" s="261">
        <v>29</v>
      </c>
      <c r="U17" s="261">
        <v>69</v>
      </c>
      <c r="V17" s="261">
        <v>123</v>
      </c>
      <c r="W17" s="258">
        <v>232</v>
      </c>
      <c r="X17" s="263">
        <v>232</v>
      </c>
      <c r="Y17" s="257">
        <v>24</v>
      </c>
      <c r="Z17" s="261">
        <v>109</v>
      </c>
      <c r="AA17" s="258">
        <v>133</v>
      </c>
      <c r="AB17" s="260">
        <v>0</v>
      </c>
      <c r="AC17" s="261">
        <v>396</v>
      </c>
      <c r="AD17" s="261">
        <v>674</v>
      </c>
      <c r="AE17" s="261">
        <v>415</v>
      </c>
      <c r="AF17" s="261">
        <v>293</v>
      </c>
      <c r="AG17" s="261">
        <v>445</v>
      </c>
      <c r="AH17" s="258">
        <v>2223</v>
      </c>
      <c r="AI17" s="263">
        <v>2356</v>
      </c>
      <c r="AJ17" s="257">
        <v>0</v>
      </c>
      <c r="AK17" s="261">
        <v>18</v>
      </c>
      <c r="AL17" s="258">
        <v>18</v>
      </c>
      <c r="AM17" s="260">
        <v>0</v>
      </c>
      <c r="AN17" s="261">
        <v>86</v>
      </c>
      <c r="AO17" s="261">
        <v>161</v>
      </c>
      <c r="AP17" s="261">
        <v>43</v>
      </c>
      <c r="AQ17" s="261">
        <v>47</v>
      </c>
      <c r="AR17" s="261">
        <v>88</v>
      </c>
      <c r="AS17" s="258">
        <v>425</v>
      </c>
      <c r="AT17" s="263">
        <v>443</v>
      </c>
      <c r="AU17" s="257">
        <v>0</v>
      </c>
      <c r="AV17" s="261">
        <v>0</v>
      </c>
      <c r="AW17" s="258">
        <v>0</v>
      </c>
      <c r="AX17" s="260">
        <v>0</v>
      </c>
      <c r="AY17" s="261">
        <v>845</v>
      </c>
      <c r="AZ17" s="261">
        <v>961</v>
      </c>
      <c r="BA17" s="261">
        <v>631</v>
      </c>
      <c r="BB17" s="261">
        <v>231</v>
      </c>
      <c r="BC17" s="261">
        <v>123</v>
      </c>
      <c r="BD17" s="262">
        <v>2791</v>
      </c>
      <c r="BE17" s="263">
        <v>2791</v>
      </c>
      <c r="BF17" s="257">
        <v>0</v>
      </c>
      <c r="BG17" s="261">
        <v>0</v>
      </c>
      <c r="BH17" s="258">
        <v>0</v>
      </c>
      <c r="BI17" s="260">
        <v>0</v>
      </c>
      <c r="BJ17" s="261">
        <v>221</v>
      </c>
      <c r="BK17" s="261">
        <v>231</v>
      </c>
      <c r="BL17" s="261">
        <v>212</v>
      </c>
      <c r="BM17" s="261">
        <v>100</v>
      </c>
      <c r="BN17" s="261">
        <v>64</v>
      </c>
      <c r="BO17" s="258">
        <v>828</v>
      </c>
      <c r="BP17" s="263">
        <v>828</v>
      </c>
      <c r="BQ17" s="257">
        <v>0</v>
      </c>
      <c r="BR17" s="261">
        <v>2</v>
      </c>
      <c r="BS17" s="258">
        <v>2</v>
      </c>
      <c r="BT17" s="260">
        <v>0</v>
      </c>
      <c r="BU17" s="261">
        <v>43</v>
      </c>
      <c r="BV17" s="261">
        <v>262</v>
      </c>
      <c r="BW17" s="261">
        <v>794</v>
      </c>
      <c r="BX17" s="261">
        <v>736</v>
      </c>
      <c r="BY17" s="261">
        <v>273</v>
      </c>
      <c r="BZ17" s="258">
        <v>2108</v>
      </c>
      <c r="CA17" s="263">
        <v>2110</v>
      </c>
      <c r="CB17" s="257">
        <v>0</v>
      </c>
      <c r="CC17" s="261">
        <v>0</v>
      </c>
      <c r="CD17" s="258">
        <v>0</v>
      </c>
      <c r="CE17" s="260">
        <v>0</v>
      </c>
      <c r="CF17" s="261">
        <v>0</v>
      </c>
      <c r="CG17" s="261">
        <v>21</v>
      </c>
      <c r="CH17" s="261">
        <v>13</v>
      </c>
      <c r="CI17" s="261">
        <v>51</v>
      </c>
      <c r="CJ17" s="261">
        <v>0</v>
      </c>
      <c r="CK17" s="258">
        <v>85</v>
      </c>
      <c r="CL17" s="263">
        <v>85</v>
      </c>
      <c r="CM17" s="257">
        <v>0</v>
      </c>
      <c r="CN17" s="261">
        <v>0</v>
      </c>
      <c r="CO17" s="258">
        <v>0</v>
      </c>
      <c r="CP17" s="260">
        <v>0</v>
      </c>
      <c r="CQ17" s="261">
        <v>0</v>
      </c>
      <c r="CR17" s="261">
        <v>0</v>
      </c>
      <c r="CS17" s="261">
        <v>0</v>
      </c>
      <c r="CT17" s="261">
        <v>0</v>
      </c>
      <c r="CU17" s="261">
        <v>0</v>
      </c>
      <c r="CV17" s="258">
        <v>0</v>
      </c>
      <c r="CW17" s="263">
        <v>0</v>
      </c>
      <c r="CX17" s="257">
        <v>0</v>
      </c>
      <c r="CY17" s="261">
        <v>0</v>
      </c>
      <c r="CZ17" s="258">
        <v>0</v>
      </c>
      <c r="DA17" s="260">
        <v>0</v>
      </c>
      <c r="DB17" s="261">
        <v>0</v>
      </c>
      <c r="DC17" s="261">
        <v>0</v>
      </c>
      <c r="DD17" s="261">
        <v>0</v>
      </c>
      <c r="DE17" s="261">
        <v>0</v>
      </c>
      <c r="DF17" s="261">
        <v>0</v>
      </c>
      <c r="DG17" s="258">
        <v>0</v>
      </c>
      <c r="DH17" s="263">
        <v>0</v>
      </c>
    </row>
    <row r="18" spans="2:112" ht="21" customHeight="1" x14ac:dyDescent="0.2">
      <c r="B18" s="472" t="s">
        <v>16</v>
      </c>
      <c r="C18" s="257">
        <v>0</v>
      </c>
      <c r="D18" s="261">
        <v>0</v>
      </c>
      <c r="E18" s="358">
        <v>0</v>
      </c>
      <c r="F18" s="260">
        <v>0</v>
      </c>
      <c r="G18" s="261">
        <v>2315</v>
      </c>
      <c r="H18" s="261">
        <v>4404</v>
      </c>
      <c r="I18" s="261">
        <v>4223</v>
      </c>
      <c r="J18" s="261">
        <v>5294</v>
      </c>
      <c r="K18" s="261">
        <v>4231</v>
      </c>
      <c r="L18" s="262">
        <v>20467</v>
      </c>
      <c r="M18" s="263">
        <v>20467</v>
      </c>
      <c r="N18" s="257">
        <v>0</v>
      </c>
      <c r="O18" s="261">
        <v>0</v>
      </c>
      <c r="P18" s="258">
        <v>0</v>
      </c>
      <c r="Q18" s="260">
        <v>0</v>
      </c>
      <c r="R18" s="261">
        <v>6</v>
      </c>
      <c r="S18" s="261">
        <v>38</v>
      </c>
      <c r="T18" s="261">
        <v>63</v>
      </c>
      <c r="U18" s="261">
        <v>101</v>
      </c>
      <c r="V18" s="261">
        <v>260</v>
      </c>
      <c r="W18" s="258">
        <v>468</v>
      </c>
      <c r="X18" s="263">
        <v>468</v>
      </c>
      <c r="Y18" s="257">
        <v>71</v>
      </c>
      <c r="Z18" s="261">
        <v>314</v>
      </c>
      <c r="AA18" s="258">
        <v>385</v>
      </c>
      <c r="AB18" s="260">
        <v>0</v>
      </c>
      <c r="AC18" s="261">
        <v>1253</v>
      </c>
      <c r="AD18" s="261">
        <v>2833</v>
      </c>
      <c r="AE18" s="261">
        <v>1679</v>
      </c>
      <c r="AF18" s="261">
        <v>1489</v>
      </c>
      <c r="AG18" s="261">
        <v>1094</v>
      </c>
      <c r="AH18" s="258">
        <v>8348</v>
      </c>
      <c r="AI18" s="263">
        <v>8733</v>
      </c>
      <c r="AJ18" s="257">
        <v>38</v>
      </c>
      <c r="AK18" s="261">
        <v>116</v>
      </c>
      <c r="AL18" s="258">
        <v>154</v>
      </c>
      <c r="AM18" s="260">
        <v>0</v>
      </c>
      <c r="AN18" s="261">
        <v>130</v>
      </c>
      <c r="AO18" s="261">
        <v>517</v>
      </c>
      <c r="AP18" s="261">
        <v>242</v>
      </c>
      <c r="AQ18" s="261">
        <v>118</v>
      </c>
      <c r="AR18" s="261">
        <v>139</v>
      </c>
      <c r="AS18" s="258">
        <v>1146</v>
      </c>
      <c r="AT18" s="263">
        <v>1300</v>
      </c>
      <c r="AU18" s="257">
        <v>0</v>
      </c>
      <c r="AV18" s="261">
        <v>0</v>
      </c>
      <c r="AW18" s="258">
        <v>0</v>
      </c>
      <c r="AX18" s="260">
        <v>0</v>
      </c>
      <c r="AY18" s="261">
        <v>3159</v>
      </c>
      <c r="AZ18" s="261">
        <v>4640</v>
      </c>
      <c r="BA18" s="261">
        <v>3111</v>
      </c>
      <c r="BB18" s="261">
        <v>1978</v>
      </c>
      <c r="BC18" s="261">
        <v>1167</v>
      </c>
      <c r="BD18" s="262">
        <v>14055</v>
      </c>
      <c r="BE18" s="263">
        <v>14055</v>
      </c>
      <c r="BF18" s="257">
        <v>0</v>
      </c>
      <c r="BG18" s="261">
        <v>0</v>
      </c>
      <c r="BH18" s="258">
        <v>0</v>
      </c>
      <c r="BI18" s="260">
        <v>0</v>
      </c>
      <c r="BJ18" s="261">
        <v>1396</v>
      </c>
      <c r="BK18" s="261">
        <v>2270</v>
      </c>
      <c r="BL18" s="261">
        <v>872</v>
      </c>
      <c r="BM18" s="261">
        <v>492</v>
      </c>
      <c r="BN18" s="261">
        <v>145</v>
      </c>
      <c r="BO18" s="258">
        <v>5175</v>
      </c>
      <c r="BP18" s="263">
        <v>5175</v>
      </c>
      <c r="BQ18" s="257">
        <v>4</v>
      </c>
      <c r="BR18" s="261">
        <v>14</v>
      </c>
      <c r="BS18" s="258">
        <v>18</v>
      </c>
      <c r="BT18" s="260">
        <v>0</v>
      </c>
      <c r="BU18" s="261">
        <v>230</v>
      </c>
      <c r="BV18" s="261">
        <v>637</v>
      </c>
      <c r="BW18" s="261">
        <v>794</v>
      </c>
      <c r="BX18" s="261">
        <v>559</v>
      </c>
      <c r="BY18" s="261">
        <v>222</v>
      </c>
      <c r="BZ18" s="258">
        <v>2442</v>
      </c>
      <c r="CA18" s="263">
        <v>2460</v>
      </c>
      <c r="CB18" s="257">
        <v>0</v>
      </c>
      <c r="CC18" s="261">
        <v>0</v>
      </c>
      <c r="CD18" s="258">
        <v>0</v>
      </c>
      <c r="CE18" s="260">
        <v>0</v>
      </c>
      <c r="CF18" s="261">
        <v>3</v>
      </c>
      <c r="CG18" s="261">
        <v>67</v>
      </c>
      <c r="CH18" s="261">
        <v>55</v>
      </c>
      <c r="CI18" s="261">
        <v>37</v>
      </c>
      <c r="CJ18" s="261">
        <v>13</v>
      </c>
      <c r="CK18" s="258">
        <v>175</v>
      </c>
      <c r="CL18" s="263">
        <v>175</v>
      </c>
      <c r="CM18" s="257">
        <v>0</v>
      </c>
      <c r="CN18" s="261">
        <v>0</v>
      </c>
      <c r="CO18" s="258">
        <v>0</v>
      </c>
      <c r="CP18" s="260">
        <v>0</v>
      </c>
      <c r="CQ18" s="261">
        <v>0</v>
      </c>
      <c r="CR18" s="261">
        <v>0</v>
      </c>
      <c r="CS18" s="261">
        <v>0</v>
      </c>
      <c r="CT18" s="261">
        <v>0</v>
      </c>
      <c r="CU18" s="261">
        <v>0</v>
      </c>
      <c r="CV18" s="258">
        <v>0</v>
      </c>
      <c r="CW18" s="263">
        <v>0</v>
      </c>
      <c r="CX18" s="257">
        <v>0</v>
      </c>
      <c r="CY18" s="261">
        <v>0</v>
      </c>
      <c r="CZ18" s="258">
        <v>0</v>
      </c>
      <c r="DA18" s="260">
        <v>0</v>
      </c>
      <c r="DB18" s="261">
        <v>0</v>
      </c>
      <c r="DC18" s="261">
        <v>0</v>
      </c>
      <c r="DD18" s="261">
        <v>0</v>
      </c>
      <c r="DE18" s="261">
        <v>0</v>
      </c>
      <c r="DF18" s="261">
        <v>0</v>
      </c>
      <c r="DG18" s="258">
        <v>0</v>
      </c>
      <c r="DH18" s="263">
        <v>0</v>
      </c>
    </row>
    <row r="19" spans="2:112" ht="21" customHeight="1" x14ac:dyDescent="0.2">
      <c r="B19" s="472" t="s">
        <v>17</v>
      </c>
      <c r="C19" s="257">
        <v>0</v>
      </c>
      <c r="D19" s="261">
        <v>0</v>
      </c>
      <c r="E19" s="358">
        <v>0</v>
      </c>
      <c r="F19" s="260">
        <v>0</v>
      </c>
      <c r="G19" s="261">
        <v>2918</v>
      </c>
      <c r="H19" s="261">
        <v>7446</v>
      </c>
      <c r="I19" s="261">
        <v>9927</v>
      </c>
      <c r="J19" s="261">
        <v>11987</v>
      </c>
      <c r="K19" s="261">
        <v>10805</v>
      </c>
      <c r="L19" s="262">
        <v>43083</v>
      </c>
      <c r="M19" s="263">
        <v>43083</v>
      </c>
      <c r="N19" s="257">
        <v>0</v>
      </c>
      <c r="O19" s="261">
        <v>0</v>
      </c>
      <c r="P19" s="258">
        <v>0</v>
      </c>
      <c r="Q19" s="260">
        <v>0</v>
      </c>
      <c r="R19" s="261">
        <v>8</v>
      </c>
      <c r="S19" s="261">
        <v>25</v>
      </c>
      <c r="T19" s="261">
        <v>84</v>
      </c>
      <c r="U19" s="261">
        <v>187</v>
      </c>
      <c r="V19" s="261">
        <v>393</v>
      </c>
      <c r="W19" s="258">
        <v>697</v>
      </c>
      <c r="X19" s="263">
        <v>697</v>
      </c>
      <c r="Y19" s="257">
        <v>170</v>
      </c>
      <c r="Z19" s="261">
        <v>617</v>
      </c>
      <c r="AA19" s="258">
        <v>787</v>
      </c>
      <c r="AB19" s="260">
        <v>0</v>
      </c>
      <c r="AC19" s="261">
        <v>1425</v>
      </c>
      <c r="AD19" s="261">
        <v>2982</v>
      </c>
      <c r="AE19" s="261">
        <v>2090</v>
      </c>
      <c r="AF19" s="261">
        <v>1771</v>
      </c>
      <c r="AG19" s="261">
        <v>1396</v>
      </c>
      <c r="AH19" s="258">
        <v>9664</v>
      </c>
      <c r="AI19" s="263">
        <v>10451</v>
      </c>
      <c r="AJ19" s="257">
        <v>24</v>
      </c>
      <c r="AK19" s="261">
        <v>122</v>
      </c>
      <c r="AL19" s="258">
        <v>146</v>
      </c>
      <c r="AM19" s="260">
        <v>0</v>
      </c>
      <c r="AN19" s="261">
        <v>117</v>
      </c>
      <c r="AO19" s="261">
        <v>482</v>
      </c>
      <c r="AP19" s="261">
        <v>427</v>
      </c>
      <c r="AQ19" s="261">
        <v>191</v>
      </c>
      <c r="AR19" s="261">
        <v>246</v>
      </c>
      <c r="AS19" s="258">
        <v>1463</v>
      </c>
      <c r="AT19" s="263">
        <v>1609</v>
      </c>
      <c r="AU19" s="257">
        <v>0</v>
      </c>
      <c r="AV19" s="261">
        <v>0</v>
      </c>
      <c r="AW19" s="258">
        <v>0</v>
      </c>
      <c r="AX19" s="260">
        <v>0</v>
      </c>
      <c r="AY19" s="261">
        <v>2995</v>
      </c>
      <c r="AZ19" s="261">
        <v>5281</v>
      </c>
      <c r="BA19" s="261">
        <v>3540</v>
      </c>
      <c r="BB19" s="261">
        <v>2025</v>
      </c>
      <c r="BC19" s="261">
        <v>1050</v>
      </c>
      <c r="BD19" s="262">
        <v>14891</v>
      </c>
      <c r="BE19" s="263">
        <v>14891</v>
      </c>
      <c r="BF19" s="257">
        <v>0</v>
      </c>
      <c r="BG19" s="261">
        <v>0</v>
      </c>
      <c r="BH19" s="258">
        <v>0</v>
      </c>
      <c r="BI19" s="260">
        <v>0</v>
      </c>
      <c r="BJ19" s="261">
        <v>426</v>
      </c>
      <c r="BK19" s="261">
        <v>1510</v>
      </c>
      <c r="BL19" s="261">
        <v>908</v>
      </c>
      <c r="BM19" s="261">
        <v>420</v>
      </c>
      <c r="BN19" s="261">
        <v>142</v>
      </c>
      <c r="BO19" s="258">
        <v>3406</v>
      </c>
      <c r="BP19" s="263">
        <v>3406</v>
      </c>
      <c r="BQ19" s="257">
        <v>3</v>
      </c>
      <c r="BR19" s="261">
        <v>17</v>
      </c>
      <c r="BS19" s="258">
        <v>20</v>
      </c>
      <c r="BT19" s="260">
        <v>0</v>
      </c>
      <c r="BU19" s="261">
        <v>318</v>
      </c>
      <c r="BV19" s="261">
        <v>773</v>
      </c>
      <c r="BW19" s="261">
        <v>1117</v>
      </c>
      <c r="BX19" s="261">
        <v>1259</v>
      </c>
      <c r="BY19" s="261">
        <v>555</v>
      </c>
      <c r="BZ19" s="258">
        <v>4022</v>
      </c>
      <c r="CA19" s="263">
        <v>4042</v>
      </c>
      <c r="CB19" s="257">
        <v>0</v>
      </c>
      <c r="CC19" s="261">
        <v>9</v>
      </c>
      <c r="CD19" s="258">
        <v>9</v>
      </c>
      <c r="CE19" s="260">
        <v>0</v>
      </c>
      <c r="CF19" s="261">
        <v>8</v>
      </c>
      <c r="CG19" s="261">
        <v>166</v>
      </c>
      <c r="CH19" s="261">
        <v>125</v>
      </c>
      <c r="CI19" s="261">
        <v>115</v>
      </c>
      <c r="CJ19" s="261">
        <v>41</v>
      </c>
      <c r="CK19" s="258">
        <v>455</v>
      </c>
      <c r="CL19" s="263">
        <v>464</v>
      </c>
      <c r="CM19" s="257">
        <v>0</v>
      </c>
      <c r="CN19" s="261">
        <v>0</v>
      </c>
      <c r="CO19" s="258">
        <v>0</v>
      </c>
      <c r="CP19" s="260">
        <v>0</v>
      </c>
      <c r="CQ19" s="261">
        <v>0</v>
      </c>
      <c r="CR19" s="261">
        <v>0</v>
      </c>
      <c r="CS19" s="261">
        <v>0</v>
      </c>
      <c r="CT19" s="261">
        <v>0</v>
      </c>
      <c r="CU19" s="261">
        <v>0</v>
      </c>
      <c r="CV19" s="258">
        <v>0</v>
      </c>
      <c r="CW19" s="263">
        <v>0</v>
      </c>
      <c r="CX19" s="257">
        <v>0</v>
      </c>
      <c r="CY19" s="261">
        <v>0</v>
      </c>
      <c r="CZ19" s="258">
        <v>0</v>
      </c>
      <c r="DA19" s="260">
        <v>0</v>
      </c>
      <c r="DB19" s="261">
        <v>0</v>
      </c>
      <c r="DC19" s="261">
        <v>0</v>
      </c>
      <c r="DD19" s="261">
        <v>0</v>
      </c>
      <c r="DE19" s="261">
        <v>0</v>
      </c>
      <c r="DF19" s="261">
        <v>0</v>
      </c>
      <c r="DG19" s="258">
        <v>0</v>
      </c>
      <c r="DH19" s="263">
        <v>0</v>
      </c>
    </row>
    <row r="20" spans="2:112" ht="21" customHeight="1" x14ac:dyDescent="0.2">
      <c r="B20" s="472" t="s">
        <v>18</v>
      </c>
      <c r="C20" s="257">
        <v>0</v>
      </c>
      <c r="D20" s="261">
        <v>0</v>
      </c>
      <c r="E20" s="358">
        <v>0</v>
      </c>
      <c r="F20" s="260">
        <v>0</v>
      </c>
      <c r="G20" s="261">
        <v>5648</v>
      </c>
      <c r="H20" s="261">
        <v>8386</v>
      </c>
      <c r="I20" s="261">
        <v>9558</v>
      </c>
      <c r="J20" s="261">
        <v>15450</v>
      </c>
      <c r="K20" s="261">
        <v>12285</v>
      </c>
      <c r="L20" s="262">
        <v>51327</v>
      </c>
      <c r="M20" s="263">
        <v>51327</v>
      </c>
      <c r="N20" s="257">
        <v>0</v>
      </c>
      <c r="O20" s="261">
        <v>0</v>
      </c>
      <c r="P20" s="258">
        <v>0</v>
      </c>
      <c r="Q20" s="260">
        <v>0</v>
      </c>
      <c r="R20" s="261">
        <v>10</v>
      </c>
      <c r="S20" s="261">
        <v>31</v>
      </c>
      <c r="T20" s="261">
        <v>66</v>
      </c>
      <c r="U20" s="261">
        <v>275</v>
      </c>
      <c r="V20" s="261">
        <v>442</v>
      </c>
      <c r="W20" s="258">
        <v>824</v>
      </c>
      <c r="X20" s="263">
        <v>824</v>
      </c>
      <c r="Y20" s="257">
        <v>332</v>
      </c>
      <c r="Z20" s="261">
        <v>854</v>
      </c>
      <c r="AA20" s="258">
        <v>1186</v>
      </c>
      <c r="AB20" s="260">
        <v>0</v>
      </c>
      <c r="AC20" s="261">
        <v>2971</v>
      </c>
      <c r="AD20" s="261">
        <v>3451</v>
      </c>
      <c r="AE20" s="261">
        <v>2395</v>
      </c>
      <c r="AF20" s="261">
        <v>2052</v>
      </c>
      <c r="AG20" s="261">
        <v>1700</v>
      </c>
      <c r="AH20" s="258">
        <v>12569</v>
      </c>
      <c r="AI20" s="263">
        <v>13755</v>
      </c>
      <c r="AJ20" s="257">
        <v>104</v>
      </c>
      <c r="AK20" s="261">
        <v>197</v>
      </c>
      <c r="AL20" s="258">
        <v>301</v>
      </c>
      <c r="AM20" s="260">
        <v>0</v>
      </c>
      <c r="AN20" s="261">
        <v>505</v>
      </c>
      <c r="AO20" s="261">
        <v>817</v>
      </c>
      <c r="AP20" s="261">
        <v>567</v>
      </c>
      <c r="AQ20" s="261">
        <v>348</v>
      </c>
      <c r="AR20" s="261">
        <v>171</v>
      </c>
      <c r="AS20" s="258">
        <v>2408</v>
      </c>
      <c r="AT20" s="263">
        <v>2709</v>
      </c>
      <c r="AU20" s="257">
        <v>0</v>
      </c>
      <c r="AV20" s="261">
        <v>0</v>
      </c>
      <c r="AW20" s="258">
        <v>0</v>
      </c>
      <c r="AX20" s="260">
        <v>0</v>
      </c>
      <c r="AY20" s="261">
        <v>6566</v>
      </c>
      <c r="AZ20" s="261">
        <v>6193</v>
      </c>
      <c r="BA20" s="261">
        <v>4598</v>
      </c>
      <c r="BB20" s="261">
        <v>2614</v>
      </c>
      <c r="BC20" s="261">
        <v>1026</v>
      </c>
      <c r="BD20" s="262">
        <v>20997</v>
      </c>
      <c r="BE20" s="263">
        <v>20997</v>
      </c>
      <c r="BF20" s="257">
        <v>0</v>
      </c>
      <c r="BG20" s="261">
        <v>0</v>
      </c>
      <c r="BH20" s="258">
        <v>0</v>
      </c>
      <c r="BI20" s="260">
        <v>0</v>
      </c>
      <c r="BJ20" s="261">
        <v>1362</v>
      </c>
      <c r="BK20" s="261">
        <v>1616</v>
      </c>
      <c r="BL20" s="261">
        <v>1024</v>
      </c>
      <c r="BM20" s="261">
        <v>504</v>
      </c>
      <c r="BN20" s="261">
        <v>163</v>
      </c>
      <c r="BO20" s="258">
        <v>4669</v>
      </c>
      <c r="BP20" s="263">
        <v>4669</v>
      </c>
      <c r="BQ20" s="257">
        <v>17</v>
      </c>
      <c r="BR20" s="261">
        <v>49</v>
      </c>
      <c r="BS20" s="258">
        <v>66</v>
      </c>
      <c r="BT20" s="260">
        <v>0</v>
      </c>
      <c r="BU20" s="261">
        <v>417</v>
      </c>
      <c r="BV20" s="261">
        <v>946</v>
      </c>
      <c r="BW20" s="261">
        <v>1614</v>
      </c>
      <c r="BX20" s="261">
        <v>1826</v>
      </c>
      <c r="BY20" s="261">
        <v>777</v>
      </c>
      <c r="BZ20" s="258">
        <v>5580</v>
      </c>
      <c r="CA20" s="263">
        <v>5646</v>
      </c>
      <c r="CB20" s="257">
        <v>0</v>
      </c>
      <c r="CC20" s="261">
        <v>0</v>
      </c>
      <c r="CD20" s="258">
        <v>0</v>
      </c>
      <c r="CE20" s="260">
        <v>0</v>
      </c>
      <c r="CF20" s="261">
        <v>4</v>
      </c>
      <c r="CG20" s="261">
        <v>32</v>
      </c>
      <c r="CH20" s="261">
        <v>11</v>
      </c>
      <c r="CI20" s="261">
        <v>37</v>
      </c>
      <c r="CJ20" s="261">
        <v>8</v>
      </c>
      <c r="CK20" s="258">
        <v>92</v>
      </c>
      <c r="CL20" s="263">
        <v>92</v>
      </c>
      <c r="CM20" s="257">
        <v>0</v>
      </c>
      <c r="CN20" s="261">
        <v>0</v>
      </c>
      <c r="CO20" s="258">
        <v>0</v>
      </c>
      <c r="CP20" s="260">
        <v>0</v>
      </c>
      <c r="CQ20" s="261">
        <v>0</v>
      </c>
      <c r="CR20" s="261">
        <v>0</v>
      </c>
      <c r="CS20" s="261">
        <v>0</v>
      </c>
      <c r="CT20" s="261">
        <v>0</v>
      </c>
      <c r="CU20" s="261">
        <v>0</v>
      </c>
      <c r="CV20" s="258">
        <v>0</v>
      </c>
      <c r="CW20" s="263">
        <v>0</v>
      </c>
      <c r="CX20" s="257">
        <v>0</v>
      </c>
      <c r="CY20" s="261">
        <v>0</v>
      </c>
      <c r="CZ20" s="258">
        <v>0</v>
      </c>
      <c r="DA20" s="260">
        <v>0</v>
      </c>
      <c r="DB20" s="261">
        <v>0</v>
      </c>
      <c r="DC20" s="261">
        <v>0</v>
      </c>
      <c r="DD20" s="261">
        <v>0</v>
      </c>
      <c r="DE20" s="261">
        <v>0</v>
      </c>
      <c r="DF20" s="261">
        <v>0</v>
      </c>
      <c r="DG20" s="258">
        <v>0</v>
      </c>
      <c r="DH20" s="263">
        <v>0</v>
      </c>
    </row>
    <row r="21" spans="2:112" ht="21" customHeight="1" x14ac:dyDescent="0.2">
      <c r="B21" s="472" t="s">
        <v>19</v>
      </c>
      <c r="C21" s="257">
        <v>0</v>
      </c>
      <c r="D21" s="261">
        <v>0</v>
      </c>
      <c r="E21" s="358">
        <v>0</v>
      </c>
      <c r="F21" s="260">
        <v>0</v>
      </c>
      <c r="G21" s="261">
        <v>1865</v>
      </c>
      <c r="H21" s="261">
        <v>2478</v>
      </c>
      <c r="I21" s="261">
        <v>2974</v>
      </c>
      <c r="J21" s="261">
        <v>3695</v>
      </c>
      <c r="K21" s="261">
        <v>3121</v>
      </c>
      <c r="L21" s="262">
        <v>14133</v>
      </c>
      <c r="M21" s="263">
        <v>14133</v>
      </c>
      <c r="N21" s="257">
        <v>0</v>
      </c>
      <c r="O21" s="261">
        <v>0</v>
      </c>
      <c r="P21" s="258">
        <v>0</v>
      </c>
      <c r="Q21" s="260">
        <v>0</v>
      </c>
      <c r="R21" s="261">
        <v>26</v>
      </c>
      <c r="S21" s="261">
        <v>26</v>
      </c>
      <c r="T21" s="261">
        <v>45</v>
      </c>
      <c r="U21" s="261">
        <v>81</v>
      </c>
      <c r="V21" s="261">
        <v>136</v>
      </c>
      <c r="W21" s="258">
        <v>314</v>
      </c>
      <c r="X21" s="263">
        <v>314</v>
      </c>
      <c r="Y21" s="257">
        <v>236</v>
      </c>
      <c r="Z21" s="261">
        <v>316</v>
      </c>
      <c r="AA21" s="258">
        <v>552</v>
      </c>
      <c r="AB21" s="260">
        <v>0</v>
      </c>
      <c r="AC21" s="261">
        <v>1619</v>
      </c>
      <c r="AD21" s="261">
        <v>1250</v>
      </c>
      <c r="AE21" s="261">
        <v>1080</v>
      </c>
      <c r="AF21" s="261">
        <v>876</v>
      </c>
      <c r="AG21" s="261">
        <v>902</v>
      </c>
      <c r="AH21" s="258">
        <v>5727</v>
      </c>
      <c r="AI21" s="263">
        <v>6279</v>
      </c>
      <c r="AJ21" s="257">
        <v>18</v>
      </c>
      <c r="AK21" s="261">
        <v>59</v>
      </c>
      <c r="AL21" s="258">
        <v>77</v>
      </c>
      <c r="AM21" s="260">
        <v>0</v>
      </c>
      <c r="AN21" s="261">
        <v>258</v>
      </c>
      <c r="AO21" s="261">
        <v>144</v>
      </c>
      <c r="AP21" s="261">
        <v>112</v>
      </c>
      <c r="AQ21" s="261">
        <v>180</v>
      </c>
      <c r="AR21" s="261">
        <v>42</v>
      </c>
      <c r="AS21" s="258">
        <v>736</v>
      </c>
      <c r="AT21" s="263">
        <v>813</v>
      </c>
      <c r="AU21" s="257">
        <v>0</v>
      </c>
      <c r="AV21" s="261">
        <v>0</v>
      </c>
      <c r="AW21" s="258">
        <v>0</v>
      </c>
      <c r="AX21" s="260">
        <v>0</v>
      </c>
      <c r="AY21" s="261">
        <v>2277</v>
      </c>
      <c r="AZ21" s="261">
        <v>2471</v>
      </c>
      <c r="BA21" s="261">
        <v>1458</v>
      </c>
      <c r="BB21" s="261">
        <v>676</v>
      </c>
      <c r="BC21" s="261">
        <v>452</v>
      </c>
      <c r="BD21" s="262">
        <v>7334</v>
      </c>
      <c r="BE21" s="263">
        <v>7334</v>
      </c>
      <c r="BF21" s="257">
        <v>0</v>
      </c>
      <c r="BG21" s="261">
        <v>0</v>
      </c>
      <c r="BH21" s="258">
        <v>0</v>
      </c>
      <c r="BI21" s="260">
        <v>0</v>
      </c>
      <c r="BJ21" s="261">
        <v>846</v>
      </c>
      <c r="BK21" s="261">
        <v>817</v>
      </c>
      <c r="BL21" s="261">
        <v>529</v>
      </c>
      <c r="BM21" s="261">
        <v>185</v>
      </c>
      <c r="BN21" s="261">
        <v>92</v>
      </c>
      <c r="BO21" s="258">
        <v>2469</v>
      </c>
      <c r="BP21" s="263">
        <v>2469</v>
      </c>
      <c r="BQ21" s="257">
        <v>3</v>
      </c>
      <c r="BR21" s="261">
        <v>8</v>
      </c>
      <c r="BS21" s="258">
        <v>11</v>
      </c>
      <c r="BT21" s="260">
        <v>0</v>
      </c>
      <c r="BU21" s="261">
        <v>162</v>
      </c>
      <c r="BV21" s="261">
        <v>382</v>
      </c>
      <c r="BW21" s="261">
        <v>516</v>
      </c>
      <c r="BX21" s="261">
        <v>345</v>
      </c>
      <c r="BY21" s="261">
        <v>151</v>
      </c>
      <c r="BZ21" s="258">
        <v>1556</v>
      </c>
      <c r="CA21" s="263">
        <v>1567</v>
      </c>
      <c r="CB21" s="257">
        <v>0</v>
      </c>
      <c r="CC21" s="261">
        <v>0</v>
      </c>
      <c r="CD21" s="258">
        <v>0</v>
      </c>
      <c r="CE21" s="260">
        <v>0</v>
      </c>
      <c r="CF21" s="261">
        <v>49</v>
      </c>
      <c r="CG21" s="261">
        <v>46</v>
      </c>
      <c r="CH21" s="261">
        <v>33</v>
      </c>
      <c r="CI21" s="261">
        <v>117</v>
      </c>
      <c r="CJ21" s="261">
        <v>47</v>
      </c>
      <c r="CK21" s="258">
        <v>292</v>
      </c>
      <c r="CL21" s="263">
        <v>292</v>
      </c>
      <c r="CM21" s="257">
        <v>0</v>
      </c>
      <c r="CN21" s="261">
        <v>0</v>
      </c>
      <c r="CO21" s="258">
        <v>0</v>
      </c>
      <c r="CP21" s="260">
        <v>0</v>
      </c>
      <c r="CQ21" s="261">
        <v>0</v>
      </c>
      <c r="CR21" s="261">
        <v>0</v>
      </c>
      <c r="CS21" s="261">
        <v>0</v>
      </c>
      <c r="CT21" s="261">
        <v>0</v>
      </c>
      <c r="CU21" s="261">
        <v>0</v>
      </c>
      <c r="CV21" s="258">
        <v>0</v>
      </c>
      <c r="CW21" s="263">
        <v>0</v>
      </c>
      <c r="CX21" s="257">
        <v>0</v>
      </c>
      <c r="CY21" s="261">
        <v>0</v>
      </c>
      <c r="CZ21" s="258">
        <v>0</v>
      </c>
      <c r="DA21" s="260">
        <v>0</v>
      </c>
      <c r="DB21" s="261">
        <v>0</v>
      </c>
      <c r="DC21" s="261">
        <v>0</v>
      </c>
      <c r="DD21" s="261">
        <v>0</v>
      </c>
      <c r="DE21" s="261">
        <v>0</v>
      </c>
      <c r="DF21" s="261">
        <v>0</v>
      </c>
      <c r="DG21" s="258">
        <v>0</v>
      </c>
      <c r="DH21" s="263">
        <v>0</v>
      </c>
    </row>
    <row r="22" spans="2:112" ht="21" customHeight="1" x14ac:dyDescent="0.2">
      <c r="B22" s="472" t="s">
        <v>20</v>
      </c>
      <c r="C22" s="257">
        <v>0</v>
      </c>
      <c r="D22" s="261">
        <v>0</v>
      </c>
      <c r="E22" s="358">
        <v>0</v>
      </c>
      <c r="F22" s="260">
        <v>0</v>
      </c>
      <c r="G22" s="261">
        <v>3145</v>
      </c>
      <c r="H22" s="261">
        <v>3178</v>
      </c>
      <c r="I22" s="261">
        <v>5244</v>
      </c>
      <c r="J22" s="261">
        <v>5616</v>
      </c>
      <c r="K22" s="261">
        <v>5002</v>
      </c>
      <c r="L22" s="262">
        <v>22185</v>
      </c>
      <c r="M22" s="263">
        <v>22185</v>
      </c>
      <c r="N22" s="257">
        <v>0</v>
      </c>
      <c r="O22" s="261">
        <v>0</v>
      </c>
      <c r="P22" s="258">
        <v>0</v>
      </c>
      <c r="Q22" s="260">
        <v>0</v>
      </c>
      <c r="R22" s="261">
        <v>12</v>
      </c>
      <c r="S22" s="261">
        <v>37</v>
      </c>
      <c r="T22" s="261">
        <v>77</v>
      </c>
      <c r="U22" s="261">
        <v>127</v>
      </c>
      <c r="V22" s="261">
        <v>245</v>
      </c>
      <c r="W22" s="258">
        <v>498</v>
      </c>
      <c r="X22" s="263">
        <v>498</v>
      </c>
      <c r="Y22" s="257">
        <v>278</v>
      </c>
      <c r="Z22" s="261">
        <v>770</v>
      </c>
      <c r="AA22" s="258">
        <v>1048</v>
      </c>
      <c r="AB22" s="260">
        <v>0</v>
      </c>
      <c r="AC22" s="261">
        <v>2363</v>
      </c>
      <c r="AD22" s="261">
        <v>2014</v>
      </c>
      <c r="AE22" s="261">
        <v>1250</v>
      </c>
      <c r="AF22" s="261">
        <v>1125</v>
      </c>
      <c r="AG22" s="261">
        <v>703</v>
      </c>
      <c r="AH22" s="258">
        <v>7455</v>
      </c>
      <c r="AI22" s="263">
        <v>8503</v>
      </c>
      <c r="AJ22" s="257">
        <v>130</v>
      </c>
      <c r="AK22" s="261">
        <v>393</v>
      </c>
      <c r="AL22" s="258">
        <v>523</v>
      </c>
      <c r="AM22" s="260">
        <v>0</v>
      </c>
      <c r="AN22" s="261">
        <v>584</v>
      </c>
      <c r="AO22" s="261">
        <v>780</v>
      </c>
      <c r="AP22" s="261">
        <v>548</v>
      </c>
      <c r="AQ22" s="261">
        <v>414</v>
      </c>
      <c r="AR22" s="261">
        <v>174</v>
      </c>
      <c r="AS22" s="258">
        <v>2500</v>
      </c>
      <c r="AT22" s="263">
        <v>3023</v>
      </c>
      <c r="AU22" s="257">
        <v>0</v>
      </c>
      <c r="AV22" s="261">
        <v>0</v>
      </c>
      <c r="AW22" s="258">
        <v>0</v>
      </c>
      <c r="AX22" s="260">
        <v>0</v>
      </c>
      <c r="AY22" s="261">
        <v>2847</v>
      </c>
      <c r="AZ22" s="261">
        <v>2531</v>
      </c>
      <c r="BA22" s="261">
        <v>1746</v>
      </c>
      <c r="BB22" s="261">
        <v>913</v>
      </c>
      <c r="BC22" s="261">
        <v>393</v>
      </c>
      <c r="BD22" s="262">
        <v>8430</v>
      </c>
      <c r="BE22" s="263">
        <v>8430</v>
      </c>
      <c r="BF22" s="257">
        <v>0</v>
      </c>
      <c r="BG22" s="261">
        <v>0</v>
      </c>
      <c r="BH22" s="258">
        <v>0</v>
      </c>
      <c r="BI22" s="260">
        <v>0</v>
      </c>
      <c r="BJ22" s="261">
        <v>909</v>
      </c>
      <c r="BK22" s="261">
        <v>756</v>
      </c>
      <c r="BL22" s="261">
        <v>374</v>
      </c>
      <c r="BM22" s="261">
        <v>272</v>
      </c>
      <c r="BN22" s="261">
        <v>99</v>
      </c>
      <c r="BO22" s="258">
        <v>2410</v>
      </c>
      <c r="BP22" s="263">
        <v>2410</v>
      </c>
      <c r="BQ22" s="257">
        <v>10</v>
      </c>
      <c r="BR22" s="261">
        <v>26</v>
      </c>
      <c r="BS22" s="258">
        <v>36</v>
      </c>
      <c r="BT22" s="260">
        <v>0</v>
      </c>
      <c r="BU22" s="261">
        <v>387</v>
      </c>
      <c r="BV22" s="261">
        <v>352</v>
      </c>
      <c r="BW22" s="261">
        <v>941</v>
      </c>
      <c r="BX22" s="261">
        <v>827</v>
      </c>
      <c r="BY22" s="261">
        <v>300</v>
      </c>
      <c r="BZ22" s="258">
        <v>2807</v>
      </c>
      <c r="CA22" s="263">
        <v>2843</v>
      </c>
      <c r="CB22" s="257">
        <v>0</v>
      </c>
      <c r="CC22" s="261">
        <v>0</v>
      </c>
      <c r="CD22" s="258">
        <v>0</v>
      </c>
      <c r="CE22" s="260">
        <v>0</v>
      </c>
      <c r="CF22" s="261">
        <v>30</v>
      </c>
      <c r="CG22" s="261">
        <v>33</v>
      </c>
      <c r="CH22" s="261">
        <v>32</v>
      </c>
      <c r="CI22" s="261">
        <v>56</v>
      </c>
      <c r="CJ22" s="261">
        <v>23</v>
      </c>
      <c r="CK22" s="258">
        <v>174</v>
      </c>
      <c r="CL22" s="263">
        <v>174</v>
      </c>
      <c r="CM22" s="257">
        <v>0</v>
      </c>
      <c r="CN22" s="261">
        <v>0</v>
      </c>
      <c r="CO22" s="258">
        <v>0</v>
      </c>
      <c r="CP22" s="260">
        <v>0</v>
      </c>
      <c r="CQ22" s="261">
        <v>0</v>
      </c>
      <c r="CR22" s="261">
        <v>0</v>
      </c>
      <c r="CS22" s="261">
        <v>0</v>
      </c>
      <c r="CT22" s="261">
        <v>0</v>
      </c>
      <c r="CU22" s="261">
        <v>0</v>
      </c>
      <c r="CV22" s="258">
        <v>0</v>
      </c>
      <c r="CW22" s="263">
        <v>0</v>
      </c>
      <c r="CX22" s="257">
        <v>0</v>
      </c>
      <c r="CY22" s="261">
        <v>0</v>
      </c>
      <c r="CZ22" s="258">
        <v>0</v>
      </c>
      <c r="DA22" s="260">
        <v>0</v>
      </c>
      <c r="DB22" s="261">
        <v>0</v>
      </c>
      <c r="DC22" s="261">
        <v>0</v>
      </c>
      <c r="DD22" s="261">
        <v>0</v>
      </c>
      <c r="DE22" s="261">
        <v>0</v>
      </c>
      <c r="DF22" s="261">
        <v>0</v>
      </c>
      <c r="DG22" s="258">
        <v>0</v>
      </c>
      <c r="DH22" s="263">
        <v>0</v>
      </c>
    </row>
    <row r="23" spans="2:112" ht="21" customHeight="1" x14ac:dyDescent="0.2">
      <c r="B23" s="472" t="s">
        <v>21</v>
      </c>
      <c r="C23" s="257">
        <v>0</v>
      </c>
      <c r="D23" s="261">
        <v>0</v>
      </c>
      <c r="E23" s="358">
        <v>0</v>
      </c>
      <c r="F23" s="260">
        <v>0</v>
      </c>
      <c r="G23" s="261">
        <v>3229</v>
      </c>
      <c r="H23" s="261">
        <v>6258</v>
      </c>
      <c r="I23" s="261">
        <v>6682</v>
      </c>
      <c r="J23" s="261">
        <v>7271</v>
      </c>
      <c r="K23" s="261">
        <v>5962</v>
      </c>
      <c r="L23" s="262">
        <v>29402</v>
      </c>
      <c r="M23" s="263">
        <v>29402</v>
      </c>
      <c r="N23" s="257">
        <v>0</v>
      </c>
      <c r="O23" s="261">
        <v>0</v>
      </c>
      <c r="P23" s="258">
        <v>0</v>
      </c>
      <c r="Q23" s="260">
        <v>0</v>
      </c>
      <c r="R23" s="261">
        <v>0</v>
      </c>
      <c r="S23" s="261">
        <v>21</v>
      </c>
      <c r="T23" s="261">
        <v>46</v>
      </c>
      <c r="U23" s="261">
        <v>135</v>
      </c>
      <c r="V23" s="261">
        <v>219</v>
      </c>
      <c r="W23" s="258">
        <v>421</v>
      </c>
      <c r="X23" s="263">
        <v>421</v>
      </c>
      <c r="Y23" s="257">
        <v>325</v>
      </c>
      <c r="Z23" s="261">
        <v>795</v>
      </c>
      <c r="AA23" s="258">
        <v>1120</v>
      </c>
      <c r="AB23" s="260">
        <v>0</v>
      </c>
      <c r="AC23" s="261">
        <v>1942</v>
      </c>
      <c r="AD23" s="261">
        <v>3138</v>
      </c>
      <c r="AE23" s="261">
        <v>1693</v>
      </c>
      <c r="AF23" s="261">
        <v>1472</v>
      </c>
      <c r="AG23" s="261">
        <v>1073</v>
      </c>
      <c r="AH23" s="258">
        <v>9318</v>
      </c>
      <c r="AI23" s="263">
        <v>10438</v>
      </c>
      <c r="AJ23" s="257">
        <v>172</v>
      </c>
      <c r="AK23" s="261">
        <v>302</v>
      </c>
      <c r="AL23" s="258">
        <v>474</v>
      </c>
      <c r="AM23" s="260">
        <v>0</v>
      </c>
      <c r="AN23" s="261">
        <v>233</v>
      </c>
      <c r="AO23" s="261">
        <v>464</v>
      </c>
      <c r="AP23" s="261">
        <v>344</v>
      </c>
      <c r="AQ23" s="261">
        <v>165</v>
      </c>
      <c r="AR23" s="261">
        <v>78</v>
      </c>
      <c r="AS23" s="258">
        <v>1284</v>
      </c>
      <c r="AT23" s="263">
        <v>1758</v>
      </c>
      <c r="AU23" s="257">
        <v>0</v>
      </c>
      <c r="AV23" s="261">
        <v>0</v>
      </c>
      <c r="AW23" s="258">
        <v>0</v>
      </c>
      <c r="AX23" s="260">
        <v>0</v>
      </c>
      <c r="AY23" s="261">
        <v>2795</v>
      </c>
      <c r="AZ23" s="261">
        <v>3389</v>
      </c>
      <c r="BA23" s="261">
        <v>2319</v>
      </c>
      <c r="BB23" s="261">
        <v>1105</v>
      </c>
      <c r="BC23" s="261">
        <v>369</v>
      </c>
      <c r="BD23" s="262">
        <v>9977</v>
      </c>
      <c r="BE23" s="263">
        <v>9977</v>
      </c>
      <c r="BF23" s="257">
        <v>0</v>
      </c>
      <c r="BG23" s="261">
        <v>0</v>
      </c>
      <c r="BH23" s="258">
        <v>0</v>
      </c>
      <c r="BI23" s="260">
        <v>0</v>
      </c>
      <c r="BJ23" s="261">
        <v>400</v>
      </c>
      <c r="BK23" s="261">
        <v>531</v>
      </c>
      <c r="BL23" s="261">
        <v>293</v>
      </c>
      <c r="BM23" s="261">
        <v>138</v>
      </c>
      <c r="BN23" s="261">
        <v>55</v>
      </c>
      <c r="BO23" s="258">
        <v>1417</v>
      </c>
      <c r="BP23" s="263">
        <v>1417</v>
      </c>
      <c r="BQ23" s="257">
        <v>3</v>
      </c>
      <c r="BR23" s="261">
        <v>14</v>
      </c>
      <c r="BS23" s="258">
        <v>17</v>
      </c>
      <c r="BT23" s="260">
        <v>0</v>
      </c>
      <c r="BU23" s="261">
        <v>251</v>
      </c>
      <c r="BV23" s="261">
        <v>321</v>
      </c>
      <c r="BW23" s="261">
        <v>951</v>
      </c>
      <c r="BX23" s="261">
        <v>828</v>
      </c>
      <c r="BY23" s="261">
        <v>579</v>
      </c>
      <c r="BZ23" s="258">
        <v>2930</v>
      </c>
      <c r="CA23" s="263">
        <v>2947</v>
      </c>
      <c r="CB23" s="257">
        <v>0</v>
      </c>
      <c r="CC23" s="261">
        <v>0</v>
      </c>
      <c r="CD23" s="258">
        <v>0</v>
      </c>
      <c r="CE23" s="260">
        <v>0</v>
      </c>
      <c r="CF23" s="261">
        <v>19</v>
      </c>
      <c r="CG23" s="261">
        <v>0</v>
      </c>
      <c r="CH23" s="261">
        <v>37</v>
      </c>
      <c r="CI23" s="261">
        <v>31</v>
      </c>
      <c r="CJ23" s="261">
        <v>16</v>
      </c>
      <c r="CK23" s="258">
        <v>103</v>
      </c>
      <c r="CL23" s="263">
        <v>103</v>
      </c>
      <c r="CM23" s="257">
        <v>0</v>
      </c>
      <c r="CN23" s="261">
        <v>0</v>
      </c>
      <c r="CO23" s="258">
        <v>0</v>
      </c>
      <c r="CP23" s="260">
        <v>0</v>
      </c>
      <c r="CQ23" s="261">
        <v>0</v>
      </c>
      <c r="CR23" s="261">
        <v>0</v>
      </c>
      <c r="CS23" s="261">
        <v>0</v>
      </c>
      <c r="CT23" s="261">
        <v>0</v>
      </c>
      <c r="CU23" s="261">
        <v>0</v>
      </c>
      <c r="CV23" s="258">
        <v>0</v>
      </c>
      <c r="CW23" s="263">
        <v>0</v>
      </c>
      <c r="CX23" s="257">
        <v>0</v>
      </c>
      <c r="CY23" s="261">
        <v>0</v>
      </c>
      <c r="CZ23" s="258">
        <v>0</v>
      </c>
      <c r="DA23" s="260">
        <v>0</v>
      </c>
      <c r="DB23" s="261">
        <v>0</v>
      </c>
      <c r="DC23" s="261">
        <v>0</v>
      </c>
      <c r="DD23" s="261">
        <v>0</v>
      </c>
      <c r="DE23" s="261">
        <v>0</v>
      </c>
      <c r="DF23" s="261">
        <v>0</v>
      </c>
      <c r="DG23" s="258">
        <v>0</v>
      </c>
      <c r="DH23" s="263">
        <v>0</v>
      </c>
    </row>
    <row r="24" spans="2:112" ht="21" customHeight="1" x14ac:dyDescent="0.2">
      <c r="B24" s="472" t="s">
        <v>22</v>
      </c>
      <c r="C24" s="257">
        <v>0</v>
      </c>
      <c r="D24" s="261">
        <v>0</v>
      </c>
      <c r="E24" s="358">
        <v>0</v>
      </c>
      <c r="F24" s="260">
        <v>0</v>
      </c>
      <c r="G24" s="261">
        <v>692</v>
      </c>
      <c r="H24" s="261">
        <v>1246</v>
      </c>
      <c r="I24" s="261">
        <v>865</v>
      </c>
      <c r="J24" s="261">
        <v>1667</v>
      </c>
      <c r="K24" s="261">
        <v>1579</v>
      </c>
      <c r="L24" s="262">
        <v>6049</v>
      </c>
      <c r="M24" s="263">
        <v>6049</v>
      </c>
      <c r="N24" s="257">
        <v>0</v>
      </c>
      <c r="O24" s="261">
        <v>0</v>
      </c>
      <c r="P24" s="258">
        <v>0</v>
      </c>
      <c r="Q24" s="260">
        <v>0</v>
      </c>
      <c r="R24" s="261">
        <v>24</v>
      </c>
      <c r="S24" s="261">
        <v>8</v>
      </c>
      <c r="T24" s="261">
        <v>32</v>
      </c>
      <c r="U24" s="261">
        <v>64</v>
      </c>
      <c r="V24" s="261">
        <v>116</v>
      </c>
      <c r="W24" s="258">
        <v>244</v>
      </c>
      <c r="X24" s="263">
        <v>244</v>
      </c>
      <c r="Y24" s="257">
        <v>33</v>
      </c>
      <c r="Z24" s="261">
        <v>67</v>
      </c>
      <c r="AA24" s="258">
        <v>100</v>
      </c>
      <c r="AB24" s="260">
        <v>0</v>
      </c>
      <c r="AC24" s="261">
        <v>352</v>
      </c>
      <c r="AD24" s="261">
        <v>611</v>
      </c>
      <c r="AE24" s="261">
        <v>393</v>
      </c>
      <c r="AF24" s="261">
        <v>381</v>
      </c>
      <c r="AG24" s="261">
        <v>453</v>
      </c>
      <c r="AH24" s="258">
        <v>2190</v>
      </c>
      <c r="AI24" s="263">
        <v>2290</v>
      </c>
      <c r="AJ24" s="257">
        <v>0</v>
      </c>
      <c r="AK24" s="261">
        <v>24</v>
      </c>
      <c r="AL24" s="258">
        <v>24</v>
      </c>
      <c r="AM24" s="260">
        <v>0</v>
      </c>
      <c r="AN24" s="261">
        <v>96</v>
      </c>
      <c r="AO24" s="261">
        <v>129</v>
      </c>
      <c r="AP24" s="261">
        <v>92</v>
      </c>
      <c r="AQ24" s="261">
        <v>18</v>
      </c>
      <c r="AR24" s="261">
        <v>32</v>
      </c>
      <c r="AS24" s="258">
        <v>367</v>
      </c>
      <c r="AT24" s="263">
        <v>391</v>
      </c>
      <c r="AU24" s="257">
        <v>0</v>
      </c>
      <c r="AV24" s="261">
        <v>0</v>
      </c>
      <c r="AW24" s="258">
        <v>0</v>
      </c>
      <c r="AX24" s="260">
        <v>0</v>
      </c>
      <c r="AY24" s="261">
        <v>910</v>
      </c>
      <c r="AZ24" s="261">
        <v>1116</v>
      </c>
      <c r="BA24" s="261">
        <v>754</v>
      </c>
      <c r="BB24" s="261">
        <v>517</v>
      </c>
      <c r="BC24" s="261">
        <v>199</v>
      </c>
      <c r="BD24" s="262">
        <v>3496</v>
      </c>
      <c r="BE24" s="263">
        <v>3496</v>
      </c>
      <c r="BF24" s="257">
        <v>0</v>
      </c>
      <c r="BG24" s="261">
        <v>0</v>
      </c>
      <c r="BH24" s="258">
        <v>0</v>
      </c>
      <c r="BI24" s="260">
        <v>0</v>
      </c>
      <c r="BJ24" s="261">
        <v>195</v>
      </c>
      <c r="BK24" s="261">
        <v>275</v>
      </c>
      <c r="BL24" s="261">
        <v>125</v>
      </c>
      <c r="BM24" s="261">
        <v>172</v>
      </c>
      <c r="BN24" s="261">
        <v>47</v>
      </c>
      <c r="BO24" s="258">
        <v>814</v>
      </c>
      <c r="BP24" s="263">
        <v>814</v>
      </c>
      <c r="BQ24" s="257">
        <v>0</v>
      </c>
      <c r="BR24" s="261">
        <v>6</v>
      </c>
      <c r="BS24" s="258">
        <v>6</v>
      </c>
      <c r="BT24" s="260">
        <v>0</v>
      </c>
      <c r="BU24" s="261">
        <v>126</v>
      </c>
      <c r="BV24" s="261">
        <v>141</v>
      </c>
      <c r="BW24" s="261">
        <v>287</v>
      </c>
      <c r="BX24" s="261">
        <v>301</v>
      </c>
      <c r="BY24" s="261">
        <v>110</v>
      </c>
      <c r="BZ24" s="258">
        <v>965</v>
      </c>
      <c r="CA24" s="263">
        <v>971</v>
      </c>
      <c r="CB24" s="257">
        <v>0</v>
      </c>
      <c r="CC24" s="261">
        <v>0</v>
      </c>
      <c r="CD24" s="258">
        <v>0</v>
      </c>
      <c r="CE24" s="260">
        <v>0</v>
      </c>
      <c r="CF24" s="261">
        <v>28</v>
      </c>
      <c r="CG24" s="261">
        <v>20</v>
      </c>
      <c r="CH24" s="261">
        <v>22</v>
      </c>
      <c r="CI24" s="261">
        <v>63</v>
      </c>
      <c r="CJ24" s="261">
        <v>130</v>
      </c>
      <c r="CK24" s="258">
        <v>263</v>
      </c>
      <c r="CL24" s="263">
        <v>263</v>
      </c>
      <c r="CM24" s="257">
        <v>0</v>
      </c>
      <c r="CN24" s="261">
        <v>0</v>
      </c>
      <c r="CO24" s="258">
        <v>0</v>
      </c>
      <c r="CP24" s="260">
        <v>0</v>
      </c>
      <c r="CQ24" s="261">
        <v>0</v>
      </c>
      <c r="CR24" s="261">
        <v>0</v>
      </c>
      <c r="CS24" s="261">
        <v>0</v>
      </c>
      <c r="CT24" s="261">
        <v>0</v>
      </c>
      <c r="CU24" s="261">
        <v>0</v>
      </c>
      <c r="CV24" s="258">
        <v>0</v>
      </c>
      <c r="CW24" s="263">
        <v>0</v>
      </c>
      <c r="CX24" s="257">
        <v>0</v>
      </c>
      <c r="CY24" s="261">
        <v>0</v>
      </c>
      <c r="CZ24" s="258">
        <v>0</v>
      </c>
      <c r="DA24" s="260">
        <v>0</v>
      </c>
      <c r="DB24" s="261">
        <v>0</v>
      </c>
      <c r="DC24" s="261">
        <v>0</v>
      </c>
      <c r="DD24" s="261">
        <v>0</v>
      </c>
      <c r="DE24" s="261">
        <v>0</v>
      </c>
      <c r="DF24" s="261">
        <v>0</v>
      </c>
      <c r="DG24" s="258">
        <v>0</v>
      </c>
      <c r="DH24" s="263">
        <v>0</v>
      </c>
    </row>
    <row r="25" spans="2:112" ht="21" customHeight="1" x14ac:dyDescent="0.2">
      <c r="B25" s="472" t="s">
        <v>23</v>
      </c>
      <c r="C25" s="257">
        <v>0</v>
      </c>
      <c r="D25" s="261">
        <v>0</v>
      </c>
      <c r="E25" s="358">
        <v>0</v>
      </c>
      <c r="F25" s="260">
        <v>0</v>
      </c>
      <c r="G25" s="261">
        <v>2044</v>
      </c>
      <c r="H25" s="261">
        <v>2294</v>
      </c>
      <c r="I25" s="261">
        <v>2456</v>
      </c>
      <c r="J25" s="261">
        <v>3544</v>
      </c>
      <c r="K25" s="261">
        <v>2425</v>
      </c>
      <c r="L25" s="262">
        <v>12763</v>
      </c>
      <c r="M25" s="263">
        <v>12763</v>
      </c>
      <c r="N25" s="257">
        <v>0</v>
      </c>
      <c r="O25" s="261">
        <v>1</v>
      </c>
      <c r="P25" s="258">
        <v>1</v>
      </c>
      <c r="Q25" s="260">
        <v>0</v>
      </c>
      <c r="R25" s="261">
        <v>4</v>
      </c>
      <c r="S25" s="261">
        <v>10</v>
      </c>
      <c r="T25" s="261">
        <v>27</v>
      </c>
      <c r="U25" s="261">
        <v>99</v>
      </c>
      <c r="V25" s="261">
        <v>121</v>
      </c>
      <c r="W25" s="258">
        <v>261</v>
      </c>
      <c r="X25" s="263">
        <v>262</v>
      </c>
      <c r="Y25" s="257">
        <v>199</v>
      </c>
      <c r="Z25" s="261">
        <v>497</v>
      </c>
      <c r="AA25" s="258">
        <v>696</v>
      </c>
      <c r="AB25" s="260">
        <v>0</v>
      </c>
      <c r="AC25" s="261">
        <v>973</v>
      </c>
      <c r="AD25" s="261">
        <v>1915</v>
      </c>
      <c r="AE25" s="261">
        <v>864</v>
      </c>
      <c r="AF25" s="261">
        <v>932</v>
      </c>
      <c r="AG25" s="261">
        <v>568</v>
      </c>
      <c r="AH25" s="258">
        <v>5252</v>
      </c>
      <c r="AI25" s="263">
        <v>5948</v>
      </c>
      <c r="AJ25" s="257">
        <v>46</v>
      </c>
      <c r="AK25" s="261">
        <v>142</v>
      </c>
      <c r="AL25" s="258">
        <v>188</v>
      </c>
      <c r="AM25" s="260">
        <v>0</v>
      </c>
      <c r="AN25" s="261">
        <v>123</v>
      </c>
      <c r="AO25" s="261">
        <v>221</v>
      </c>
      <c r="AP25" s="261">
        <v>111</v>
      </c>
      <c r="AQ25" s="261">
        <v>104</v>
      </c>
      <c r="AR25" s="261">
        <v>94</v>
      </c>
      <c r="AS25" s="258">
        <v>653</v>
      </c>
      <c r="AT25" s="263">
        <v>841</v>
      </c>
      <c r="AU25" s="257">
        <v>0</v>
      </c>
      <c r="AV25" s="261">
        <v>0</v>
      </c>
      <c r="AW25" s="258">
        <v>0</v>
      </c>
      <c r="AX25" s="260">
        <v>0</v>
      </c>
      <c r="AY25" s="261">
        <v>2470</v>
      </c>
      <c r="AZ25" s="261">
        <v>2165</v>
      </c>
      <c r="BA25" s="261">
        <v>1525</v>
      </c>
      <c r="BB25" s="261">
        <v>957</v>
      </c>
      <c r="BC25" s="261">
        <v>295</v>
      </c>
      <c r="BD25" s="262">
        <v>7412</v>
      </c>
      <c r="BE25" s="263">
        <v>7412</v>
      </c>
      <c r="BF25" s="257">
        <v>0</v>
      </c>
      <c r="BG25" s="261">
        <v>0</v>
      </c>
      <c r="BH25" s="258">
        <v>0</v>
      </c>
      <c r="BI25" s="260">
        <v>0</v>
      </c>
      <c r="BJ25" s="261">
        <v>298</v>
      </c>
      <c r="BK25" s="261">
        <v>376</v>
      </c>
      <c r="BL25" s="261">
        <v>310</v>
      </c>
      <c r="BM25" s="261">
        <v>170</v>
      </c>
      <c r="BN25" s="261">
        <v>66</v>
      </c>
      <c r="BO25" s="258">
        <v>1220</v>
      </c>
      <c r="BP25" s="263">
        <v>1220</v>
      </c>
      <c r="BQ25" s="257">
        <v>8</v>
      </c>
      <c r="BR25" s="261">
        <v>16</v>
      </c>
      <c r="BS25" s="258">
        <v>24</v>
      </c>
      <c r="BT25" s="260">
        <v>0</v>
      </c>
      <c r="BU25" s="261">
        <v>196</v>
      </c>
      <c r="BV25" s="261">
        <v>298</v>
      </c>
      <c r="BW25" s="261">
        <v>667</v>
      </c>
      <c r="BX25" s="261">
        <v>427</v>
      </c>
      <c r="BY25" s="261">
        <v>239</v>
      </c>
      <c r="BZ25" s="258">
        <v>1827</v>
      </c>
      <c r="CA25" s="263">
        <v>1851</v>
      </c>
      <c r="CB25" s="257">
        <v>0</v>
      </c>
      <c r="CC25" s="261">
        <v>0</v>
      </c>
      <c r="CD25" s="258">
        <v>0</v>
      </c>
      <c r="CE25" s="260">
        <v>0</v>
      </c>
      <c r="CF25" s="261">
        <v>3</v>
      </c>
      <c r="CG25" s="261">
        <v>13</v>
      </c>
      <c r="CH25" s="261">
        <v>8</v>
      </c>
      <c r="CI25" s="261">
        <v>15</v>
      </c>
      <c r="CJ25" s="261">
        <v>26</v>
      </c>
      <c r="CK25" s="258">
        <v>65</v>
      </c>
      <c r="CL25" s="263">
        <v>65</v>
      </c>
      <c r="CM25" s="257">
        <v>0</v>
      </c>
      <c r="CN25" s="261">
        <v>0</v>
      </c>
      <c r="CO25" s="258">
        <v>0</v>
      </c>
      <c r="CP25" s="260">
        <v>0</v>
      </c>
      <c r="CQ25" s="261">
        <v>0</v>
      </c>
      <c r="CR25" s="261">
        <v>0</v>
      </c>
      <c r="CS25" s="261">
        <v>0</v>
      </c>
      <c r="CT25" s="261">
        <v>0</v>
      </c>
      <c r="CU25" s="261">
        <v>0</v>
      </c>
      <c r="CV25" s="258">
        <v>0</v>
      </c>
      <c r="CW25" s="263">
        <v>0</v>
      </c>
      <c r="CX25" s="257">
        <v>0</v>
      </c>
      <c r="CY25" s="261">
        <v>0</v>
      </c>
      <c r="CZ25" s="258">
        <v>0</v>
      </c>
      <c r="DA25" s="260">
        <v>0</v>
      </c>
      <c r="DB25" s="261">
        <v>0</v>
      </c>
      <c r="DC25" s="261">
        <v>0</v>
      </c>
      <c r="DD25" s="261">
        <v>0</v>
      </c>
      <c r="DE25" s="261">
        <v>0</v>
      </c>
      <c r="DF25" s="261">
        <v>0</v>
      </c>
      <c r="DG25" s="258">
        <v>0</v>
      </c>
      <c r="DH25" s="263">
        <v>0</v>
      </c>
    </row>
    <row r="26" spans="2:112" ht="21" customHeight="1" x14ac:dyDescent="0.2">
      <c r="B26" s="472" t="s">
        <v>24</v>
      </c>
      <c r="C26" s="257">
        <v>0</v>
      </c>
      <c r="D26" s="261">
        <v>0</v>
      </c>
      <c r="E26" s="358">
        <v>0</v>
      </c>
      <c r="F26" s="260">
        <v>0</v>
      </c>
      <c r="G26" s="261">
        <v>902</v>
      </c>
      <c r="H26" s="261">
        <v>1118</v>
      </c>
      <c r="I26" s="261">
        <v>1843</v>
      </c>
      <c r="J26" s="261">
        <v>1265</v>
      </c>
      <c r="K26" s="261">
        <v>1850</v>
      </c>
      <c r="L26" s="262">
        <v>6978</v>
      </c>
      <c r="M26" s="263">
        <v>6978</v>
      </c>
      <c r="N26" s="257">
        <v>0</v>
      </c>
      <c r="O26" s="261">
        <v>0</v>
      </c>
      <c r="P26" s="258">
        <v>0</v>
      </c>
      <c r="Q26" s="260">
        <v>0</v>
      </c>
      <c r="R26" s="261">
        <v>10</v>
      </c>
      <c r="S26" s="261">
        <v>6</v>
      </c>
      <c r="T26" s="261">
        <v>15</v>
      </c>
      <c r="U26" s="261">
        <v>56</v>
      </c>
      <c r="V26" s="261">
        <v>94</v>
      </c>
      <c r="W26" s="258">
        <v>181</v>
      </c>
      <c r="X26" s="263">
        <v>181</v>
      </c>
      <c r="Y26" s="257">
        <v>113</v>
      </c>
      <c r="Z26" s="261">
        <v>189</v>
      </c>
      <c r="AA26" s="258">
        <v>302</v>
      </c>
      <c r="AB26" s="260">
        <v>0</v>
      </c>
      <c r="AC26" s="261">
        <v>577</v>
      </c>
      <c r="AD26" s="261">
        <v>581</v>
      </c>
      <c r="AE26" s="261">
        <v>233</v>
      </c>
      <c r="AF26" s="261">
        <v>442</v>
      </c>
      <c r="AG26" s="261">
        <v>285</v>
      </c>
      <c r="AH26" s="258">
        <v>2118</v>
      </c>
      <c r="AI26" s="263">
        <v>2420</v>
      </c>
      <c r="AJ26" s="257">
        <v>0</v>
      </c>
      <c r="AK26" s="261">
        <v>8</v>
      </c>
      <c r="AL26" s="258">
        <v>8</v>
      </c>
      <c r="AM26" s="260">
        <v>0</v>
      </c>
      <c r="AN26" s="261">
        <v>50</v>
      </c>
      <c r="AO26" s="261">
        <v>72</v>
      </c>
      <c r="AP26" s="261">
        <v>26</v>
      </c>
      <c r="AQ26" s="261">
        <v>26</v>
      </c>
      <c r="AR26" s="261">
        <v>44</v>
      </c>
      <c r="AS26" s="258">
        <v>218</v>
      </c>
      <c r="AT26" s="263">
        <v>226</v>
      </c>
      <c r="AU26" s="257">
        <v>0</v>
      </c>
      <c r="AV26" s="261">
        <v>0</v>
      </c>
      <c r="AW26" s="258">
        <v>0</v>
      </c>
      <c r="AX26" s="260">
        <v>0</v>
      </c>
      <c r="AY26" s="261">
        <v>974</v>
      </c>
      <c r="AZ26" s="261">
        <v>900</v>
      </c>
      <c r="BA26" s="261">
        <v>394</v>
      </c>
      <c r="BB26" s="261">
        <v>189</v>
      </c>
      <c r="BC26" s="261">
        <v>82</v>
      </c>
      <c r="BD26" s="262">
        <v>2539</v>
      </c>
      <c r="BE26" s="263">
        <v>2539</v>
      </c>
      <c r="BF26" s="257">
        <v>0</v>
      </c>
      <c r="BG26" s="261">
        <v>0</v>
      </c>
      <c r="BH26" s="258">
        <v>0</v>
      </c>
      <c r="BI26" s="260">
        <v>0</v>
      </c>
      <c r="BJ26" s="261">
        <v>374</v>
      </c>
      <c r="BK26" s="261">
        <v>279</v>
      </c>
      <c r="BL26" s="261">
        <v>216</v>
      </c>
      <c r="BM26" s="261">
        <v>99</v>
      </c>
      <c r="BN26" s="261">
        <v>118</v>
      </c>
      <c r="BO26" s="258">
        <v>1086</v>
      </c>
      <c r="BP26" s="263">
        <v>1086</v>
      </c>
      <c r="BQ26" s="257">
        <v>4</v>
      </c>
      <c r="BR26" s="261">
        <v>5</v>
      </c>
      <c r="BS26" s="258">
        <v>9</v>
      </c>
      <c r="BT26" s="260">
        <v>0</v>
      </c>
      <c r="BU26" s="261">
        <v>120</v>
      </c>
      <c r="BV26" s="261">
        <v>140</v>
      </c>
      <c r="BW26" s="261">
        <v>191</v>
      </c>
      <c r="BX26" s="261">
        <v>230</v>
      </c>
      <c r="BY26" s="261">
        <v>47</v>
      </c>
      <c r="BZ26" s="258">
        <v>728</v>
      </c>
      <c r="CA26" s="263">
        <v>737</v>
      </c>
      <c r="CB26" s="257">
        <v>0</v>
      </c>
      <c r="CC26" s="261">
        <v>0</v>
      </c>
      <c r="CD26" s="258">
        <v>0</v>
      </c>
      <c r="CE26" s="260">
        <v>0</v>
      </c>
      <c r="CF26" s="261">
        <v>8</v>
      </c>
      <c r="CG26" s="261">
        <v>3</v>
      </c>
      <c r="CH26" s="261">
        <v>17</v>
      </c>
      <c r="CI26" s="261">
        <v>6</v>
      </c>
      <c r="CJ26" s="261">
        <v>19</v>
      </c>
      <c r="CK26" s="258">
        <v>53</v>
      </c>
      <c r="CL26" s="263">
        <v>53</v>
      </c>
      <c r="CM26" s="257">
        <v>0</v>
      </c>
      <c r="CN26" s="261">
        <v>0</v>
      </c>
      <c r="CO26" s="258">
        <v>0</v>
      </c>
      <c r="CP26" s="260">
        <v>0</v>
      </c>
      <c r="CQ26" s="261">
        <v>0</v>
      </c>
      <c r="CR26" s="261">
        <v>0</v>
      </c>
      <c r="CS26" s="261">
        <v>0</v>
      </c>
      <c r="CT26" s="261">
        <v>0</v>
      </c>
      <c r="CU26" s="261">
        <v>0</v>
      </c>
      <c r="CV26" s="258">
        <v>0</v>
      </c>
      <c r="CW26" s="263">
        <v>0</v>
      </c>
      <c r="CX26" s="257">
        <v>0</v>
      </c>
      <c r="CY26" s="261">
        <v>0</v>
      </c>
      <c r="CZ26" s="258">
        <v>0</v>
      </c>
      <c r="DA26" s="260">
        <v>0</v>
      </c>
      <c r="DB26" s="261">
        <v>0</v>
      </c>
      <c r="DC26" s="261">
        <v>0</v>
      </c>
      <c r="DD26" s="261">
        <v>0</v>
      </c>
      <c r="DE26" s="261">
        <v>0</v>
      </c>
      <c r="DF26" s="261">
        <v>0</v>
      </c>
      <c r="DG26" s="258">
        <v>0</v>
      </c>
      <c r="DH26" s="263">
        <v>0</v>
      </c>
    </row>
    <row r="27" spans="2:112" ht="21" customHeight="1" x14ac:dyDescent="0.2">
      <c r="B27" s="472" t="s">
        <v>25</v>
      </c>
      <c r="C27" s="257">
        <v>0</v>
      </c>
      <c r="D27" s="261">
        <v>0</v>
      </c>
      <c r="E27" s="358">
        <v>0</v>
      </c>
      <c r="F27" s="260">
        <v>0</v>
      </c>
      <c r="G27" s="261">
        <v>1421</v>
      </c>
      <c r="H27" s="261">
        <v>1570</v>
      </c>
      <c r="I27" s="261">
        <v>2047</v>
      </c>
      <c r="J27" s="261">
        <v>2195</v>
      </c>
      <c r="K27" s="261">
        <v>1461</v>
      </c>
      <c r="L27" s="262">
        <v>8694</v>
      </c>
      <c r="M27" s="263">
        <v>8694</v>
      </c>
      <c r="N27" s="257">
        <v>0</v>
      </c>
      <c r="O27" s="261">
        <v>0</v>
      </c>
      <c r="P27" s="258">
        <v>0</v>
      </c>
      <c r="Q27" s="260">
        <v>0</v>
      </c>
      <c r="R27" s="261">
        <v>9</v>
      </c>
      <c r="S27" s="261">
        <v>46</v>
      </c>
      <c r="T27" s="261">
        <v>44</v>
      </c>
      <c r="U27" s="261">
        <v>90</v>
      </c>
      <c r="V27" s="261">
        <v>96</v>
      </c>
      <c r="W27" s="258">
        <v>285</v>
      </c>
      <c r="X27" s="263">
        <v>285</v>
      </c>
      <c r="Y27" s="257">
        <v>116</v>
      </c>
      <c r="Z27" s="261">
        <v>322</v>
      </c>
      <c r="AA27" s="258">
        <v>438</v>
      </c>
      <c r="AB27" s="260">
        <v>0</v>
      </c>
      <c r="AC27" s="261">
        <v>617</v>
      </c>
      <c r="AD27" s="261">
        <v>817</v>
      </c>
      <c r="AE27" s="261">
        <v>419</v>
      </c>
      <c r="AF27" s="261">
        <v>309</v>
      </c>
      <c r="AG27" s="261">
        <v>267</v>
      </c>
      <c r="AH27" s="258">
        <v>2429</v>
      </c>
      <c r="AI27" s="263">
        <v>2867</v>
      </c>
      <c r="AJ27" s="257">
        <v>0</v>
      </c>
      <c r="AK27" s="261">
        <v>48</v>
      </c>
      <c r="AL27" s="258">
        <v>48</v>
      </c>
      <c r="AM27" s="260">
        <v>0</v>
      </c>
      <c r="AN27" s="261">
        <v>40</v>
      </c>
      <c r="AO27" s="261">
        <v>153</v>
      </c>
      <c r="AP27" s="261">
        <v>58</v>
      </c>
      <c r="AQ27" s="261">
        <v>66</v>
      </c>
      <c r="AR27" s="261">
        <v>60</v>
      </c>
      <c r="AS27" s="258">
        <v>377</v>
      </c>
      <c r="AT27" s="263">
        <v>425</v>
      </c>
      <c r="AU27" s="257">
        <v>0</v>
      </c>
      <c r="AV27" s="261">
        <v>0</v>
      </c>
      <c r="AW27" s="258">
        <v>0</v>
      </c>
      <c r="AX27" s="260">
        <v>0</v>
      </c>
      <c r="AY27" s="261">
        <v>1333</v>
      </c>
      <c r="AZ27" s="261">
        <v>981</v>
      </c>
      <c r="BA27" s="261">
        <v>837</v>
      </c>
      <c r="BB27" s="261">
        <v>510</v>
      </c>
      <c r="BC27" s="261">
        <v>83</v>
      </c>
      <c r="BD27" s="262">
        <v>3744</v>
      </c>
      <c r="BE27" s="263">
        <v>3744</v>
      </c>
      <c r="BF27" s="257">
        <v>0</v>
      </c>
      <c r="BG27" s="261">
        <v>0</v>
      </c>
      <c r="BH27" s="258">
        <v>0</v>
      </c>
      <c r="BI27" s="260">
        <v>0</v>
      </c>
      <c r="BJ27" s="261">
        <v>279</v>
      </c>
      <c r="BK27" s="261">
        <v>394</v>
      </c>
      <c r="BL27" s="261">
        <v>242</v>
      </c>
      <c r="BM27" s="261">
        <v>180</v>
      </c>
      <c r="BN27" s="261">
        <v>24</v>
      </c>
      <c r="BO27" s="258">
        <v>1119</v>
      </c>
      <c r="BP27" s="263">
        <v>1119</v>
      </c>
      <c r="BQ27" s="257">
        <v>0</v>
      </c>
      <c r="BR27" s="261">
        <v>3</v>
      </c>
      <c r="BS27" s="258">
        <v>3</v>
      </c>
      <c r="BT27" s="260">
        <v>0</v>
      </c>
      <c r="BU27" s="261">
        <v>154</v>
      </c>
      <c r="BV27" s="261">
        <v>171</v>
      </c>
      <c r="BW27" s="261">
        <v>280</v>
      </c>
      <c r="BX27" s="261">
        <v>184</v>
      </c>
      <c r="BY27" s="261">
        <v>71</v>
      </c>
      <c r="BZ27" s="258">
        <v>860</v>
      </c>
      <c r="CA27" s="263">
        <v>863</v>
      </c>
      <c r="CB27" s="257">
        <v>0</v>
      </c>
      <c r="CC27" s="261">
        <v>0</v>
      </c>
      <c r="CD27" s="258">
        <v>0</v>
      </c>
      <c r="CE27" s="260">
        <v>0</v>
      </c>
      <c r="CF27" s="261">
        <v>30</v>
      </c>
      <c r="CG27" s="261">
        <v>34</v>
      </c>
      <c r="CH27" s="261">
        <v>49</v>
      </c>
      <c r="CI27" s="261">
        <v>57</v>
      </c>
      <c r="CJ27" s="261">
        <v>25</v>
      </c>
      <c r="CK27" s="258">
        <v>195</v>
      </c>
      <c r="CL27" s="263">
        <v>195</v>
      </c>
      <c r="CM27" s="257">
        <v>0</v>
      </c>
      <c r="CN27" s="261">
        <v>0</v>
      </c>
      <c r="CO27" s="258">
        <v>0</v>
      </c>
      <c r="CP27" s="260">
        <v>0</v>
      </c>
      <c r="CQ27" s="261">
        <v>0</v>
      </c>
      <c r="CR27" s="261">
        <v>0</v>
      </c>
      <c r="CS27" s="261">
        <v>0</v>
      </c>
      <c r="CT27" s="261">
        <v>0</v>
      </c>
      <c r="CU27" s="261">
        <v>0</v>
      </c>
      <c r="CV27" s="258">
        <v>0</v>
      </c>
      <c r="CW27" s="263">
        <v>0</v>
      </c>
      <c r="CX27" s="257">
        <v>0</v>
      </c>
      <c r="CY27" s="261">
        <v>0</v>
      </c>
      <c r="CZ27" s="258">
        <v>0</v>
      </c>
      <c r="DA27" s="260">
        <v>0</v>
      </c>
      <c r="DB27" s="261">
        <v>0</v>
      </c>
      <c r="DC27" s="261">
        <v>0</v>
      </c>
      <c r="DD27" s="261">
        <v>0</v>
      </c>
      <c r="DE27" s="261">
        <v>0</v>
      </c>
      <c r="DF27" s="261">
        <v>0</v>
      </c>
      <c r="DG27" s="258">
        <v>0</v>
      </c>
      <c r="DH27" s="263">
        <v>0</v>
      </c>
    </row>
    <row r="28" spans="2:112" ht="21" customHeight="1" x14ac:dyDescent="0.2">
      <c r="B28" s="472" t="s">
        <v>26</v>
      </c>
      <c r="C28" s="257">
        <v>0</v>
      </c>
      <c r="D28" s="261">
        <v>0</v>
      </c>
      <c r="E28" s="358">
        <v>0</v>
      </c>
      <c r="F28" s="260">
        <v>0</v>
      </c>
      <c r="G28" s="261">
        <v>881</v>
      </c>
      <c r="H28" s="261">
        <v>1365</v>
      </c>
      <c r="I28" s="261">
        <v>1706</v>
      </c>
      <c r="J28" s="261">
        <v>1639</v>
      </c>
      <c r="K28" s="261">
        <v>1763</v>
      </c>
      <c r="L28" s="262">
        <v>7354</v>
      </c>
      <c r="M28" s="263">
        <v>7354</v>
      </c>
      <c r="N28" s="257">
        <v>0</v>
      </c>
      <c r="O28" s="261">
        <v>0</v>
      </c>
      <c r="P28" s="258">
        <v>0</v>
      </c>
      <c r="Q28" s="260">
        <v>0</v>
      </c>
      <c r="R28" s="261">
        <v>0</v>
      </c>
      <c r="S28" s="261">
        <v>1</v>
      </c>
      <c r="T28" s="261">
        <v>18</v>
      </c>
      <c r="U28" s="261">
        <v>39</v>
      </c>
      <c r="V28" s="261">
        <v>86</v>
      </c>
      <c r="W28" s="258">
        <v>144</v>
      </c>
      <c r="X28" s="263">
        <v>144</v>
      </c>
      <c r="Y28" s="257">
        <v>53</v>
      </c>
      <c r="Z28" s="261">
        <v>74</v>
      </c>
      <c r="AA28" s="258">
        <v>127</v>
      </c>
      <c r="AB28" s="260">
        <v>0</v>
      </c>
      <c r="AC28" s="261">
        <v>454</v>
      </c>
      <c r="AD28" s="261">
        <v>570</v>
      </c>
      <c r="AE28" s="261">
        <v>335</v>
      </c>
      <c r="AF28" s="261">
        <v>263</v>
      </c>
      <c r="AG28" s="261">
        <v>373</v>
      </c>
      <c r="AH28" s="258">
        <v>1995</v>
      </c>
      <c r="AI28" s="263">
        <v>2122</v>
      </c>
      <c r="AJ28" s="257">
        <v>0</v>
      </c>
      <c r="AK28" s="261">
        <v>27</v>
      </c>
      <c r="AL28" s="258">
        <v>27</v>
      </c>
      <c r="AM28" s="260">
        <v>0</v>
      </c>
      <c r="AN28" s="261">
        <v>0</v>
      </c>
      <c r="AO28" s="261">
        <v>37</v>
      </c>
      <c r="AP28" s="261">
        <v>119</v>
      </c>
      <c r="AQ28" s="261">
        <v>26</v>
      </c>
      <c r="AR28" s="261">
        <v>54</v>
      </c>
      <c r="AS28" s="258">
        <v>236</v>
      </c>
      <c r="AT28" s="263">
        <v>263</v>
      </c>
      <c r="AU28" s="257">
        <v>0</v>
      </c>
      <c r="AV28" s="261">
        <v>0</v>
      </c>
      <c r="AW28" s="258">
        <v>0</v>
      </c>
      <c r="AX28" s="260">
        <v>0</v>
      </c>
      <c r="AY28" s="261">
        <v>982</v>
      </c>
      <c r="AZ28" s="261">
        <v>890</v>
      </c>
      <c r="BA28" s="261">
        <v>591</v>
      </c>
      <c r="BB28" s="261">
        <v>236</v>
      </c>
      <c r="BC28" s="261">
        <v>300</v>
      </c>
      <c r="BD28" s="262">
        <v>2999</v>
      </c>
      <c r="BE28" s="263">
        <v>2999</v>
      </c>
      <c r="BF28" s="257">
        <v>0</v>
      </c>
      <c r="BG28" s="261">
        <v>0</v>
      </c>
      <c r="BH28" s="258">
        <v>0</v>
      </c>
      <c r="BI28" s="260">
        <v>0</v>
      </c>
      <c r="BJ28" s="261">
        <v>172</v>
      </c>
      <c r="BK28" s="261">
        <v>198</v>
      </c>
      <c r="BL28" s="261">
        <v>129</v>
      </c>
      <c r="BM28" s="261">
        <v>73</v>
      </c>
      <c r="BN28" s="261">
        <v>43</v>
      </c>
      <c r="BO28" s="258">
        <v>615</v>
      </c>
      <c r="BP28" s="263">
        <v>615</v>
      </c>
      <c r="BQ28" s="257">
        <v>3</v>
      </c>
      <c r="BR28" s="261">
        <v>0</v>
      </c>
      <c r="BS28" s="258">
        <v>3</v>
      </c>
      <c r="BT28" s="260">
        <v>0</v>
      </c>
      <c r="BU28" s="261">
        <v>125</v>
      </c>
      <c r="BV28" s="261">
        <v>173</v>
      </c>
      <c r="BW28" s="261">
        <v>290</v>
      </c>
      <c r="BX28" s="261">
        <v>216</v>
      </c>
      <c r="BY28" s="261">
        <v>170</v>
      </c>
      <c r="BZ28" s="258">
        <v>974</v>
      </c>
      <c r="CA28" s="263">
        <v>977</v>
      </c>
      <c r="CB28" s="257">
        <v>0</v>
      </c>
      <c r="CC28" s="261">
        <v>0</v>
      </c>
      <c r="CD28" s="258">
        <v>0</v>
      </c>
      <c r="CE28" s="260">
        <v>0</v>
      </c>
      <c r="CF28" s="261">
        <v>11</v>
      </c>
      <c r="CG28" s="261">
        <v>12</v>
      </c>
      <c r="CH28" s="261">
        <v>18</v>
      </c>
      <c r="CI28" s="261">
        <v>25</v>
      </c>
      <c r="CJ28" s="261">
        <v>5</v>
      </c>
      <c r="CK28" s="258">
        <v>71</v>
      </c>
      <c r="CL28" s="263">
        <v>71</v>
      </c>
      <c r="CM28" s="257">
        <v>0</v>
      </c>
      <c r="CN28" s="261">
        <v>0</v>
      </c>
      <c r="CO28" s="258">
        <v>0</v>
      </c>
      <c r="CP28" s="260">
        <v>0</v>
      </c>
      <c r="CQ28" s="261">
        <v>0</v>
      </c>
      <c r="CR28" s="261">
        <v>0</v>
      </c>
      <c r="CS28" s="261">
        <v>0</v>
      </c>
      <c r="CT28" s="261">
        <v>0</v>
      </c>
      <c r="CU28" s="261">
        <v>0</v>
      </c>
      <c r="CV28" s="258">
        <v>0</v>
      </c>
      <c r="CW28" s="263">
        <v>0</v>
      </c>
      <c r="CX28" s="257">
        <v>0</v>
      </c>
      <c r="CY28" s="261">
        <v>0</v>
      </c>
      <c r="CZ28" s="258">
        <v>0</v>
      </c>
      <c r="DA28" s="260">
        <v>0</v>
      </c>
      <c r="DB28" s="261">
        <v>0</v>
      </c>
      <c r="DC28" s="261">
        <v>0</v>
      </c>
      <c r="DD28" s="261">
        <v>0</v>
      </c>
      <c r="DE28" s="261">
        <v>0</v>
      </c>
      <c r="DF28" s="261">
        <v>0</v>
      </c>
      <c r="DG28" s="258">
        <v>0</v>
      </c>
      <c r="DH28" s="263">
        <v>0</v>
      </c>
    </row>
    <row r="29" spans="2:112" ht="21" customHeight="1" x14ac:dyDescent="0.2">
      <c r="B29" s="472" t="s">
        <v>27</v>
      </c>
      <c r="C29" s="257">
        <v>0</v>
      </c>
      <c r="D29" s="261">
        <v>0</v>
      </c>
      <c r="E29" s="358">
        <v>0</v>
      </c>
      <c r="F29" s="260">
        <v>0</v>
      </c>
      <c r="G29" s="261">
        <v>765</v>
      </c>
      <c r="H29" s="261">
        <v>802</v>
      </c>
      <c r="I29" s="261">
        <v>1014</v>
      </c>
      <c r="J29" s="261">
        <v>858</v>
      </c>
      <c r="K29" s="261">
        <v>1492</v>
      </c>
      <c r="L29" s="262">
        <v>4931</v>
      </c>
      <c r="M29" s="263">
        <v>4931</v>
      </c>
      <c r="N29" s="257">
        <v>0</v>
      </c>
      <c r="O29" s="261">
        <v>0</v>
      </c>
      <c r="P29" s="258">
        <v>0</v>
      </c>
      <c r="Q29" s="260">
        <v>0</v>
      </c>
      <c r="R29" s="261">
        <v>5</v>
      </c>
      <c r="S29" s="261">
        <v>27</v>
      </c>
      <c r="T29" s="261">
        <v>18</v>
      </c>
      <c r="U29" s="261">
        <v>30</v>
      </c>
      <c r="V29" s="261">
        <v>100</v>
      </c>
      <c r="W29" s="258">
        <v>180</v>
      </c>
      <c r="X29" s="263">
        <v>180</v>
      </c>
      <c r="Y29" s="257">
        <v>107</v>
      </c>
      <c r="Z29" s="261">
        <v>256</v>
      </c>
      <c r="AA29" s="258">
        <v>363</v>
      </c>
      <c r="AB29" s="260">
        <v>0</v>
      </c>
      <c r="AC29" s="261">
        <v>247</v>
      </c>
      <c r="AD29" s="261">
        <v>452</v>
      </c>
      <c r="AE29" s="261">
        <v>365</v>
      </c>
      <c r="AF29" s="261">
        <v>183</v>
      </c>
      <c r="AG29" s="261">
        <v>382</v>
      </c>
      <c r="AH29" s="258">
        <v>1629</v>
      </c>
      <c r="AI29" s="263">
        <v>1992</v>
      </c>
      <c r="AJ29" s="257">
        <v>12</v>
      </c>
      <c r="AK29" s="261">
        <v>20</v>
      </c>
      <c r="AL29" s="258">
        <v>32</v>
      </c>
      <c r="AM29" s="260">
        <v>0</v>
      </c>
      <c r="AN29" s="261">
        <v>21</v>
      </c>
      <c r="AO29" s="261">
        <v>24</v>
      </c>
      <c r="AP29" s="261">
        <v>12</v>
      </c>
      <c r="AQ29" s="261">
        <v>0</v>
      </c>
      <c r="AR29" s="261">
        <v>6</v>
      </c>
      <c r="AS29" s="258">
        <v>63</v>
      </c>
      <c r="AT29" s="263">
        <v>95</v>
      </c>
      <c r="AU29" s="257">
        <v>0</v>
      </c>
      <c r="AV29" s="261">
        <v>0</v>
      </c>
      <c r="AW29" s="258">
        <v>0</v>
      </c>
      <c r="AX29" s="260">
        <v>0</v>
      </c>
      <c r="AY29" s="261">
        <v>1070</v>
      </c>
      <c r="AZ29" s="261">
        <v>612</v>
      </c>
      <c r="BA29" s="261">
        <v>349</v>
      </c>
      <c r="BB29" s="261">
        <v>274</v>
      </c>
      <c r="BC29" s="261">
        <v>149</v>
      </c>
      <c r="BD29" s="262">
        <v>2454</v>
      </c>
      <c r="BE29" s="263">
        <v>2454</v>
      </c>
      <c r="BF29" s="257">
        <v>0</v>
      </c>
      <c r="BG29" s="261">
        <v>0</v>
      </c>
      <c r="BH29" s="258">
        <v>0</v>
      </c>
      <c r="BI29" s="260">
        <v>0</v>
      </c>
      <c r="BJ29" s="261">
        <v>144</v>
      </c>
      <c r="BK29" s="261">
        <v>243</v>
      </c>
      <c r="BL29" s="261">
        <v>115</v>
      </c>
      <c r="BM29" s="261">
        <v>41</v>
      </c>
      <c r="BN29" s="261">
        <v>29</v>
      </c>
      <c r="BO29" s="258">
        <v>572</v>
      </c>
      <c r="BP29" s="263">
        <v>572</v>
      </c>
      <c r="BQ29" s="257">
        <v>5</v>
      </c>
      <c r="BR29" s="261">
        <v>9</v>
      </c>
      <c r="BS29" s="258">
        <v>14</v>
      </c>
      <c r="BT29" s="260">
        <v>0</v>
      </c>
      <c r="BU29" s="261">
        <v>111</v>
      </c>
      <c r="BV29" s="261">
        <v>74</v>
      </c>
      <c r="BW29" s="261">
        <v>94</v>
      </c>
      <c r="BX29" s="261">
        <v>77</v>
      </c>
      <c r="BY29" s="261">
        <v>100</v>
      </c>
      <c r="BZ29" s="258">
        <v>456</v>
      </c>
      <c r="CA29" s="263">
        <v>470</v>
      </c>
      <c r="CB29" s="257">
        <v>8</v>
      </c>
      <c r="CC29" s="261">
        <v>0</v>
      </c>
      <c r="CD29" s="258">
        <v>8</v>
      </c>
      <c r="CE29" s="260">
        <v>0</v>
      </c>
      <c r="CF29" s="261">
        <v>9</v>
      </c>
      <c r="CG29" s="261">
        <v>8</v>
      </c>
      <c r="CH29" s="261">
        <v>7</v>
      </c>
      <c r="CI29" s="261">
        <v>9</v>
      </c>
      <c r="CJ29" s="261">
        <v>13</v>
      </c>
      <c r="CK29" s="258">
        <v>46</v>
      </c>
      <c r="CL29" s="263">
        <v>54</v>
      </c>
      <c r="CM29" s="257">
        <v>0</v>
      </c>
      <c r="CN29" s="261">
        <v>0</v>
      </c>
      <c r="CO29" s="258">
        <v>0</v>
      </c>
      <c r="CP29" s="260">
        <v>0</v>
      </c>
      <c r="CQ29" s="261">
        <v>0</v>
      </c>
      <c r="CR29" s="261">
        <v>0</v>
      </c>
      <c r="CS29" s="261">
        <v>0</v>
      </c>
      <c r="CT29" s="261">
        <v>0</v>
      </c>
      <c r="CU29" s="261">
        <v>0</v>
      </c>
      <c r="CV29" s="258">
        <v>0</v>
      </c>
      <c r="CW29" s="263">
        <v>0</v>
      </c>
      <c r="CX29" s="257">
        <v>0</v>
      </c>
      <c r="CY29" s="261">
        <v>0</v>
      </c>
      <c r="CZ29" s="258">
        <v>0</v>
      </c>
      <c r="DA29" s="260">
        <v>0</v>
      </c>
      <c r="DB29" s="261">
        <v>0</v>
      </c>
      <c r="DC29" s="261">
        <v>0</v>
      </c>
      <c r="DD29" s="261">
        <v>0</v>
      </c>
      <c r="DE29" s="261">
        <v>0</v>
      </c>
      <c r="DF29" s="261">
        <v>0</v>
      </c>
      <c r="DG29" s="258">
        <v>0</v>
      </c>
      <c r="DH29" s="263">
        <v>0</v>
      </c>
    </row>
    <row r="30" spans="2:112" ht="21" customHeight="1" x14ac:dyDescent="0.2">
      <c r="B30" s="472" t="s">
        <v>28</v>
      </c>
      <c r="C30" s="257">
        <v>0</v>
      </c>
      <c r="D30" s="261">
        <v>0</v>
      </c>
      <c r="E30" s="358">
        <v>0</v>
      </c>
      <c r="F30" s="260">
        <v>0</v>
      </c>
      <c r="G30" s="261">
        <v>100</v>
      </c>
      <c r="H30" s="261">
        <v>244</v>
      </c>
      <c r="I30" s="261">
        <v>258</v>
      </c>
      <c r="J30" s="261">
        <v>236</v>
      </c>
      <c r="K30" s="261">
        <v>223</v>
      </c>
      <c r="L30" s="262">
        <v>1061</v>
      </c>
      <c r="M30" s="263">
        <v>1061</v>
      </c>
      <c r="N30" s="257">
        <v>0</v>
      </c>
      <c r="O30" s="261">
        <v>0</v>
      </c>
      <c r="P30" s="258">
        <v>0</v>
      </c>
      <c r="Q30" s="260">
        <v>0</v>
      </c>
      <c r="R30" s="261">
        <v>0</v>
      </c>
      <c r="S30" s="261">
        <v>0</v>
      </c>
      <c r="T30" s="261">
        <v>12</v>
      </c>
      <c r="U30" s="261">
        <v>18</v>
      </c>
      <c r="V30" s="261">
        <v>21</v>
      </c>
      <c r="W30" s="258">
        <v>51</v>
      </c>
      <c r="X30" s="263">
        <v>51</v>
      </c>
      <c r="Y30" s="257">
        <v>4</v>
      </c>
      <c r="Z30" s="261">
        <v>27</v>
      </c>
      <c r="AA30" s="258">
        <v>31</v>
      </c>
      <c r="AB30" s="260">
        <v>0</v>
      </c>
      <c r="AC30" s="261">
        <v>60</v>
      </c>
      <c r="AD30" s="261">
        <v>116</v>
      </c>
      <c r="AE30" s="261">
        <v>48</v>
      </c>
      <c r="AF30" s="261">
        <v>92</v>
      </c>
      <c r="AG30" s="261">
        <v>60</v>
      </c>
      <c r="AH30" s="258">
        <v>376</v>
      </c>
      <c r="AI30" s="263">
        <v>407</v>
      </c>
      <c r="AJ30" s="257">
        <v>0</v>
      </c>
      <c r="AK30" s="261">
        <v>0</v>
      </c>
      <c r="AL30" s="258">
        <v>0</v>
      </c>
      <c r="AM30" s="260">
        <v>0</v>
      </c>
      <c r="AN30" s="261">
        <v>9</v>
      </c>
      <c r="AO30" s="261">
        <v>25</v>
      </c>
      <c r="AP30" s="261">
        <v>0</v>
      </c>
      <c r="AQ30" s="261">
        <v>12</v>
      </c>
      <c r="AR30" s="261">
        <v>13</v>
      </c>
      <c r="AS30" s="258">
        <v>59</v>
      </c>
      <c r="AT30" s="263">
        <v>59</v>
      </c>
      <c r="AU30" s="257">
        <v>0</v>
      </c>
      <c r="AV30" s="261">
        <v>0</v>
      </c>
      <c r="AW30" s="258">
        <v>0</v>
      </c>
      <c r="AX30" s="260">
        <v>0</v>
      </c>
      <c r="AY30" s="261">
        <v>269</v>
      </c>
      <c r="AZ30" s="261">
        <v>310</v>
      </c>
      <c r="BA30" s="261">
        <v>184</v>
      </c>
      <c r="BB30" s="261">
        <v>174</v>
      </c>
      <c r="BC30" s="261">
        <v>63</v>
      </c>
      <c r="BD30" s="262">
        <v>1000</v>
      </c>
      <c r="BE30" s="263">
        <v>1000</v>
      </c>
      <c r="BF30" s="257">
        <v>0</v>
      </c>
      <c r="BG30" s="261">
        <v>0</v>
      </c>
      <c r="BH30" s="258">
        <v>0</v>
      </c>
      <c r="BI30" s="260">
        <v>0</v>
      </c>
      <c r="BJ30" s="261">
        <v>63</v>
      </c>
      <c r="BK30" s="261">
        <v>121</v>
      </c>
      <c r="BL30" s="261">
        <v>59</v>
      </c>
      <c r="BM30" s="261">
        <v>50</v>
      </c>
      <c r="BN30" s="261">
        <v>32</v>
      </c>
      <c r="BO30" s="258">
        <v>325</v>
      </c>
      <c r="BP30" s="263">
        <v>325</v>
      </c>
      <c r="BQ30" s="257">
        <v>0</v>
      </c>
      <c r="BR30" s="261">
        <v>4</v>
      </c>
      <c r="BS30" s="258">
        <v>4</v>
      </c>
      <c r="BT30" s="260">
        <v>0</v>
      </c>
      <c r="BU30" s="261">
        <v>8</v>
      </c>
      <c r="BV30" s="261">
        <v>28</v>
      </c>
      <c r="BW30" s="261">
        <v>86</v>
      </c>
      <c r="BX30" s="261">
        <v>60</v>
      </c>
      <c r="BY30" s="261">
        <v>26</v>
      </c>
      <c r="BZ30" s="258">
        <v>208</v>
      </c>
      <c r="CA30" s="263">
        <v>212</v>
      </c>
      <c r="CB30" s="257">
        <v>0</v>
      </c>
      <c r="CC30" s="261">
        <v>0</v>
      </c>
      <c r="CD30" s="258">
        <v>0</v>
      </c>
      <c r="CE30" s="260">
        <v>0</v>
      </c>
      <c r="CF30" s="261">
        <v>10</v>
      </c>
      <c r="CG30" s="261">
        <v>3</v>
      </c>
      <c r="CH30" s="261">
        <v>15</v>
      </c>
      <c r="CI30" s="261">
        <v>15</v>
      </c>
      <c r="CJ30" s="261">
        <v>0</v>
      </c>
      <c r="CK30" s="258">
        <v>43</v>
      </c>
      <c r="CL30" s="263">
        <v>43</v>
      </c>
      <c r="CM30" s="257">
        <v>0</v>
      </c>
      <c r="CN30" s="261">
        <v>0</v>
      </c>
      <c r="CO30" s="258">
        <v>0</v>
      </c>
      <c r="CP30" s="260">
        <v>0</v>
      </c>
      <c r="CQ30" s="261">
        <v>0</v>
      </c>
      <c r="CR30" s="261">
        <v>0</v>
      </c>
      <c r="CS30" s="261">
        <v>0</v>
      </c>
      <c r="CT30" s="261">
        <v>0</v>
      </c>
      <c r="CU30" s="261">
        <v>0</v>
      </c>
      <c r="CV30" s="258">
        <v>0</v>
      </c>
      <c r="CW30" s="263">
        <v>0</v>
      </c>
      <c r="CX30" s="257">
        <v>0</v>
      </c>
      <c r="CY30" s="261">
        <v>0</v>
      </c>
      <c r="CZ30" s="258">
        <v>0</v>
      </c>
      <c r="DA30" s="260">
        <v>0</v>
      </c>
      <c r="DB30" s="261">
        <v>0</v>
      </c>
      <c r="DC30" s="261">
        <v>0</v>
      </c>
      <c r="DD30" s="261">
        <v>0</v>
      </c>
      <c r="DE30" s="261">
        <v>0</v>
      </c>
      <c r="DF30" s="261">
        <v>0</v>
      </c>
      <c r="DG30" s="258">
        <v>0</v>
      </c>
      <c r="DH30" s="263">
        <v>0</v>
      </c>
    </row>
    <row r="31" spans="2:112" ht="21" customHeight="1" x14ac:dyDescent="0.2">
      <c r="B31" s="472" t="s">
        <v>29</v>
      </c>
      <c r="C31" s="257">
        <v>0</v>
      </c>
      <c r="D31" s="261">
        <v>0</v>
      </c>
      <c r="E31" s="358">
        <v>0</v>
      </c>
      <c r="F31" s="260">
        <v>0</v>
      </c>
      <c r="G31" s="261">
        <v>304</v>
      </c>
      <c r="H31" s="261">
        <v>328</v>
      </c>
      <c r="I31" s="261">
        <v>511</v>
      </c>
      <c r="J31" s="261">
        <v>757</v>
      </c>
      <c r="K31" s="261">
        <v>574</v>
      </c>
      <c r="L31" s="262">
        <v>2474</v>
      </c>
      <c r="M31" s="263">
        <v>2474</v>
      </c>
      <c r="N31" s="257">
        <v>0</v>
      </c>
      <c r="O31" s="261">
        <v>0</v>
      </c>
      <c r="P31" s="258">
        <v>0</v>
      </c>
      <c r="Q31" s="260">
        <v>0</v>
      </c>
      <c r="R31" s="261">
        <v>0</v>
      </c>
      <c r="S31" s="261">
        <v>0</v>
      </c>
      <c r="T31" s="261">
        <v>11</v>
      </c>
      <c r="U31" s="261">
        <v>14</v>
      </c>
      <c r="V31" s="261">
        <v>53</v>
      </c>
      <c r="W31" s="258">
        <v>78</v>
      </c>
      <c r="X31" s="263">
        <v>78</v>
      </c>
      <c r="Y31" s="257">
        <v>4</v>
      </c>
      <c r="Z31" s="261">
        <v>46</v>
      </c>
      <c r="AA31" s="258">
        <v>50</v>
      </c>
      <c r="AB31" s="260">
        <v>0</v>
      </c>
      <c r="AC31" s="261">
        <v>206</v>
      </c>
      <c r="AD31" s="261">
        <v>236</v>
      </c>
      <c r="AE31" s="261">
        <v>149</v>
      </c>
      <c r="AF31" s="261">
        <v>112</v>
      </c>
      <c r="AG31" s="261">
        <v>131</v>
      </c>
      <c r="AH31" s="258">
        <v>834</v>
      </c>
      <c r="AI31" s="263">
        <v>884</v>
      </c>
      <c r="AJ31" s="257">
        <v>0</v>
      </c>
      <c r="AK31" s="261">
        <v>15</v>
      </c>
      <c r="AL31" s="258">
        <v>15</v>
      </c>
      <c r="AM31" s="260">
        <v>0</v>
      </c>
      <c r="AN31" s="261">
        <v>27</v>
      </c>
      <c r="AO31" s="261">
        <v>12</v>
      </c>
      <c r="AP31" s="261">
        <v>32</v>
      </c>
      <c r="AQ31" s="261">
        <v>20</v>
      </c>
      <c r="AR31" s="261">
        <v>0</v>
      </c>
      <c r="AS31" s="258">
        <v>91</v>
      </c>
      <c r="AT31" s="263">
        <v>106</v>
      </c>
      <c r="AU31" s="257">
        <v>0</v>
      </c>
      <c r="AV31" s="261">
        <v>0</v>
      </c>
      <c r="AW31" s="258">
        <v>0</v>
      </c>
      <c r="AX31" s="260">
        <v>0</v>
      </c>
      <c r="AY31" s="261">
        <v>284</v>
      </c>
      <c r="AZ31" s="261">
        <v>461</v>
      </c>
      <c r="BA31" s="261">
        <v>349</v>
      </c>
      <c r="BB31" s="261">
        <v>151</v>
      </c>
      <c r="BC31" s="261">
        <v>85</v>
      </c>
      <c r="BD31" s="262">
        <v>1330</v>
      </c>
      <c r="BE31" s="263">
        <v>1330</v>
      </c>
      <c r="BF31" s="257">
        <v>0</v>
      </c>
      <c r="BG31" s="261">
        <v>0</v>
      </c>
      <c r="BH31" s="258">
        <v>0</v>
      </c>
      <c r="BI31" s="260">
        <v>0</v>
      </c>
      <c r="BJ31" s="261">
        <v>133</v>
      </c>
      <c r="BK31" s="261">
        <v>66</v>
      </c>
      <c r="BL31" s="261">
        <v>81</v>
      </c>
      <c r="BM31" s="261">
        <v>8</v>
      </c>
      <c r="BN31" s="261">
        <v>0</v>
      </c>
      <c r="BO31" s="258">
        <v>288</v>
      </c>
      <c r="BP31" s="263">
        <v>288</v>
      </c>
      <c r="BQ31" s="257">
        <v>0</v>
      </c>
      <c r="BR31" s="261">
        <v>0</v>
      </c>
      <c r="BS31" s="258">
        <v>0</v>
      </c>
      <c r="BT31" s="260">
        <v>0</v>
      </c>
      <c r="BU31" s="261">
        <v>39</v>
      </c>
      <c r="BV31" s="261">
        <v>70</v>
      </c>
      <c r="BW31" s="261">
        <v>117</v>
      </c>
      <c r="BX31" s="261">
        <v>61</v>
      </c>
      <c r="BY31" s="261">
        <v>43</v>
      </c>
      <c r="BZ31" s="258">
        <v>330</v>
      </c>
      <c r="CA31" s="263">
        <v>330</v>
      </c>
      <c r="CB31" s="257">
        <v>0</v>
      </c>
      <c r="CC31" s="261">
        <v>0</v>
      </c>
      <c r="CD31" s="258">
        <v>0</v>
      </c>
      <c r="CE31" s="260">
        <v>0</v>
      </c>
      <c r="CF31" s="261">
        <v>4</v>
      </c>
      <c r="CG31" s="261">
        <v>2</v>
      </c>
      <c r="CH31" s="261">
        <v>3</v>
      </c>
      <c r="CI31" s="261">
        <v>0</v>
      </c>
      <c r="CJ31" s="261">
        <v>0</v>
      </c>
      <c r="CK31" s="258">
        <v>9</v>
      </c>
      <c r="CL31" s="263">
        <v>9</v>
      </c>
      <c r="CM31" s="257">
        <v>0</v>
      </c>
      <c r="CN31" s="261">
        <v>0</v>
      </c>
      <c r="CO31" s="258">
        <v>0</v>
      </c>
      <c r="CP31" s="260">
        <v>0</v>
      </c>
      <c r="CQ31" s="261">
        <v>0</v>
      </c>
      <c r="CR31" s="261">
        <v>0</v>
      </c>
      <c r="CS31" s="261">
        <v>0</v>
      </c>
      <c r="CT31" s="261">
        <v>0</v>
      </c>
      <c r="CU31" s="261">
        <v>0</v>
      </c>
      <c r="CV31" s="258">
        <v>0</v>
      </c>
      <c r="CW31" s="263">
        <v>0</v>
      </c>
      <c r="CX31" s="257">
        <v>0</v>
      </c>
      <c r="CY31" s="261">
        <v>0</v>
      </c>
      <c r="CZ31" s="258">
        <v>0</v>
      </c>
      <c r="DA31" s="260">
        <v>0</v>
      </c>
      <c r="DB31" s="261">
        <v>0</v>
      </c>
      <c r="DC31" s="261">
        <v>0</v>
      </c>
      <c r="DD31" s="261">
        <v>0</v>
      </c>
      <c r="DE31" s="261">
        <v>0</v>
      </c>
      <c r="DF31" s="261">
        <v>0</v>
      </c>
      <c r="DG31" s="258">
        <v>0</v>
      </c>
      <c r="DH31" s="263">
        <v>0</v>
      </c>
    </row>
    <row r="32" spans="2:112" ht="21" customHeight="1" x14ac:dyDescent="0.2">
      <c r="B32" s="472" t="s">
        <v>30</v>
      </c>
      <c r="C32" s="257">
        <v>0</v>
      </c>
      <c r="D32" s="261">
        <v>0</v>
      </c>
      <c r="E32" s="358">
        <v>0</v>
      </c>
      <c r="F32" s="260">
        <v>0</v>
      </c>
      <c r="G32" s="261">
        <v>158</v>
      </c>
      <c r="H32" s="261">
        <v>299</v>
      </c>
      <c r="I32" s="261">
        <v>609</v>
      </c>
      <c r="J32" s="261">
        <v>1004</v>
      </c>
      <c r="K32" s="261">
        <v>431</v>
      </c>
      <c r="L32" s="262">
        <v>2501</v>
      </c>
      <c r="M32" s="263">
        <v>2501</v>
      </c>
      <c r="N32" s="257">
        <v>0</v>
      </c>
      <c r="O32" s="261">
        <v>0</v>
      </c>
      <c r="P32" s="258">
        <v>0</v>
      </c>
      <c r="Q32" s="260">
        <v>0</v>
      </c>
      <c r="R32" s="261">
        <v>9</v>
      </c>
      <c r="S32" s="261">
        <v>0</v>
      </c>
      <c r="T32" s="261">
        <v>18</v>
      </c>
      <c r="U32" s="261">
        <v>30</v>
      </c>
      <c r="V32" s="261">
        <v>17</v>
      </c>
      <c r="W32" s="258">
        <v>74</v>
      </c>
      <c r="X32" s="263">
        <v>74</v>
      </c>
      <c r="Y32" s="257">
        <v>12</v>
      </c>
      <c r="Z32" s="261">
        <v>54</v>
      </c>
      <c r="AA32" s="258">
        <v>66</v>
      </c>
      <c r="AB32" s="260">
        <v>0</v>
      </c>
      <c r="AC32" s="261">
        <v>212</v>
      </c>
      <c r="AD32" s="261">
        <v>121</v>
      </c>
      <c r="AE32" s="261">
        <v>161</v>
      </c>
      <c r="AF32" s="261">
        <v>101</v>
      </c>
      <c r="AG32" s="261">
        <v>14</v>
      </c>
      <c r="AH32" s="258">
        <v>609</v>
      </c>
      <c r="AI32" s="263">
        <v>675</v>
      </c>
      <c r="AJ32" s="257">
        <v>0</v>
      </c>
      <c r="AK32" s="261">
        <v>0</v>
      </c>
      <c r="AL32" s="258">
        <v>0</v>
      </c>
      <c r="AM32" s="260">
        <v>0</v>
      </c>
      <c r="AN32" s="261">
        <v>27</v>
      </c>
      <c r="AO32" s="261">
        <v>37</v>
      </c>
      <c r="AP32" s="261">
        <v>39</v>
      </c>
      <c r="AQ32" s="261">
        <v>25</v>
      </c>
      <c r="AR32" s="261">
        <v>0</v>
      </c>
      <c r="AS32" s="258">
        <v>128</v>
      </c>
      <c r="AT32" s="263">
        <v>128</v>
      </c>
      <c r="AU32" s="257">
        <v>0</v>
      </c>
      <c r="AV32" s="261">
        <v>0</v>
      </c>
      <c r="AW32" s="258">
        <v>0</v>
      </c>
      <c r="AX32" s="260">
        <v>0</v>
      </c>
      <c r="AY32" s="261">
        <v>296</v>
      </c>
      <c r="AZ32" s="261">
        <v>221</v>
      </c>
      <c r="BA32" s="261">
        <v>183</v>
      </c>
      <c r="BB32" s="261">
        <v>99</v>
      </c>
      <c r="BC32" s="261">
        <v>12</v>
      </c>
      <c r="BD32" s="262">
        <v>811</v>
      </c>
      <c r="BE32" s="263">
        <v>811</v>
      </c>
      <c r="BF32" s="257">
        <v>0</v>
      </c>
      <c r="BG32" s="261">
        <v>0</v>
      </c>
      <c r="BH32" s="258">
        <v>0</v>
      </c>
      <c r="BI32" s="260">
        <v>0</v>
      </c>
      <c r="BJ32" s="261">
        <v>52</v>
      </c>
      <c r="BK32" s="261">
        <v>48</v>
      </c>
      <c r="BL32" s="261">
        <v>23</v>
      </c>
      <c r="BM32" s="261">
        <v>19</v>
      </c>
      <c r="BN32" s="261">
        <v>8</v>
      </c>
      <c r="BO32" s="258">
        <v>150</v>
      </c>
      <c r="BP32" s="263">
        <v>150</v>
      </c>
      <c r="BQ32" s="257">
        <v>0</v>
      </c>
      <c r="BR32" s="261">
        <v>2</v>
      </c>
      <c r="BS32" s="258">
        <v>2</v>
      </c>
      <c r="BT32" s="260">
        <v>0</v>
      </c>
      <c r="BU32" s="261">
        <v>39</v>
      </c>
      <c r="BV32" s="261">
        <v>73</v>
      </c>
      <c r="BW32" s="261">
        <v>67</v>
      </c>
      <c r="BX32" s="261">
        <v>16</v>
      </c>
      <c r="BY32" s="261">
        <v>5</v>
      </c>
      <c r="BZ32" s="258">
        <v>200</v>
      </c>
      <c r="CA32" s="263">
        <v>202</v>
      </c>
      <c r="CB32" s="257">
        <v>0</v>
      </c>
      <c r="CC32" s="261">
        <v>0</v>
      </c>
      <c r="CD32" s="258">
        <v>0</v>
      </c>
      <c r="CE32" s="260">
        <v>0</v>
      </c>
      <c r="CF32" s="261">
        <v>0</v>
      </c>
      <c r="CG32" s="261">
        <v>6</v>
      </c>
      <c r="CH32" s="261">
        <v>9</v>
      </c>
      <c r="CI32" s="261">
        <v>0</v>
      </c>
      <c r="CJ32" s="261">
        <v>4</v>
      </c>
      <c r="CK32" s="258">
        <v>19</v>
      </c>
      <c r="CL32" s="263">
        <v>19</v>
      </c>
      <c r="CM32" s="257">
        <v>0</v>
      </c>
      <c r="CN32" s="261">
        <v>0</v>
      </c>
      <c r="CO32" s="258">
        <v>0</v>
      </c>
      <c r="CP32" s="260">
        <v>0</v>
      </c>
      <c r="CQ32" s="261">
        <v>0</v>
      </c>
      <c r="CR32" s="261">
        <v>0</v>
      </c>
      <c r="CS32" s="261">
        <v>0</v>
      </c>
      <c r="CT32" s="261">
        <v>0</v>
      </c>
      <c r="CU32" s="261">
        <v>0</v>
      </c>
      <c r="CV32" s="258">
        <v>0</v>
      </c>
      <c r="CW32" s="263">
        <v>0</v>
      </c>
      <c r="CX32" s="257">
        <v>0</v>
      </c>
      <c r="CY32" s="261">
        <v>0</v>
      </c>
      <c r="CZ32" s="258">
        <v>0</v>
      </c>
      <c r="DA32" s="260">
        <v>0</v>
      </c>
      <c r="DB32" s="261">
        <v>0</v>
      </c>
      <c r="DC32" s="261">
        <v>0</v>
      </c>
      <c r="DD32" s="261">
        <v>0</v>
      </c>
      <c r="DE32" s="261">
        <v>0</v>
      </c>
      <c r="DF32" s="261">
        <v>0</v>
      </c>
      <c r="DG32" s="258">
        <v>0</v>
      </c>
      <c r="DH32" s="263">
        <v>0</v>
      </c>
    </row>
    <row r="33" spans="2:112" ht="21" customHeight="1" x14ac:dyDescent="0.2">
      <c r="B33" s="472" t="s">
        <v>31</v>
      </c>
      <c r="C33" s="257">
        <v>0</v>
      </c>
      <c r="D33" s="261">
        <v>0</v>
      </c>
      <c r="E33" s="358">
        <v>0</v>
      </c>
      <c r="F33" s="260">
        <v>0</v>
      </c>
      <c r="G33" s="261">
        <v>194</v>
      </c>
      <c r="H33" s="261">
        <v>154</v>
      </c>
      <c r="I33" s="261">
        <v>436</v>
      </c>
      <c r="J33" s="261">
        <v>223</v>
      </c>
      <c r="K33" s="261">
        <v>315</v>
      </c>
      <c r="L33" s="262">
        <v>1322</v>
      </c>
      <c r="M33" s="263">
        <v>1322</v>
      </c>
      <c r="N33" s="257">
        <v>0</v>
      </c>
      <c r="O33" s="261">
        <v>0</v>
      </c>
      <c r="P33" s="258">
        <v>0</v>
      </c>
      <c r="Q33" s="260">
        <v>0</v>
      </c>
      <c r="R33" s="261">
        <v>4</v>
      </c>
      <c r="S33" s="261">
        <v>6</v>
      </c>
      <c r="T33" s="261">
        <v>22</v>
      </c>
      <c r="U33" s="261">
        <v>36</v>
      </c>
      <c r="V33" s="261">
        <v>16</v>
      </c>
      <c r="W33" s="258">
        <v>84</v>
      </c>
      <c r="X33" s="263">
        <v>84</v>
      </c>
      <c r="Y33" s="257">
        <v>9</v>
      </c>
      <c r="Z33" s="261">
        <v>42</v>
      </c>
      <c r="AA33" s="258">
        <v>51</v>
      </c>
      <c r="AB33" s="260">
        <v>0</v>
      </c>
      <c r="AC33" s="261">
        <v>138</v>
      </c>
      <c r="AD33" s="261">
        <v>133</v>
      </c>
      <c r="AE33" s="261">
        <v>109</v>
      </c>
      <c r="AF33" s="261">
        <v>142</v>
      </c>
      <c r="AG33" s="261">
        <v>76</v>
      </c>
      <c r="AH33" s="258">
        <v>598</v>
      </c>
      <c r="AI33" s="263">
        <v>649</v>
      </c>
      <c r="AJ33" s="257">
        <v>12</v>
      </c>
      <c r="AK33" s="261">
        <v>18</v>
      </c>
      <c r="AL33" s="258">
        <v>30</v>
      </c>
      <c r="AM33" s="260">
        <v>0</v>
      </c>
      <c r="AN33" s="261">
        <v>27</v>
      </c>
      <c r="AO33" s="261">
        <v>15</v>
      </c>
      <c r="AP33" s="261">
        <v>24</v>
      </c>
      <c r="AQ33" s="261">
        <v>30</v>
      </c>
      <c r="AR33" s="261">
        <v>0</v>
      </c>
      <c r="AS33" s="258">
        <v>96</v>
      </c>
      <c r="AT33" s="263">
        <v>126</v>
      </c>
      <c r="AU33" s="257">
        <v>0</v>
      </c>
      <c r="AV33" s="261">
        <v>0</v>
      </c>
      <c r="AW33" s="258">
        <v>0</v>
      </c>
      <c r="AX33" s="260">
        <v>0</v>
      </c>
      <c r="AY33" s="261">
        <v>310</v>
      </c>
      <c r="AZ33" s="261">
        <v>367</v>
      </c>
      <c r="BA33" s="261">
        <v>170</v>
      </c>
      <c r="BB33" s="261">
        <v>108</v>
      </c>
      <c r="BC33" s="261">
        <v>47</v>
      </c>
      <c r="BD33" s="262">
        <v>1002</v>
      </c>
      <c r="BE33" s="263">
        <v>1002</v>
      </c>
      <c r="BF33" s="257">
        <v>0</v>
      </c>
      <c r="BG33" s="261">
        <v>0</v>
      </c>
      <c r="BH33" s="258">
        <v>0</v>
      </c>
      <c r="BI33" s="260">
        <v>0</v>
      </c>
      <c r="BJ33" s="261">
        <v>41</v>
      </c>
      <c r="BK33" s="261">
        <v>71</v>
      </c>
      <c r="BL33" s="261">
        <v>66</v>
      </c>
      <c r="BM33" s="261">
        <v>11</v>
      </c>
      <c r="BN33" s="261">
        <v>7</v>
      </c>
      <c r="BO33" s="258">
        <v>196</v>
      </c>
      <c r="BP33" s="263">
        <v>196</v>
      </c>
      <c r="BQ33" s="257">
        <v>0</v>
      </c>
      <c r="BR33" s="261">
        <v>5</v>
      </c>
      <c r="BS33" s="258">
        <v>5</v>
      </c>
      <c r="BT33" s="260">
        <v>0</v>
      </c>
      <c r="BU33" s="261">
        <v>35</v>
      </c>
      <c r="BV33" s="261">
        <v>76</v>
      </c>
      <c r="BW33" s="261">
        <v>112</v>
      </c>
      <c r="BX33" s="261">
        <v>127</v>
      </c>
      <c r="BY33" s="261">
        <v>59</v>
      </c>
      <c r="BZ33" s="258">
        <v>409</v>
      </c>
      <c r="CA33" s="263">
        <v>414</v>
      </c>
      <c r="CB33" s="257">
        <v>0</v>
      </c>
      <c r="CC33" s="261">
        <v>0</v>
      </c>
      <c r="CD33" s="258">
        <v>0</v>
      </c>
      <c r="CE33" s="260">
        <v>0</v>
      </c>
      <c r="CF33" s="261">
        <v>13</v>
      </c>
      <c r="CG33" s="261">
        <v>5</v>
      </c>
      <c r="CH33" s="261">
        <v>0</v>
      </c>
      <c r="CI33" s="261">
        <v>0</v>
      </c>
      <c r="CJ33" s="261">
        <v>6</v>
      </c>
      <c r="CK33" s="258">
        <v>24</v>
      </c>
      <c r="CL33" s="263">
        <v>24</v>
      </c>
      <c r="CM33" s="257">
        <v>0</v>
      </c>
      <c r="CN33" s="261">
        <v>0</v>
      </c>
      <c r="CO33" s="258">
        <v>0</v>
      </c>
      <c r="CP33" s="260">
        <v>0</v>
      </c>
      <c r="CQ33" s="261">
        <v>0</v>
      </c>
      <c r="CR33" s="261">
        <v>0</v>
      </c>
      <c r="CS33" s="261">
        <v>0</v>
      </c>
      <c r="CT33" s="261">
        <v>0</v>
      </c>
      <c r="CU33" s="261">
        <v>0</v>
      </c>
      <c r="CV33" s="258">
        <v>0</v>
      </c>
      <c r="CW33" s="263">
        <v>0</v>
      </c>
      <c r="CX33" s="257">
        <v>0</v>
      </c>
      <c r="CY33" s="261">
        <v>0</v>
      </c>
      <c r="CZ33" s="258">
        <v>0</v>
      </c>
      <c r="DA33" s="260">
        <v>0</v>
      </c>
      <c r="DB33" s="261">
        <v>0</v>
      </c>
      <c r="DC33" s="261">
        <v>0</v>
      </c>
      <c r="DD33" s="261">
        <v>0</v>
      </c>
      <c r="DE33" s="261">
        <v>0</v>
      </c>
      <c r="DF33" s="261">
        <v>0</v>
      </c>
      <c r="DG33" s="258">
        <v>0</v>
      </c>
      <c r="DH33" s="263">
        <v>0</v>
      </c>
    </row>
    <row r="34" spans="2:112" ht="21" customHeight="1" x14ac:dyDescent="0.2">
      <c r="B34" s="472" t="s">
        <v>32</v>
      </c>
      <c r="C34" s="257">
        <v>0</v>
      </c>
      <c r="D34" s="261">
        <v>0</v>
      </c>
      <c r="E34" s="358">
        <v>0</v>
      </c>
      <c r="F34" s="260">
        <v>0</v>
      </c>
      <c r="G34" s="261">
        <v>457</v>
      </c>
      <c r="H34" s="261">
        <v>258</v>
      </c>
      <c r="I34" s="261">
        <v>803</v>
      </c>
      <c r="J34" s="261">
        <v>210</v>
      </c>
      <c r="K34" s="261">
        <v>511</v>
      </c>
      <c r="L34" s="262">
        <v>2239</v>
      </c>
      <c r="M34" s="263">
        <v>2239</v>
      </c>
      <c r="N34" s="257">
        <v>0</v>
      </c>
      <c r="O34" s="261">
        <v>0</v>
      </c>
      <c r="P34" s="258">
        <v>0</v>
      </c>
      <c r="Q34" s="260">
        <v>0</v>
      </c>
      <c r="R34" s="261">
        <v>0</v>
      </c>
      <c r="S34" s="261">
        <v>9</v>
      </c>
      <c r="T34" s="261">
        <v>6</v>
      </c>
      <c r="U34" s="261">
        <v>18</v>
      </c>
      <c r="V34" s="261">
        <v>36</v>
      </c>
      <c r="W34" s="258">
        <v>69</v>
      </c>
      <c r="X34" s="263">
        <v>69</v>
      </c>
      <c r="Y34" s="257">
        <v>16</v>
      </c>
      <c r="Z34" s="261">
        <v>67</v>
      </c>
      <c r="AA34" s="258">
        <v>83</v>
      </c>
      <c r="AB34" s="260">
        <v>0</v>
      </c>
      <c r="AC34" s="261">
        <v>299</v>
      </c>
      <c r="AD34" s="261">
        <v>246</v>
      </c>
      <c r="AE34" s="261">
        <v>135</v>
      </c>
      <c r="AF34" s="261">
        <v>94</v>
      </c>
      <c r="AG34" s="261">
        <v>51</v>
      </c>
      <c r="AH34" s="258">
        <v>825</v>
      </c>
      <c r="AI34" s="263">
        <v>908</v>
      </c>
      <c r="AJ34" s="257">
        <v>0</v>
      </c>
      <c r="AK34" s="261">
        <v>15</v>
      </c>
      <c r="AL34" s="258">
        <v>15</v>
      </c>
      <c r="AM34" s="260">
        <v>0</v>
      </c>
      <c r="AN34" s="261">
        <v>72</v>
      </c>
      <c r="AO34" s="261">
        <v>21</v>
      </c>
      <c r="AP34" s="261">
        <v>0</v>
      </c>
      <c r="AQ34" s="261">
        <v>24</v>
      </c>
      <c r="AR34" s="261">
        <v>24</v>
      </c>
      <c r="AS34" s="258">
        <v>141</v>
      </c>
      <c r="AT34" s="263">
        <v>156</v>
      </c>
      <c r="AU34" s="257">
        <v>0</v>
      </c>
      <c r="AV34" s="261">
        <v>0</v>
      </c>
      <c r="AW34" s="258">
        <v>0</v>
      </c>
      <c r="AX34" s="260">
        <v>0</v>
      </c>
      <c r="AY34" s="261">
        <v>571</v>
      </c>
      <c r="AZ34" s="261">
        <v>533</v>
      </c>
      <c r="BA34" s="261">
        <v>328</v>
      </c>
      <c r="BB34" s="261">
        <v>190</v>
      </c>
      <c r="BC34" s="261">
        <v>34</v>
      </c>
      <c r="BD34" s="262">
        <v>1656</v>
      </c>
      <c r="BE34" s="263">
        <v>1656</v>
      </c>
      <c r="BF34" s="257">
        <v>0</v>
      </c>
      <c r="BG34" s="261">
        <v>0</v>
      </c>
      <c r="BH34" s="258">
        <v>0</v>
      </c>
      <c r="BI34" s="260">
        <v>0</v>
      </c>
      <c r="BJ34" s="261">
        <v>80</v>
      </c>
      <c r="BK34" s="261">
        <v>126</v>
      </c>
      <c r="BL34" s="261">
        <v>30</v>
      </c>
      <c r="BM34" s="261">
        <v>40</v>
      </c>
      <c r="BN34" s="261">
        <v>20</v>
      </c>
      <c r="BO34" s="258">
        <v>296</v>
      </c>
      <c r="BP34" s="263">
        <v>296</v>
      </c>
      <c r="BQ34" s="257">
        <v>1</v>
      </c>
      <c r="BR34" s="261">
        <v>3</v>
      </c>
      <c r="BS34" s="258">
        <v>4</v>
      </c>
      <c r="BT34" s="260">
        <v>0</v>
      </c>
      <c r="BU34" s="261">
        <v>31</v>
      </c>
      <c r="BV34" s="261">
        <v>73</v>
      </c>
      <c r="BW34" s="261">
        <v>132</v>
      </c>
      <c r="BX34" s="261">
        <v>32</v>
      </c>
      <c r="BY34" s="261">
        <v>49</v>
      </c>
      <c r="BZ34" s="258">
        <v>317</v>
      </c>
      <c r="CA34" s="263">
        <v>321</v>
      </c>
      <c r="CB34" s="257">
        <v>0</v>
      </c>
      <c r="CC34" s="261">
        <v>0</v>
      </c>
      <c r="CD34" s="258">
        <v>0</v>
      </c>
      <c r="CE34" s="260">
        <v>0</v>
      </c>
      <c r="CF34" s="261">
        <v>0</v>
      </c>
      <c r="CG34" s="261">
        <v>13</v>
      </c>
      <c r="CH34" s="261">
        <v>0</v>
      </c>
      <c r="CI34" s="261">
        <v>11</v>
      </c>
      <c r="CJ34" s="261">
        <v>7</v>
      </c>
      <c r="CK34" s="258">
        <v>31</v>
      </c>
      <c r="CL34" s="263">
        <v>31</v>
      </c>
      <c r="CM34" s="257">
        <v>0</v>
      </c>
      <c r="CN34" s="261">
        <v>0</v>
      </c>
      <c r="CO34" s="258">
        <v>0</v>
      </c>
      <c r="CP34" s="260">
        <v>0</v>
      </c>
      <c r="CQ34" s="261">
        <v>0</v>
      </c>
      <c r="CR34" s="261">
        <v>0</v>
      </c>
      <c r="CS34" s="261">
        <v>0</v>
      </c>
      <c r="CT34" s="261">
        <v>0</v>
      </c>
      <c r="CU34" s="261">
        <v>0</v>
      </c>
      <c r="CV34" s="258">
        <v>0</v>
      </c>
      <c r="CW34" s="263">
        <v>0</v>
      </c>
      <c r="CX34" s="257">
        <v>0</v>
      </c>
      <c r="CY34" s="261">
        <v>0</v>
      </c>
      <c r="CZ34" s="258">
        <v>0</v>
      </c>
      <c r="DA34" s="260">
        <v>0</v>
      </c>
      <c r="DB34" s="261">
        <v>0</v>
      </c>
      <c r="DC34" s="261">
        <v>0</v>
      </c>
      <c r="DD34" s="261">
        <v>0</v>
      </c>
      <c r="DE34" s="261">
        <v>0</v>
      </c>
      <c r="DF34" s="261">
        <v>0</v>
      </c>
      <c r="DG34" s="258">
        <v>0</v>
      </c>
      <c r="DH34" s="263">
        <v>0</v>
      </c>
    </row>
    <row r="35" spans="2:112" ht="21" customHeight="1" x14ac:dyDescent="0.2">
      <c r="B35" s="472" t="s">
        <v>33</v>
      </c>
      <c r="C35" s="257">
        <v>0</v>
      </c>
      <c r="D35" s="261">
        <v>0</v>
      </c>
      <c r="E35" s="358">
        <v>0</v>
      </c>
      <c r="F35" s="260">
        <v>0</v>
      </c>
      <c r="G35" s="261">
        <v>203</v>
      </c>
      <c r="H35" s="261">
        <v>246</v>
      </c>
      <c r="I35" s="261">
        <v>374</v>
      </c>
      <c r="J35" s="261">
        <v>242</v>
      </c>
      <c r="K35" s="261">
        <v>663</v>
      </c>
      <c r="L35" s="262">
        <v>1728</v>
      </c>
      <c r="M35" s="263">
        <v>1728</v>
      </c>
      <c r="N35" s="257">
        <v>0</v>
      </c>
      <c r="O35" s="261">
        <v>0</v>
      </c>
      <c r="P35" s="258">
        <v>0</v>
      </c>
      <c r="Q35" s="260">
        <v>0</v>
      </c>
      <c r="R35" s="261">
        <v>9</v>
      </c>
      <c r="S35" s="261">
        <v>3</v>
      </c>
      <c r="T35" s="261">
        <v>4</v>
      </c>
      <c r="U35" s="261">
        <v>9</v>
      </c>
      <c r="V35" s="261">
        <v>20</v>
      </c>
      <c r="W35" s="258">
        <v>45</v>
      </c>
      <c r="X35" s="263">
        <v>45</v>
      </c>
      <c r="Y35" s="257">
        <v>0</v>
      </c>
      <c r="Z35" s="261">
        <v>17</v>
      </c>
      <c r="AA35" s="258">
        <v>17</v>
      </c>
      <c r="AB35" s="260">
        <v>0</v>
      </c>
      <c r="AC35" s="261">
        <v>122</v>
      </c>
      <c r="AD35" s="261">
        <v>73</v>
      </c>
      <c r="AE35" s="261">
        <v>17</v>
      </c>
      <c r="AF35" s="261">
        <v>33</v>
      </c>
      <c r="AG35" s="261">
        <v>17</v>
      </c>
      <c r="AH35" s="258">
        <v>262</v>
      </c>
      <c r="AI35" s="263">
        <v>279</v>
      </c>
      <c r="AJ35" s="257">
        <v>127</v>
      </c>
      <c r="AK35" s="261">
        <v>194</v>
      </c>
      <c r="AL35" s="258">
        <v>321</v>
      </c>
      <c r="AM35" s="260">
        <v>0</v>
      </c>
      <c r="AN35" s="261">
        <v>418</v>
      </c>
      <c r="AO35" s="261">
        <v>252</v>
      </c>
      <c r="AP35" s="261">
        <v>149</v>
      </c>
      <c r="AQ35" s="261">
        <v>93</v>
      </c>
      <c r="AR35" s="261">
        <v>29</v>
      </c>
      <c r="AS35" s="258">
        <v>941</v>
      </c>
      <c r="AT35" s="263">
        <v>1262</v>
      </c>
      <c r="AU35" s="257">
        <v>0</v>
      </c>
      <c r="AV35" s="261">
        <v>0</v>
      </c>
      <c r="AW35" s="258">
        <v>0</v>
      </c>
      <c r="AX35" s="260">
        <v>0</v>
      </c>
      <c r="AY35" s="261">
        <v>61</v>
      </c>
      <c r="AZ35" s="261">
        <v>88</v>
      </c>
      <c r="BA35" s="261">
        <v>52</v>
      </c>
      <c r="BB35" s="261">
        <v>22</v>
      </c>
      <c r="BC35" s="261">
        <v>83</v>
      </c>
      <c r="BD35" s="262">
        <v>306</v>
      </c>
      <c r="BE35" s="263">
        <v>306</v>
      </c>
      <c r="BF35" s="257">
        <v>0</v>
      </c>
      <c r="BG35" s="261">
        <v>0</v>
      </c>
      <c r="BH35" s="258">
        <v>0</v>
      </c>
      <c r="BI35" s="260">
        <v>0</v>
      </c>
      <c r="BJ35" s="261">
        <v>189</v>
      </c>
      <c r="BK35" s="261">
        <v>106</v>
      </c>
      <c r="BL35" s="261">
        <v>60</v>
      </c>
      <c r="BM35" s="261">
        <v>14</v>
      </c>
      <c r="BN35" s="261">
        <v>8</v>
      </c>
      <c r="BO35" s="258">
        <v>377</v>
      </c>
      <c r="BP35" s="263">
        <v>377</v>
      </c>
      <c r="BQ35" s="257">
        <v>0</v>
      </c>
      <c r="BR35" s="261">
        <v>0</v>
      </c>
      <c r="BS35" s="258">
        <v>0</v>
      </c>
      <c r="BT35" s="260">
        <v>0</v>
      </c>
      <c r="BU35" s="261">
        <v>8</v>
      </c>
      <c r="BV35" s="261">
        <v>28</v>
      </c>
      <c r="BW35" s="261">
        <v>90</v>
      </c>
      <c r="BX35" s="261">
        <v>62</v>
      </c>
      <c r="BY35" s="261">
        <v>19</v>
      </c>
      <c r="BZ35" s="258">
        <v>207</v>
      </c>
      <c r="CA35" s="263">
        <v>207</v>
      </c>
      <c r="CB35" s="257">
        <v>0</v>
      </c>
      <c r="CC35" s="261">
        <v>0</v>
      </c>
      <c r="CD35" s="258">
        <v>0</v>
      </c>
      <c r="CE35" s="260">
        <v>0</v>
      </c>
      <c r="CF35" s="261">
        <v>16</v>
      </c>
      <c r="CG35" s="261">
        <v>12</v>
      </c>
      <c r="CH35" s="261">
        <v>0</v>
      </c>
      <c r="CI35" s="261">
        <v>51</v>
      </c>
      <c r="CJ35" s="261">
        <v>0</v>
      </c>
      <c r="CK35" s="258">
        <v>79</v>
      </c>
      <c r="CL35" s="263">
        <v>79</v>
      </c>
      <c r="CM35" s="257">
        <v>0</v>
      </c>
      <c r="CN35" s="261">
        <v>0</v>
      </c>
      <c r="CO35" s="258">
        <v>0</v>
      </c>
      <c r="CP35" s="260">
        <v>0</v>
      </c>
      <c r="CQ35" s="261">
        <v>0</v>
      </c>
      <c r="CR35" s="261">
        <v>0</v>
      </c>
      <c r="CS35" s="261">
        <v>0</v>
      </c>
      <c r="CT35" s="261">
        <v>0</v>
      </c>
      <c r="CU35" s="261">
        <v>0</v>
      </c>
      <c r="CV35" s="258">
        <v>0</v>
      </c>
      <c r="CW35" s="263">
        <v>0</v>
      </c>
      <c r="CX35" s="257">
        <v>0</v>
      </c>
      <c r="CY35" s="261">
        <v>0</v>
      </c>
      <c r="CZ35" s="258">
        <v>0</v>
      </c>
      <c r="DA35" s="260">
        <v>0</v>
      </c>
      <c r="DB35" s="261">
        <v>0</v>
      </c>
      <c r="DC35" s="261">
        <v>0</v>
      </c>
      <c r="DD35" s="261">
        <v>0</v>
      </c>
      <c r="DE35" s="261">
        <v>0</v>
      </c>
      <c r="DF35" s="261">
        <v>0</v>
      </c>
      <c r="DG35" s="258">
        <v>0</v>
      </c>
      <c r="DH35" s="263">
        <v>0</v>
      </c>
    </row>
    <row r="36" spans="2:112" ht="21" customHeight="1" x14ac:dyDescent="0.2">
      <c r="B36" s="472" t="s">
        <v>34</v>
      </c>
      <c r="C36" s="257">
        <v>0</v>
      </c>
      <c r="D36" s="261">
        <v>0</v>
      </c>
      <c r="E36" s="358">
        <v>0</v>
      </c>
      <c r="F36" s="260">
        <v>0</v>
      </c>
      <c r="G36" s="261">
        <v>158</v>
      </c>
      <c r="H36" s="261">
        <v>200</v>
      </c>
      <c r="I36" s="261">
        <v>96</v>
      </c>
      <c r="J36" s="261">
        <v>389</v>
      </c>
      <c r="K36" s="261">
        <v>188</v>
      </c>
      <c r="L36" s="262">
        <v>1031</v>
      </c>
      <c r="M36" s="263">
        <v>1031</v>
      </c>
      <c r="N36" s="257">
        <v>0</v>
      </c>
      <c r="O36" s="261">
        <v>0</v>
      </c>
      <c r="P36" s="258">
        <v>0</v>
      </c>
      <c r="Q36" s="260">
        <v>0</v>
      </c>
      <c r="R36" s="261">
        <v>0</v>
      </c>
      <c r="S36" s="261">
        <v>4</v>
      </c>
      <c r="T36" s="261">
        <v>0</v>
      </c>
      <c r="U36" s="261">
        <v>7</v>
      </c>
      <c r="V36" s="261">
        <v>39</v>
      </c>
      <c r="W36" s="258">
        <v>50</v>
      </c>
      <c r="X36" s="263">
        <v>50</v>
      </c>
      <c r="Y36" s="257">
        <v>0</v>
      </c>
      <c r="Z36" s="261">
        <v>97</v>
      </c>
      <c r="AA36" s="258">
        <v>97</v>
      </c>
      <c r="AB36" s="260">
        <v>0</v>
      </c>
      <c r="AC36" s="261">
        <v>158</v>
      </c>
      <c r="AD36" s="261">
        <v>98</v>
      </c>
      <c r="AE36" s="261">
        <v>59</v>
      </c>
      <c r="AF36" s="261">
        <v>68</v>
      </c>
      <c r="AG36" s="261">
        <v>106</v>
      </c>
      <c r="AH36" s="258">
        <v>489</v>
      </c>
      <c r="AI36" s="263">
        <v>586</v>
      </c>
      <c r="AJ36" s="257">
        <v>0</v>
      </c>
      <c r="AK36" s="261">
        <v>15</v>
      </c>
      <c r="AL36" s="258">
        <v>15</v>
      </c>
      <c r="AM36" s="260">
        <v>0</v>
      </c>
      <c r="AN36" s="261">
        <v>91</v>
      </c>
      <c r="AO36" s="261">
        <v>39</v>
      </c>
      <c r="AP36" s="261">
        <v>15</v>
      </c>
      <c r="AQ36" s="261">
        <v>15</v>
      </c>
      <c r="AR36" s="261">
        <v>19</v>
      </c>
      <c r="AS36" s="258">
        <v>179</v>
      </c>
      <c r="AT36" s="263">
        <v>194</v>
      </c>
      <c r="AU36" s="257">
        <v>0</v>
      </c>
      <c r="AV36" s="261">
        <v>0</v>
      </c>
      <c r="AW36" s="258">
        <v>0</v>
      </c>
      <c r="AX36" s="260">
        <v>0</v>
      </c>
      <c r="AY36" s="261">
        <v>297</v>
      </c>
      <c r="AZ36" s="261">
        <v>224</v>
      </c>
      <c r="BA36" s="261">
        <v>206</v>
      </c>
      <c r="BB36" s="261">
        <v>157</v>
      </c>
      <c r="BC36" s="261">
        <v>13</v>
      </c>
      <c r="BD36" s="262">
        <v>897</v>
      </c>
      <c r="BE36" s="263">
        <v>897</v>
      </c>
      <c r="BF36" s="257">
        <v>0</v>
      </c>
      <c r="BG36" s="261">
        <v>0</v>
      </c>
      <c r="BH36" s="258">
        <v>0</v>
      </c>
      <c r="BI36" s="260">
        <v>0</v>
      </c>
      <c r="BJ36" s="261">
        <v>53</v>
      </c>
      <c r="BK36" s="261">
        <v>22</v>
      </c>
      <c r="BL36" s="261">
        <v>11</v>
      </c>
      <c r="BM36" s="261">
        <v>51</v>
      </c>
      <c r="BN36" s="261">
        <v>0</v>
      </c>
      <c r="BO36" s="258">
        <v>137</v>
      </c>
      <c r="BP36" s="263">
        <v>137</v>
      </c>
      <c r="BQ36" s="257">
        <v>0</v>
      </c>
      <c r="BR36" s="261">
        <v>0</v>
      </c>
      <c r="BS36" s="258">
        <v>0</v>
      </c>
      <c r="BT36" s="260">
        <v>0</v>
      </c>
      <c r="BU36" s="261">
        <v>8</v>
      </c>
      <c r="BV36" s="261">
        <v>35</v>
      </c>
      <c r="BW36" s="261">
        <v>22</v>
      </c>
      <c r="BX36" s="261">
        <v>47</v>
      </c>
      <c r="BY36" s="261">
        <v>23</v>
      </c>
      <c r="BZ36" s="258">
        <v>135</v>
      </c>
      <c r="CA36" s="263">
        <v>135</v>
      </c>
      <c r="CB36" s="257">
        <v>0</v>
      </c>
      <c r="CC36" s="261">
        <v>0</v>
      </c>
      <c r="CD36" s="258">
        <v>0</v>
      </c>
      <c r="CE36" s="260">
        <v>0</v>
      </c>
      <c r="CF36" s="261">
        <v>0</v>
      </c>
      <c r="CG36" s="261">
        <v>7</v>
      </c>
      <c r="CH36" s="261">
        <v>0</v>
      </c>
      <c r="CI36" s="261">
        <v>10</v>
      </c>
      <c r="CJ36" s="261">
        <v>4</v>
      </c>
      <c r="CK36" s="258">
        <v>21</v>
      </c>
      <c r="CL36" s="263">
        <v>21</v>
      </c>
      <c r="CM36" s="257">
        <v>0</v>
      </c>
      <c r="CN36" s="261">
        <v>0</v>
      </c>
      <c r="CO36" s="258">
        <v>0</v>
      </c>
      <c r="CP36" s="260">
        <v>0</v>
      </c>
      <c r="CQ36" s="261">
        <v>0</v>
      </c>
      <c r="CR36" s="261">
        <v>0</v>
      </c>
      <c r="CS36" s="261">
        <v>0</v>
      </c>
      <c r="CT36" s="261">
        <v>0</v>
      </c>
      <c r="CU36" s="261">
        <v>0</v>
      </c>
      <c r="CV36" s="258">
        <v>0</v>
      </c>
      <c r="CW36" s="263">
        <v>0</v>
      </c>
      <c r="CX36" s="257">
        <v>0</v>
      </c>
      <c r="CY36" s="261">
        <v>0</v>
      </c>
      <c r="CZ36" s="258">
        <v>0</v>
      </c>
      <c r="DA36" s="260">
        <v>0</v>
      </c>
      <c r="DB36" s="261">
        <v>0</v>
      </c>
      <c r="DC36" s="261">
        <v>0</v>
      </c>
      <c r="DD36" s="261">
        <v>0</v>
      </c>
      <c r="DE36" s="261">
        <v>0</v>
      </c>
      <c r="DF36" s="261">
        <v>0</v>
      </c>
      <c r="DG36" s="258">
        <v>0</v>
      </c>
      <c r="DH36" s="263">
        <v>0</v>
      </c>
    </row>
    <row r="37" spans="2:112" ht="21" customHeight="1" x14ac:dyDescent="0.2">
      <c r="B37" s="472" t="s">
        <v>35</v>
      </c>
      <c r="C37" s="257">
        <v>0</v>
      </c>
      <c r="D37" s="261">
        <v>0</v>
      </c>
      <c r="E37" s="358">
        <v>0</v>
      </c>
      <c r="F37" s="260">
        <v>0</v>
      </c>
      <c r="G37" s="261">
        <v>1293</v>
      </c>
      <c r="H37" s="261">
        <v>994</v>
      </c>
      <c r="I37" s="261">
        <v>1886</v>
      </c>
      <c r="J37" s="261">
        <v>1890</v>
      </c>
      <c r="K37" s="261">
        <v>1154</v>
      </c>
      <c r="L37" s="262">
        <v>7217</v>
      </c>
      <c r="M37" s="263">
        <v>7217</v>
      </c>
      <c r="N37" s="257">
        <v>0</v>
      </c>
      <c r="O37" s="261">
        <v>0</v>
      </c>
      <c r="P37" s="258">
        <v>0</v>
      </c>
      <c r="Q37" s="260">
        <v>0</v>
      </c>
      <c r="R37" s="261">
        <v>0</v>
      </c>
      <c r="S37" s="261">
        <v>27</v>
      </c>
      <c r="T37" s="261">
        <v>17</v>
      </c>
      <c r="U37" s="261">
        <v>73</v>
      </c>
      <c r="V37" s="261">
        <v>58</v>
      </c>
      <c r="W37" s="258">
        <v>175</v>
      </c>
      <c r="X37" s="263">
        <v>175</v>
      </c>
      <c r="Y37" s="257">
        <v>12</v>
      </c>
      <c r="Z37" s="261">
        <v>67</v>
      </c>
      <c r="AA37" s="258">
        <v>79</v>
      </c>
      <c r="AB37" s="260">
        <v>0</v>
      </c>
      <c r="AC37" s="261">
        <v>511</v>
      </c>
      <c r="AD37" s="261">
        <v>334</v>
      </c>
      <c r="AE37" s="261">
        <v>293</v>
      </c>
      <c r="AF37" s="261">
        <v>265</v>
      </c>
      <c r="AG37" s="261">
        <v>236</v>
      </c>
      <c r="AH37" s="258">
        <v>1639</v>
      </c>
      <c r="AI37" s="263">
        <v>1718</v>
      </c>
      <c r="AJ37" s="257">
        <v>52</v>
      </c>
      <c r="AK37" s="261">
        <v>172</v>
      </c>
      <c r="AL37" s="258">
        <v>224</v>
      </c>
      <c r="AM37" s="260">
        <v>0</v>
      </c>
      <c r="AN37" s="261">
        <v>284</v>
      </c>
      <c r="AO37" s="261">
        <v>143</v>
      </c>
      <c r="AP37" s="261">
        <v>69</v>
      </c>
      <c r="AQ37" s="261">
        <v>183</v>
      </c>
      <c r="AR37" s="261">
        <v>40</v>
      </c>
      <c r="AS37" s="258">
        <v>719</v>
      </c>
      <c r="AT37" s="263">
        <v>943</v>
      </c>
      <c r="AU37" s="257">
        <v>0</v>
      </c>
      <c r="AV37" s="261">
        <v>0</v>
      </c>
      <c r="AW37" s="258">
        <v>0</v>
      </c>
      <c r="AX37" s="260">
        <v>0</v>
      </c>
      <c r="AY37" s="261">
        <v>1339</v>
      </c>
      <c r="AZ37" s="261">
        <v>931</v>
      </c>
      <c r="BA37" s="261">
        <v>645</v>
      </c>
      <c r="BB37" s="261">
        <v>451</v>
      </c>
      <c r="BC37" s="261">
        <v>285</v>
      </c>
      <c r="BD37" s="262">
        <v>3651</v>
      </c>
      <c r="BE37" s="263">
        <v>3651</v>
      </c>
      <c r="BF37" s="257">
        <v>0</v>
      </c>
      <c r="BG37" s="261">
        <v>0</v>
      </c>
      <c r="BH37" s="258">
        <v>0</v>
      </c>
      <c r="BI37" s="260">
        <v>0</v>
      </c>
      <c r="BJ37" s="261">
        <v>449</v>
      </c>
      <c r="BK37" s="261">
        <v>213</v>
      </c>
      <c r="BL37" s="261">
        <v>68</v>
      </c>
      <c r="BM37" s="261">
        <v>138</v>
      </c>
      <c r="BN37" s="261">
        <v>5</v>
      </c>
      <c r="BO37" s="258">
        <v>873</v>
      </c>
      <c r="BP37" s="263">
        <v>873</v>
      </c>
      <c r="BQ37" s="257">
        <v>3</v>
      </c>
      <c r="BR37" s="261">
        <v>0</v>
      </c>
      <c r="BS37" s="258">
        <v>3</v>
      </c>
      <c r="BT37" s="260">
        <v>0</v>
      </c>
      <c r="BU37" s="261">
        <v>84</v>
      </c>
      <c r="BV37" s="261">
        <v>34</v>
      </c>
      <c r="BW37" s="261">
        <v>211</v>
      </c>
      <c r="BX37" s="261">
        <v>108</v>
      </c>
      <c r="BY37" s="261">
        <v>10</v>
      </c>
      <c r="BZ37" s="258">
        <v>447</v>
      </c>
      <c r="CA37" s="263">
        <v>450</v>
      </c>
      <c r="CB37" s="257">
        <v>0</v>
      </c>
      <c r="CC37" s="261">
        <v>0</v>
      </c>
      <c r="CD37" s="258">
        <v>0</v>
      </c>
      <c r="CE37" s="260">
        <v>0</v>
      </c>
      <c r="CF37" s="261">
        <v>5</v>
      </c>
      <c r="CG37" s="261">
        <v>4</v>
      </c>
      <c r="CH37" s="261">
        <v>4</v>
      </c>
      <c r="CI37" s="261">
        <v>20</v>
      </c>
      <c r="CJ37" s="261">
        <v>10</v>
      </c>
      <c r="CK37" s="258">
        <v>43</v>
      </c>
      <c r="CL37" s="263">
        <v>43</v>
      </c>
      <c r="CM37" s="257">
        <v>0</v>
      </c>
      <c r="CN37" s="261">
        <v>0</v>
      </c>
      <c r="CO37" s="258">
        <v>0</v>
      </c>
      <c r="CP37" s="260">
        <v>0</v>
      </c>
      <c r="CQ37" s="261">
        <v>0</v>
      </c>
      <c r="CR37" s="261">
        <v>0</v>
      </c>
      <c r="CS37" s="261">
        <v>0</v>
      </c>
      <c r="CT37" s="261">
        <v>0</v>
      </c>
      <c r="CU37" s="261">
        <v>0</v>
      </c>
      <c r="CV37" s="258">
        <v>0</v>
      </c>
      <c r="CW37" s="263">
        <v>0</v>
      </c>
      <c r="CX37" s="257">
        <v>0</v>
      </c>
      <c r="CY37" s="261">
        <v>0</v>
      </c>
      <c r="CZ37" s="258">
        <v>0</v>
      </c>
      <c r="DA37" s="260">
        <v>0</v>
      </c>
      <c r="DB37" s="261">
        <v>0</v>
      </c>
      <c r="DC37" s="261">
        <v>0</v>
      </c>
      <c r="DD37" s="261">
        <v>0</v>
      </c>
      <c r="DE37" s="261">
        <v>0</v>
      </c>
      <c r="DF37" s="261">
        <v>0</v>
      </c>
      <c r="DG37" s="258">
        <v>0</v>
      </c>
      <c r="DH37" s="263">
        <v>0</v>
      </c>
    </row>
    <row r="38" spans="2:112" ht="21" customHeight="1" x14ac:dyDescent="0.2">
      <c r="B38" s="472" t="s">
        <v>36</v>
      </c>
      <c r="C38" s="257">
        <v>0</v>
      </c>
      <c r="D38" s="261">
        <v>0</v>
      </c>
      <c r="E38" s="358">
        <v>0</v>
      </c>
      <c r="F38" s="260">
        <v>0</v>
      </c>
      <c r="G38" s="261">
        <v>612</v>
      </c>
      <c r="H38" s="261">
        <v>1114</v>
      </c>
      <c r="I38" s="261">
        <v>1533</v>
      </c>
      <c r="J38" s="261">
        <v>1738</v>
      </c>
      <c r="K38" s="261">
        <v>2279</v>
      </c>
      <c r="L38" s="262">
        <v>7276</v>
      </c>
      <c r="M38" s="263">
        <v>7276</v>
      </c>
      <c r="N38" s="257">
        <v>0</v>
      </c>
      <c r="O38" s="261">
        <v>0</v>
      </c>
      <c r="P38" s="258">
        <v>0</v>
      </c>
      <c r="Q38" s="260">
        <v>0</v>
      </c>
      <c r="R38" s="261">
        <v>9</v>
      </c>
      <c r="S38" s="261">
        <v>30</v>
      </c>
      <c r="T38" s="261">
        <v>30</v>
      </c>
      <c r="U38" s="261">
        <v>61</v>
      </c>
      <c r="V38" s="261">
        <v>54</v>
      </c>
      <c r="W38" s="258">
        <v>184</v>
      </c>
      <c r="X38" s="263">
        <v>184</v>
      </c>
      <c r="Y38" s="257">
        <v>75</v>
      </c>
      <c r="Z38" s="261">
        <v>195</v>
      </c>
      <c r="AA38" s="258">
        <v>270</v>
      </c>
      <c r="AB38" s="260">
        <v>0</v>
      </c>
      <c r="AC38" s="261">
        <v>538</v>
      </c>
      <c r="AD38" s="261">
        <v>608</v>
      </c>
      <c r="AE38" s="261">
        <v>412</v>
      </c>
      <c r="AF38" s="261">
        <v>339</v>
      </c>
      <c r="AG38" s="261">
        <v>423</v>
      </c>
      <c r="AH38" s="258">
        <v>2320</v>
      </c>
      <c r="AI38" s="263">
        <v>2590</v>
      </c>
      <c r="AJ38" s="257">
        <v>34</v>
      </c>
      <c r="AK38" s="261">
        <v>132</v>
      </c>
      <c r="AL38" s="258">
        <v>166</v>
      </c>
      <c r="AM38" s="260">
        <v>0</v>
      </c>
      <c r="AN38" s="261">
        <v>205</v>
      </c>
      <c r="AO38" s="261">
        <v>174</v>
      </c>
      <c r="AP38" s="261">
        <v>58</v>
      </c>
      <c r="AQ38" s="261">
        <v>113</v>
      </c>
      <c r="AR38" s="261">
        <v>70</v>
      </c>
      <c r="AS38" s="258">
        <v>620</v>
      </c>
      <c r="AT38" s="263">
        <v>786</v>
      </c>
      <c r="AU38" s="257">
        <v>0</v>
      </c>
      <c r="AV38" s="261">
        <v>0</v>
      </c>
      <c r="AW38" s="258">
        <v>0</v>
      </c>
      <c r="AX38" s="260">
        <v>0</v>
      </c>
      <c r="AY38" s="261">
        <v>705</v>
      </c>
      <c r="AZ38" s="261">
        <v>1046</v>
      </c>
      <c r="BA38" s="261">
        <v>432</v>
      </c>
      <c r="BB38" s="261">
        <v>308</v>
      </c>
      <c r="BC38" s="261">
        <v>184</v>
      </c>
      <c r="BD38" s="262">
        <v>2675</v>
      </c>
      <c r="BE38" s="263">
        <v>2675</v>
      </c>
      <c r="BF38" s="257">
        <v>0</v>
      </c>
      <c r="BG38" s="261">
        <v>0</v>
      </c>
      <c r="BH38" s="258">
        <v>0</v>
      </c>
      <c r="BI38" s="260">
        <v>0</v>
      </c>
      <c r="BJ38" s="261">
        <v>201</v>
      </c>
      <c r="BK38" s="261">
        <v>247</v>
      </c>
      <c r="BL38" s="261">
        <v>150</v>
      </c>
      <c r="BM38" s="261">
        <v>45</v>
      </c>
      <c r="BN38" s="261">
        <v>12</v>
      </c>
      <c r="BO38" s="258">
        <v>655</v>
      </c>
      <c r="BP38" s="263">
        <v>655</v>
      </c>
      <c r="BQ38" s="257">
        <v>0</v>
      </c>
      <c r="BR38" s="261">
        <v>0</v>
      </c>
      <c r="BS38" s="258">
        <v>0</v>
      </c>
      <c r="BT38" s="260">
        <v>0</v>
      </c>
      <c r="BU38" s="261">
        <v>169</v>
      </c>
      <c r="BV38" s="261">
        <v>166</v>
      </c>
      <c r="BW38" s="261">
        <v>310</v>
      </c>
      <c r="BX38" s="261">
        <v>243</v>
      </c>
      <c r="BY38" s="261">
        <v>122</v>
      </c>
      <c r="BZ38" s="258">
        <v>1010</v>
      </c>
      <c r="CA38" s="263">
        <v>1010</v>
      </c>
      <c r="CB38" s="257">
        <v>0</v>
      </c>
      <c r="CC38" s="261">
        <v>0</v>
      </c>
      <c r="CD38" s="258">
        <v>0</v>
      </c>
      <c r="CE38" s="260">
        <v>0</v>
      </c>
      <c r="CF38" s="261">
        <v>5</v>
      </c>
      <c r="CG38" s="261">
        <v>17</v>
      </c>
      <c r="CH38" s="261">
        <v>0</v>
      </c>
      <c r="CI38" s="261">
        <v>4</v>
      </c>
      <c r="CJ38" s="261">
        <v>0</v>
      </c>
      <c r="CK38" s="258">
        <v>26</v>
      </c>
      <c r="CL38" s="263">
        <v>26</v>
      </c>
      <c r="CM38" s="257">
        <v>0</v>
      </c>
      <c r="CN38" s="261">
        <v>0</v>
      </c>
      <c r="CO38" s="258">
        <v>0</v>
      </c>
      <c r="CP38" s="260">
        <v>0</v>
      </c>
      <c r="CQ38" s="261">
        <v>0</v>
      </c>
      <c r="CR38" s="261">
        <v>0</v>
      </c>
      <c r="CS38" s="261">
        <v>0</v>
      </c>
      <c r="CT38" s="261">
        <v>0</v>
      </c>
      <c r="CU38" s="261">
        <v>0</v>
      </c>
      <c r="CV38" s="258">
        <v>0</v>
      </c>
      <c r="CW38" s="263">
        <v>0</v>
      </c>
      <c r="CX38" s="257">
        <v>0</v>
      </c>
      <c r="CY38" s="261">
        <v>0</v>
      </c>
      <c r="CZ38" s="258">
        <v>0</v>
      </c>
      <c r="DA38" s="260">
        <v>0</v>
      </c>
      <c r="DB38" s="261">
        <v>0</v>
      </c>
      <c r="DC38" s="261">
        <v>0</v>
      </c>
      <c r="DD38" s="261">
        <v>0</v>
      </c>
      <c r="DE38" s="261">
        <v>0</v>
      </c>
      <c r="DF38" s="261">
        <v>0</v>
      </c>
      <c r="DG38" s="258">
        <v>0</v>
      </c>
      <c r="DH38" s="263">
        <v>0</v>
      </c>
    </row>
    <row r="39" spans="2:112" ht="21" customHeight="1" thickBot="1" x14ac:dyDescent="0.25">
      <c r="B39" s="473" t="s">
        <v>37</v>
      </c>
      <c r="C39" s="264">
        <v>0</v>
      </c>
      <c r="D39" s="268">
        <v>0</v>
      </c>
      <c r="E39" s="359">
        <v>0</v>
      </c>
      <c r="F39" s="267">
        <v>0</v>
      </c>
      <c r="G39" s="268">
        <v>39</v>
      </c>
      <c r="H39" s="268">
        <v>54</v>
      </c>
      <c r="I39" s="268">
        <v>75</v>
      </c>
      <c r="J39" s="268">
        <v>83</v>
      </c>
      <c r="K39" s="268">
        <v>115</v>
      </c>
      <c r="L39" s="269">
        <v>366</v>
      </c>
      <c r="M39" s="270">
        <v>366</v>
      </c>
      <c r="N39" s="264">
        <v>0</v>
      </c>
      <c r="O39" s="268">
        <v>0</v>
      </c>
      <c r="P39" s="265">
        <v>0</v>
      </c>
      <c r="Q39" s="267">
        <v>0</v>
      </c>
      <c r="R39" s="268">
        <v>0</v>
      </c>
      <c r="S39" s="268">
        <v>0</v>
      </c>
      <c r="T39" s="268">
        <v>0</v>
      </c>
      <c r="U39" s="268">
        <v>0</v>
      </c>
      <c r="V39" s="268">
        <v>0</v>
      </c>
      <c r="W39" s="265">
        <v>0</v>
      </c>
      <c r="X39" s="270">
        <v>0</v>
      </c>
      <c r="Y39" s="264">
        <v>10</v>
      </c>
      <c r="Z39" s="268">
        <v>2</v>
      </c>
      <c r="AA39" s="265">
        <v>12</v>
      </c>
      <c r="AB39" s="267">
        <v>0</v>
      </c>
      <c r="AC39" s="268">
        <v>22</v>
      </c>
      <c r="AD39" s="268">
        <v>27</v>
      </c>
      <c r="AE39" s="268">
        <v>8</v>
      </c>
      <c r="AF39" s="268">
        <v>35</v>
      </c>
      <c r="AG39" s="268">
        <v>42</v>
      </c>
      <c r="AH39" s="265">
        <v>134</v>
      </c>
      <c r="AI39" s="270">
        <v>146</v>
      </c>
      <c r="AJ39" s="264">
        <v>0</v>
      </c>
      <c r="AK39" s="268">
        <v>0</v>
      </c>
      <c r="AL39" s="265">
        <v>0</v>
      </c>
      <c r="AM39" s="267">
        <v>0</v>
      </c>
      <c r="AN39" s="268">
        <v>0</v>
      </c>
      <c r="AO39" s="268">
        <v>2</v>
      </c>
      <c r="AP39" s="268">
        <v>0</v>
      </c>
      <c r="AQ39" s="268">
        <v>20</v>
      </c>
      <c r="AR39" s="268">
        <v>0</v>
      </c>
      <c r="AS39" s="265">
        <v>22</v>
      </c>
      <c r="AT39" s="270">
        <v>22</v>
      </c>
      <c r="AU39" s="264">
        <v>0</v>
      </c>
      <c r="AV39" s="268">
        <v>0</v>
      </c>
      <c r="AW39" s="265">
        <v>0</v>
      </c>
      <c r="AX39" s="267">
        <v>0</v>
      </c>
      <c r="AY39" s="268">
        <v>70</v>
      </c>
      <c r="AZ39" s="268">
        <v>53</v>
      </c>
      <c r="BA39" s="268">
        <v>96</v>
      </c>
      <c r="BB39" s="268">
        <v>40</v>
      </c>
      <c r="BC39" s="268">
        <v>9</v>
      </c>
      <c r="BD39" s="269">
        <v>268</v>
      </c>
      <c r="BE39" s="270">
        <v>268</v>
      </c>
      <c r="BF39" s="264">
        <v>0</v>
      </c>
      <c r="BG39" s="268">
        <v>0</v>
      </c>
      <c r="BH39" s="265">
        <v>0</v>
      </c>
      <c r="BI39" s="267">
        <v>0</v>
      </c>
      <c r="BJ39" s="268">
        <v>45</v>
      </c>
      <c r="BK39" s="268">
        <v>34</v>
      </c>
      <c r="BL39" s="268">
        <v>0</v>
      </c>
      <c r="BM39" s="268">
        <v>23</v>
      </c>
      <c r="BN39" s="268">
        <v>4</v>
      </c>
      <c r="BO39" s="265">
        <v>106</v>
      </c>
      <c r="BP39" s="270">
        <v>106</v>
      </c>
      <c r="BQ39" s="264">
        <v>0</v>
      </c>
      <c r="BR39" s="268">
        <v>0</v>
      </c>
      <c r="BS39" s="265">
        <v>0</v>
      </c>
      <c r="BT39" s="267">
        <v>0</v>
      </c>
      <c r="BU39" s="268">
        <v>0</v>
      </c>
      <c r="BV39" s="268">
        <v>6</v>
      </c>
      <c r="BW39" s="268">
        <v>34</v>
      </c>
      <c r="BX39" s="268">
        <v>14</v>
      </c>
      <c r="BY39" s="268">
        <v>0</v>
      </c>
      <c r="BZ39" s="265">
        <v>54</v>
      </c>
      <c r="CA39" s="270">
        <v>54</v>
      </c>
      <c r="CB39" s="264">
        <v>0</v>
      </c>
      <c r="CC39" s="268">
        <v>0</v>
      </c>
      <c r="CD39" s="265">
        <v>0</v>
      </c>
      <c r="CE39" s="267">
        <v>0</v>
      </c>
      <c r="CF39" s="268">
        <v>0</v>
      </c>
      <c r="CG39" s="268">
        <v>0</v>
      </c>
      <c r="CH39" s="268">
        <v>0</v>
      </c>
      <c r="CI39" s="268">
        <v>3</v>
      </c>
      <c r="CJ39" s="268">
        <v>5</v>
      </c>
      <c r="CK39" s="265">
        <v>8</v>
      </c>
      <c r="CL39" s="270">
        <v>8</v>
      </c>
      <c r="CM39" s="264">
        <v>0</v>
      </c>
      <c r="CN39" s="268">
        <v>0</v>
      </c>
      <c r="CO39" s="265">
        <v>0</v>
      </c>
      <c r="CP39" s="267">
        <v>0</v>
      </c>
      <c r="CQ39" s="268">
        <v>0</v>
      </c>
      <c r="CR39" s="268">
        <v>0</v>
      </c>
      <c r="CS39" s="268">
        <v>0</v>
      </c>
      <c r="CT39" s="268">
        <v>0</v>
      </c>
      <c r="CU39" s="268">
        <v>0</v>
      </c>
      <c r="CV39" s="265">
        <v>0</v>
      </c>
      <c r="CW39" s="270">
        <v>0</v>
      </c>
      <c r="CX39" s="264">
        <v>0</v>
      </c>
      <c r="CY39" s="268">
        <v>0</v>
      </c>
      <c r="CZ39" s="265">
        <v>0</v>
      </c>
      <c r="DA39" s="267">
        <v>0</v>
      </c>
      <c r="DB39" s="268">
        <v>0</v>
      </c>
      <c r="DC39" s="268">
        <v>0</v>
      </c>
      <c r="DD39" s="268">
        <v>0</v>
      </c>
      <c r="DE39" s="268">
        <v>0</v>
      </c>
      <c r="DF39" s="268">
        <v>0</v>
      </c>
      <c r="DG39" s="265">
        <v>0</v>
      </c>
      <c r="DH39" s="270">
        <v>0</v>
      </c>
    </row>
    <row r="40" spans="2:112" ht="27" customHeight="1" x14ac:dyDescent="0.2"/>
  </sheetData>
  <mergeCells count="43">
    <mergeCell ref="CX3:DH3"/>
    <mergeCell ref="CX4:CZ4"/>
    <mergeCell ref="DA4:DG4"/>
    <mergeCell ref="DH4:DH5"/>
    <mergeCell ref="B3:B5"/>
    <mergeCell ref="C3:M3"/>
    <mergeCell ref="C4:E4"/>
    <mergeCell ref="F4:L4"/>
    <mergeCell ref="M4:M5"/>
    <mergeCell ref="BE4:BE5"/>
    <mergeCell ref="N4:P4"/>
    <mergeCell ref="Q4:W4"/>
    <mergeCell ref="X4:X5"/>
    <mergeCell ref="Y4:AA4"/>
    <mergeCell ref="AB4:AH4"/>
    <mergeCell ref="AI4:AI5"/>
    <mergeCell ref="AJ4:AL4"/>
    <mergeCell ref="AM4:AS4"/>
    <mergeCell ref="AT4:AT5"/>
    <mergeCell ref="AU4:AW4"/>
    <mergeCell ref="AX4:BD4"/>
    <mergeCell ref="CW4:CW5"/>
    <mergeCell ref="BF4:BH4"/>
    <mergeCell ref="BI4:BO4"/>
    <mergeCell ref="BP4:BP5"/>
    <mergeCell ref="BQ4:BS4"/>
    <mergeCell ref="BT4:BZ4"/>
    <mergeCell ref="CA4:CA5"/>
    <mergeCell ref="CB4:CD4"/>
    <mergeCell ref="CE4:CK4"/>
    <mergeCell ref="CL4:CL5"/>
    <mergeCell ref="CM4:CO4"/>
    <mergeCell ref="CP4:CV4"/>
    <mergeCell ref="J1:K1"/>
    <mergeCell ref="M1:N1"/>
    <mergeCell ref="CB3:CL3"/>
    <mergeCell ref="CM3:CW3"/>
    <mergeCell ref="N3:X3"/>
    <mergeCell ref="Y3:AI3"/>
    <mergeCell ref="AJ3:AT3"/>
    <mergeCell ref="AU3:BE3"/>
    <mergeCell ref="BF3:BP3"/>
    <mergeCell ref="BQ3:CA3"/>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docProps/app.xml><?xml version="1.0" encoding="utf-8"?>
<Properties xmlns="http://schemas.openxmlformats.org/officeDocument/2006/extended-properties" xmlns:vt="http://schemas.openxmlformats.org/officeDocument/2006/docPropsVTypes">
  <Application>Microsoft Excel</Application>
  <DocSecurity>2</DocSecurity>
  <ScaleCrop>false</ScaleCrop>
  <HeadingPairs>
    <vt:vector size="4" baseType="variant">
      <vt:variant>
        <vt:lpstr>ワークシート</vt:lpstr>
      </vt:variant>
      <vt:variant>
        <vt:i4>25</vt:i4>
      </vt:variant>
      <vt:variant>
        <vt:lpstr>名前付き一覧</vt:lpstr>
      </vt:variant>
      <vt:variant>
        <vt:i4>22</vt:i4>
      </vt:variant>
    </vt:vector>
  </HeadingPairs>
  <TitlesOfParts>
    <vt:vector size="47" baseType="lpstr">
      <vt:lpstr>第１表</vt:lpstr>
      <vt:lpstr>第２-1表</vt:lpstr>
      <vt:lpstr>第２-2表</vt:lpstr>
      <vt:lpstr>第２-3表</vt:lpstr>
      <vt:lpstr>第３-1表</vt:lpstr>
      <vt:lpstr>第３-2-1表</vt:lpstr>
      <vt:lpstr>第３-2-2表</vt:lpstr>
      <vt:lpstr>第３-2-3表 </vt:lpstr>
      <vt:lpstr>第3-3-1表</vt:lpstr>
      <vt:lpstr>第3-3-2表</vt:lpstr>
      <vt:lpstr>第3-3-3表 </vt:lpstr>
      <vt:lpstr>第４-1表</vt:lpstr>
      <vt:lpstr>第4-2-1表</vt:lpstr>
      <vt:lpstr>第4-2-2表</vt:lpstr>
      <vt:lpstr>第4-2-3表</vt:lpstr>
      <vt:lpstr>第4-3-1表</vt:lpstr>
      <vt:lpstr>第4-3-2表</vt:lpstr>
      <vt:lpstr>第4-3-3表</vt:lpstr>
      <vt:lpstr>第5-1表</vt:lpstr>
      <vt:lpstr>第5-2表</vt:lpstr>
      <vt:lpstr>第5-3表</vt:lpstr>
      <vt:lpstr>第６-1表</vt:lpstr>
      <vt:lpstr>第６-2表</vt:lpstr>
      <vt:lpstr>第６-3表 </vt:lpstr>
      <vt:lpstr>第7表</vt:lpstr>
      <vt:lpstr>第１表!Print_Area</vt:lpstr>
      <vt:lpstr>'第２-1表'!Print_Area</vt:lpstr>
      <vt:lpstr>'第２-2表'!Print_Area</vt:lpstr>
      <vt:lpstr>'第２-3表'!Print_Area</vt:lpstr>
      <vt:lpstr>'第3-3-1表'!Print_Area</vt:lpstr>
      <vt:lpstr>'第3-3-2表'!Print_Area</vt:lpstr>
      <vt:lpstr>'第3-3-3表 '!Print_Area</vt:lpstr>
      <vt:lpstr>'第２-1表'!Print_Titles</vt:lpstr>
      <vt:lpstr>'第２-2表'!Print_Titles</vt:lpstr>
      <vt:lpstr>'第２-3表'!Print_Titles</vt:lpstr>
      <vt:lpstr>'第３-1表'!Print_Titles</vt:lpstr>
      <vt:lpstr>'第３-2-1表'!Print_Titles</vt:lpstr>
      <vt:lpstr>'第３-2-2表'!Print_Titles</vt:lpstr>
      <vt:lpstr>'第３-2-3表 '!Print_Titles</vt:lpstr>
      <vt:lpstr>'第４-1表'!Print_Titles</vt:lpstr>
      <vt:lpstr>'第5-1表'!Print_Titles</vt:lpstr>
      <vt:lpstr>'第5-2表'!Print_Titles</vt:lpstr>
      <vt:lpstr>'第5-3表'!Print_Titles</vt:lpstr>
      <vt:lpstr>'第６-1表'!Print_Titles</vt:lpstr>
      <vt:lpstr>'第６-2表'!Print_Titles</vt:lpstr>
      <vt:lpstr>'第６-3表 '!Print_Titles</vt:lpstr>
      <vt:lpstr>第7表!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高齢福祉課</dc:creator>
  <cp:lastModifiedBy>user</cp:lastModifiedBy>
  <cp:lastPrinted>2023-10-11T06:18:35Z</cp:lastPrinted>
  <dcterms:created xsi:type="dcterms:W3CDTF">2008-02-08T04:23:07Z</dcterms:created>
  <dcterms:modified xsi:type="dcterms:W3CDTF">2024-03-14T02:03:52Z</dcterms:modified>
</cp:coreProperties>
</file>